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7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0" fontId="2" fillId="0" borderId="51"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182" fontId="2" fillId="0" borderId="0" xfId="0" applyNumberFormat="1" applyFont="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43"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8" t="s">
        <v>0</v>
      </c>
      <c r="F1" s="418"/>
      <c r="G1" s="418"/>
      <c r="H1" s="418"/>
      <c r="I1" s="2"/>
      <c r="J1" s="2"/>
      <c r="K1" s="2"/>
      <c r="L1" s="2"/>
    </row>
    <row r="2" spans="1:13" ht="24" customHeight="1" x14ac:dyDescent="0.2">
      <c r="A2" s="2"/>
      <c r="B2" s="2"/>
      <c r="C2" s="2"/>
      <c r="D2" s="2"/>
      <c r="E2" s="2"/>
      <c r="F2" s="41">
        <v>6</v>
      </c>
      <c r="G2" s="16">
        <v>8</v>
      </c>
      <c r="H2" s="2"/>
      <c r="I2" s="2"/>
      <c r="J2" s="2"/>
      <c r="K2" s="2"/>
      <c r="L2" s="2"/>
      <c r="M2" s="2"/>
    </row>
    <row r="3" spans="1:13" ht="24" customHeight="1" x14ac:dyDescent="0.2"/>
    <row r="4" spans="1:13" ht="20.25" customHeight="1" x14ac:dyDescent="0.2">
      <c r="D4" s="3"/>
      <c r="E4" s="4" t="s">
        <v>1</v>
      </c>
      <c r="F4" s="3"/>
      <c r="H4" s="23">
        <f>G2</f>
        <v>8</v>
      </c>
    </row>
    <row r="5" spans="1:13" ht="10.5" customHeight="1" thickBot="1" x14ac:dyDescent="0.25">
      <c r="E5" s="5"/>
    </row>
    <row r="6" spans="1:13" ht="21" customHeight="1" x14ac:dyDescent="0.2">
      <c r="E6" s="38"/>
      <c r="F6" s="419" t="s">
        <v>2</v>
      </c>
      <c r="G6" s="420"/>
      <c r="H6" s="420"/>
      <c r="I6" s="421"/>
    </row>
    <row r="7" spans="1:13" ht="21" customHeight="1" x14ac:dyDescent="0.2">
      <c r="E7" s="6"/>
      <c r="F7" s="7"/>
      <c r="G7" s="8" t="s">
        <v>3</v>
      </c>
      <c r="H7" s="39" t="s">
        <v>147</v>
      </c>
      <c r="I7" s="40" t="s">
        <v>146</v>
      </c>
    </row>
    <row r="8" spans="1:13" ht="21" customHeight="1" x14ac:dyDescent="0.2">
      <c r="E8" s="65" t="s">
        <v>4</v>
      </c>
      <c r="F8" s="43">
        <v>2355729</v>
      </c>
      <c r="G8" s="43">
        <v>989143</v>
      </c>
      <c r="H8" s="43">
        <v>951441</v>
      </c>
      <c r="I8" s="44">
        <v>415145</v>
      </c>
    </row>
    <row r="9" spans="1:13" ht="21" customHeight="1" x14ac:dyDescent="0.2">
      <c r="E9" s="66" t="s">
        <v>5</v>
      </c>
      <c r="F9" s="45">
        <v>941101</v>
      </c>
      <c r="G9" s="45">
        <v>395360</v>
      </c>
      <c r="H9" s="45">
        <v>374221</v>
      </c>
      <c r="I9" s="46">
        <v>171520</v>
      </c>
    </row>
    <row r="10" spans="1:13" ht="21" customHeight="1" x14ac:dyDescent="0.2">
      <c r="E10" s="66" t="s">
        <v>6</v>
      </c>
      <c r="F10" s="45">
        <v>310794</v>
      </c>
      <c r="G10" s="45">
        <v>137436</v>
      </c>
      <c r="H10" s="45">
        <v>119442</v>
      </c>
      <c r="I10" s="46">
        <v>53916</v>
      </c>
    </row>
    <row r="11" spans="1:13" ht="21" customHeight="1" x14ac:dyDescent="0.2">
      <c r="E11" s="66" t="s">
        <v>14</v>
      </c>
      <c r="F11" s="45">
        <v>189348</v>
      </c>
      <c r="G11" s="45">
        <v>79940</v>
      </c>
      <c r="H11" s="45">
        <v>78995</v>
      </c>
      <c r="I11" s="46">
        <v>30413</v>
      </c>
    </row>
    <row r="12" spans="1:13" ht="21" customHeight="1" x14ac:dyDescent="0.2">
      <c r="E12" s="66" t="s">
        <v>7</v>
      </c>
      <c r="F12" s="45">
        <v>124777</v>
      </c>
      <c r="G12" s="45">
        <v>49200</v>
      </c>
      <c r="H12" s="45">
        <v>52485</v>
      </c>
      <c r="I12" s="46">
        <v>23092</v>
      </c>
    </row>
    <row r="13" spans="1:13" ht="21" customHeight="1" x14ac:dyDescent="0.2">
      <c r="E13" s="66" t="s">
        <v>8</v>
      </c>
      <c r="F13" s="45">
        <v>73945</v>
      </c>
      <c r="G13" s="45">
        <v>31490</v>
      </c>
      <c r="H13" s="45">
        <v>30226</v>
      </c>
      <c r="I13" s="46">
        <v>12229</v>
      </c>
    </row>
    <row r="14" spans="1:13" ht="21" customHeight="1" x14ac:dyDescent="0.2">
      <c r="E14" s="66" t="s">
        <v>9</v>
      </c>
      <c r="F14" s="45">
        <v>53360</v>
      </c>
      <c r="G14" s="45">
        <v>19580</v>
      </c>
      <c r="H14" s="45">
        <v>21811</v>
      </c>
      <c r="I14" s="46">
        <v>11969</v>
      </c>
    </row>
    <row r="15" spans="1:13" ht="21" customHeight="1" x14ac:dyDescent="0.2">
      <c r="E15" s="66" t="s">
        <v>10</v>
      </c>
      <c r="F15" s="45">
        <v>109144</v>
      </c>
      <c r="G15" s="45">
        <v>44796</v>
      </c>
      <c r="H15" s="45">
        <v>44428</v>
      </c>
      <c r="I15" s="46">
        <v>19920</v>
      </c>
    </row>
    <row r="16" spans="1:13" ht="21" customHeight="1" x14ac:dyDescent="0.2">
      <c r="E16" s="66" t="s">
        <v>11</v>
      </c>
      <c r="F16" s="45">
        <v>57631</v>
      </c>
      <c r="G16" s="45">
        <v>24389</v>
      </c>
      <c r="H16" s="45">
        <v>22950</v>
      </c>
      <c r="I16" s="46">
        <v>10292</v>
      </c>
    </row>
    <row r="17" spans="5:13" ht="21" customHeight="1" x14ac:dyDescent="0.2">
      <c r="E17" s="66" t="s">
        <v>12</v>
      </c>
      <c r="F17" s="45">
        <v>66199</v>
      </c>
      <c r="G17" s="45">
        <v>27115</v>
      </c>
      <c r="H17" s="45">
        <v>26934</v>
      </c>
      <c r="I17" s="46">
        <v>12150</v>
      </c>
    </row>
    <row r="18" spans="5:13" ht="21" customHeight="1" x14ac:dyDescent="0.2">
      <c r="E18" s="66" t="s">
        <v>13</v>
      </c>
      <c r="F18" s="45">
        <v>18447</v>
      </c>
      <c r="G18" s="45">
        <v>6745</v>
      </c>
      <c r="H18" s="45">
        <v>7578</v>
      </c>
      <c r="I18" s="46">
        <v>4124</v>
      </c>
      <c r="M18" s="1" t="s">
        <v>87</v>
      </c>
    </row>
    <row r="19" spans="5:13" ht="21" customHeight="1" x14ac:dyDescent="0.2">
      <c r="E19" s="66" t="s">
        <v>15</v>
      </c>
      <c r="F19" s="45">
        <v>15893</v>
      </c>
      <c r="G19" s="45">
        <v>6603</v>
      </c>
      <c r="H19" s="45">
        <v>6423</v>
      </c>
      <c r="I19" s="46">
        <v>2867</v>
      </c>
    </row>
    <row r="20" spans="5:13" ht="21" customHeight="1" x14ac:dyDescent="0.2">
      <c r="E20" s="66" t="s">
        <v>16</v>
      </c>
      <c r="F20" s="45">
        <v>49717</v>
      </c>
      <c r="G20" s="45">
        <v>21635</v>
      </c>
      <c r="H20" s="45">
        <v>20801</v>
      </c>
      <c r="I20" s="46">
        <v>7281</v>
      </c>
    </row>
    <row r="21" spans="5:13" ht="21" customHeight="1" x14ac:dyDescent="0.2">
      <c r="E21" s="66" t="s">
        <v>17</v>
      </c>
      <c r="F21" s="45">
        <v>59091</v>
      </c>
      <c r="G21" s="45">
        <v>25600</v>
      </c>
      <c r="H21" s="45">
        <v>24873</v>
      </c>
      <c r="I21" s="46">
        <v>8618</v>
      </c>
    </row>
    <row r="22" spans="5:13" ht="21" customHeight="1" x14ac:dyDescent="0.2">
      <c r="E22" s="66" t="s">
        <v>18</v>
      </c>
      <c r="F22" s="45">
        <v>58562</v>
      </c>
      <c r="G22" s="45">
        <v>24676</v>
      </c>
      <c r="H22" s="45">
        <v>24438</v>
      </c>
      <c r="I22" s="46">
        <v>9448</v>
      </c>
    </row>
    <row r="23" spans="5:13" ht="21" customHeight="1" x14ac:dyDescent="0.2">
      <c r="E23" s="66" t="s">
        <v>19</v>
      </c>
      <c r="F23" s="45">
        <v>26759</v>
      </c>
      <c r="G23" s="45">
        <v>11262</v>
      </c>
      <c r="H23" s="45">
        <v>11188</v>
      </c>
      <c r="I23" s="46">
        <v>4309</v>
      </c>
    </row>
    <row r="24" spans="5:13" ht="21" customHeight="1" x14ac:dyDescent="0.2">
      <c r="E24" s="66" t="s">
        <v>20</v>
      </c>
      <c r="F24" s="45">
        <v>34369</v>
      </c>
      <c r="G24" s="45">
        <v>14722</v>
      </c>
      <c r="H24" s="45">
        <v>14428</v>
      </c>
      <c r="I24" s="46">
        <v>5219</v>
      </c>
    </row>
    <row r="25" spans="5:13" ht="21" customHeight="1" x14ac:dyDescent="0.2">
      <c r="E25" s="66" t="s">
        <v>21</v>
      </c>
      <c r="F25" s="45">
        <v>34616</v>
      </c>
      <c r="G25" s="45">
        <v>14777</v>
      </c>
      <c r="H25" s="45">
        <v>14431</v>
      </c>
      <c r="I25" s="46">
        <v>5408</v>
      </c>
    </row>
    <row r="26" spans="5:13" ht="21" customHeight="1" x14ac:dyDescent="0.2">
      <c r="E26" s="66" t="s">
        <v>22</v>
      </c>
      <c r="F26" s="45">
        <v>13642</v>
      </c>
      <c r="G26" s="45">
        <v>5465</v>
      </c>
      <c r="H26" s="45">
        <v>5698</v>
      </c>
      <c r="I26" s="46">
        <v>2479</v>
      </c>
    </row>
    <row r="27" spans="5:13" ht="21" customHeight="1" x14ac:dyDescent="0.2">
      <c r="E27" s="66" t="s">
        <v>23</v>
      </c>
      <c r="F27" s="45">
        <v>22651</v>
      </c>
      <c r="G27" s="45">
        <v>8870</v>
      </c>
      <c r="H27" s="45">
        <v>10285</v>
      </c>
      <c r="I27" s="46">
        <v>3496</v>
      </c>
    </row>
    <row r="28" spans="5:13" ht="21" customHeight="1" x14ac:dyDescent="0.2">
      <c r="E28" s="66" t="s">
        <v>24</v>
      </c>
      <c r="F28" s="45">
        <v>10091</v>
      </c>
      <c r="G28" s="45">
        <v>3649</v>
      </c>
      <c r="H28" s="45">
        <v>4333</v>
      </c>
      <c r="I28" s="46">
        <v>2109</v>
      </c>
    </row>
    <row r="29" spans="5:13" ht="21" customHeight="1" x14ac:dyDescent="0.2">
      <c r="E29" s="66" t="s">
        <v>25</v>
      </c>
      <c r="F29" s="45">
        <v>13551</v>
      </c>
      <c r="G29" s="45">
        <v>5919</v>
      </c>
      <c r="H29" s="45">
        <v>5645</v>
      </c>
      <c r="I29" s="46">
        <v>1987</v>
      </c>
    </row>
    <row r="30" spans="5:13" ht="21" customHeight="1" x14ac:dyDescent="0.2">
      <c r="E30" s="66" t="s">
        <v>26</v>
      </c>
      <c r="F30" s="45">
        <v>11085</v>
      </c>
      <c r="G30" s="45">
        <v>4369</v>
      </c>
      <c r="H30" s="45">
        <v>4739</v>
      </c>
      <c r="I30" s="46">
        <v>1977</v>
      </c>
    </row>
    <row r="31" spans="5:13" ht="21" customHeight="1" x14ac:dyDescent="0.2">
      <c r="E31" s="66" t="s">
        <v>27</v>
      </c>
      <c r="F31" s="45">
        <v>9835</v>
      </c>
      <c r="G31" s="45">
        <v>3731</v>
      </c>
      <c r="H31" s="45">
        <v>4154</v>
      </c>
      <c r="I31" s="46">
        <v>1950</v>
      </c>
    </row>
    <row r="32" spans="5:13" ht="21" customHeight="1" x14ac:dyDescent="0.2">
      <c r="E32" s="66" t="s">
        <v>28</v>
      </c>
      <c r="F32" s="45">
        <v>3215</v>
      </c>
      <c r="G32" s="45">
        <v>1376</v>
      </c>
      <c r="H32" s="45">
        <v>1375</v>
      </c>
      <c r="I32" s="46">
        <v>464</v>
      </c>
    </row>
    <row r="33" spans="5:9" ht="21" customHeight="1" x14ac:dyDescent="0.2">
      <c r="E33" s="66" t="s">
        <v>29</v>
      </c>
      <c r="F33" s="45">
        <v>5005</v>
      </c>
      <c r="G33" s="45">
        <v>2098</v>
      </c>
      <c r="H33" s="45">
        <v>2131</v>
      </c>
      <c r="I33" s="46">
        <v>776</v>
      </c>
    </row>
    <row r="34" spans="5:9" ht="21" customHeight="1" x14ac:dyDescent="0.2">
      <c r="E34" s="66" t="s">
        <v>30</v>
      </c>
      <c r="F34" s="45">
        <v>3737</v>
      </c>
      <c r="G34" s="45">
        <v>1524</v>
      </c>
      <c r="H34" s="45">
        <v>1494</v>
      </c>
      <c r="I34" s="46">
        <v>719</v>
      </c>
    </row>
    <row r="35" spans="5:9" ht="21" customHeight="1" x14ac:dyDescent="0.2">
      <c r="E35" s="66" t="s">
        <v>31</v>
      </c>
      <c r="F35" s="45">
        <v>4013</v>
      </c>
      <c r="G35" s="45">
        <v>1795</v>
      </c>
      <c r="H35" s="45">
        <v>1495</v>
      </c>
      <c r="I35" s="46">
        <v>723</v>
      </c>
    </row>
    <row r="36" spans="5:9" ht="21" customHeight="1" x14ac:dyDescent="0.2">
      <c r="E36" s="66" t="s">
        <v>32</v>
      </c>
      <c r="F36" s="45">
        <v>4712</v>
      </c>
      <c r="G36" s="45">
        <v>1999</v>
      </c>
      <c r="H36" s="45">
        <v>1912</v>
      </c>
      <c r="I36" s="46">
        <v>801</v>
      </c>
    </row>
    <row r="37" spans="5:9" ht="21" customHeight="1" x14ac:dyDescent="0.2">
      <c r="E37" s="66" t="s">
        <v>33</v>
      </c>
      <c r="F37" s="45">
        <v>4113</v>
      </c>
      <c r="G37" s="45">
        <v>1704</v>
      </c>
      <c r="H37" s="45">
        <v>1686</v>
      </c>
      <c r="I37" s="46">
        <v>723</v>
      </c>
    </row>
    <row r="38" spans="5:9" ht="21" customHeight="1" x14ac:dyDescent="0.2">
      <c r="E38" s="66" t="s">
        <v>34</v>
      </c>
      <c r="F38" s="45">
        <v>3013</v>
      </c>
      <c r="G38" s="45">
        <v>1230</v>
      </c>
      <c r="H38" s="45">
        <v>1236</v>
      </c>
      <c r="I38" s="46">
        <v>547</v>
      </c>
    </row>
    <row r="39" spans="5:9" ht="21" customHeight="1" x14ac:dyDescent="0.2">
      <c r="E39" s="66" t="s">
        <v>35</v>
      </c>
      <c r="F39" s="45">
        <v>9820</v>
      </c>
      <c r="G39" s="45">
        <v>3904</v>
      </c>
      <c r="H39" s="45">
        <v>4083</v>
      </c>
      <c r="I39" s="46">
        <v>1833</v>
      </c>
    </row>
    <row r="40" spans="5:9" ht="21" customHeight="1" x14ac:dyDescent="0.2">
      <c r="E40" s="66" t="s">
        <v>36</v>
      </c>
      <c r="F40" s="45">
        <v>12410</v>
      </c>
      <c r="G40" s="45">
        <v>5678</v>
      </c>
      <c r="H40" s="45">
        <v>5109</v>
      </c>
      <c r="I40" s="46">
        <v>1623</v>
      </c>
    </row>
    <row r="41" spans="5:9" ht="21" customHeight="1" thickBot="1" x14ac:dyDescent="0.25">
      <c r="E41" s="67" t="s">
        <v>37</v>
      </c>
      <c r="F41" s="47">
        <v>1083</v>
      </c>
      <c r="G41" s="47">
        <v>506</v>
      </c>
      <c r="H41" s="47">
        <v>414</v>
      </c>
      <c r="I41" s="48">
        <v>16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8</v>
      </c>
      <c r="M1" s="445">
        <f>IF(L1&lt;3,L1+12-2,L1-2)</f>
        <v>6</v>
      </c>
      <c r="N1" s="445"/>
    </row>
    <row r="2" spans="2:112" ht="24" customHeight="1" thickBot="1" x14ac:dyDescent="0.25">
      <c r="B2" s="142" t="s">
        <v>128</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12291</v>
      </c>
      <c r="H6" s="184">
        <v>18429</v>
      </c>
      <c r="I6" s="184">
        <v>20499</v>
      </c>
      <c r="J6" s="184">
        <v>23430</v>
      </c>
      <c r="K6" s="184">
        <v>23025</v>
      </c>
      <c r="L6" s="187">
        <v>97674</v>
      </c>
      <c r="M6" s="188">
        <v>97674</v>
      </c>
      <c r="N6" s="183">
        <v>0</v>
      </c>
      <c r="O6" s="184">
        <v>2</v>
      </c>
      <c r="P6" s="189">
        <v>2</v>
      </c>
      <c r="Q6" s="186">
        <v>0</v>
      </c>
      <c r="R6" s="184">
        <v>19</v>
      </c>
      <c r="S6" s="184">
        <v>120</v>
      </c>
      <c r="T6" s="184">
        <v>197</v>
      </c>
      <c r="U6" s="184">
        <v>523</v>
      </c>
      <c r="V6" s="184">
        <v>922</v>
      </c>
      <c r="W6" s="189">
        <v>1781</v>
      </c>
      <c r="X6" s="188">
        <v>1783</v>
      </c>
      <c r="Y6" s="183">
        <v>1080</v>
      </c>
      <c r="Z6" s="184">
        <v>3000</v>
      </c>
      <c r="AA6" s="189">
        <v>4080</v>
      </c>
      <c r="AB6" s="186">
        <v>0</v>
      </c>
      <c r="AC6" s="184">
        <v>8053</v>
      </c>
      <c r="AD6" s="184">
        <v>13302</v>
      </c>
      <c r="AE6" s="184">
        <v>8533</v>
      </c>
      <c r="AF6" s="184">
        <v>6259</v>
      </c>
      <c r="AG6" s="184">
        <v>4342</v>
      </c>
      <c r="AH6" s="189">
        <v>40489</v>
      </c>
      <c r="AI6" s="188">
        <v>44569</v>
      </c>
      <c r="AJ6" s="183">
        <v>242</v>
      </c>
      <c r="AK6" s="184">
        <v>508</v>
      </c>
      <c r="AL6" s="189">
        <v>750</v>
      </c>
      <c r="AM6" s="186">
        <v>0</v>
      </c>
      <c r="AN6" s="184">
        <v>991</v>
      </c>
      <c r="AO6" s="184">
        <v>1551</v>
      </c>
      <c r="AP6" s="184">
        <v>1055</v>
      </c>
      <c r="AQ6" s="184">
        <v>725</v>
      </c>
      <c r="AR6" s="184">
        <v>383</v>
      </c>
      <c r="AS6" s="189">
        <v>4705</v>
      </c>
      <c r="AT6" s="188">
        <v>5455</v>
      </c>
      <c r="AU6" s="183">
        <v>0</v>
      </c>
      <c r="AV6" s="184">
        <v>0</v>
      </c>
      <c r="AW6" s="189">
        <v>0</v>
      </c>
      <c r="AX6" s="186">
        <v>0</v>
      </c>
      <c r="AY6" s="184">
        <v>12487</v>
      </c>
      <c r="AZ6" s="184">
        <v>11368</v>
      </c>
      <c r="BA6" s="184">
        <v>7194</v>
      </c>
      <c r="BB6" s="184">
        <v>2927</v>
      </c>
      <c r="BC6" s="184">
        <v>1204</v>
      </c>
      <c r="BD6" s="187">
        <v>35180</v>
      </c>
      <c r="BE6" s="188">
        <v>35180</v>
      </c>
      <c r="BF6" s="183">
        <v>0</v>
      </c>
      <c r="BG6" s="184">
        <v>1</v>
      </c>
      <c r="BH6" s="189">
        <v>1</v>
      </c>
      <c r="BI6" s="186">
        <v>0</v>
      </c>
      <c r="BJ6" s="184">
        <v>2547</v>
      </c>
      <c r="BK6" s="184">
        <v>3597</v>
      </c>
      <c r="BL6" s="184">
        <v>2113</v>
      </c>
      <c r="BM6" s="184">
        <v>1201</v>
      </c>
      <c r="BN6" s="184">
        <v>304</v>
      </c>
      <c r="BO6" s="189">
        <v>9762</v>
      </c>
      <c r="BP6" s="188">
        <v>9763</v>
      </c>
      <c r="BQ6" s="183">
        <v>42</v>
      </c>
      <c r="BR6" s="184">
        <v>107</v>
      </c>
      <c r="BS6" s="189">
        <v>149</v>
      </c>
      <c r="BT6" s="186">
        <v>0</v>
      </c>
      <c r="BU6" s="184">
        <v>1096</v>
      </c>
      <c r="BV6" s="184">
        <v>2058</v>
      </c>
      <c r="BW6" s="184">
        <v>2928</v>
      </c>
      <c r="BX6" s="184">
        <v>2236</v>
      </c>
      <c r="BY6" s="184">
        <v>1003</v>
      </c>
      <c r="BZ6" s="189">
        <v>9321</v>
      </c>
      <c r="CA6" s="188">
        <v>9470</v>
      </c>
      <c r="CB6" s="183">
        <v>0</v>
      </c>
      <c r="CC6" s="184">
        <v>0</v>
      </c>
      <c r="CD6" s="189">
        <v>0</v>
      </c>
      <c r="CE6" s="186">
        <v>0</v>
      </c>
      <c r="CF6" s="184">
        <v>80</v>
      </c>
      <c r="CG6" s="184">
        <v>368</v>
      </c>
      <c r="CH6" s="184">
        <v>439</v>
      </c>
      <c r="CI6" s="184">
        <v>308</v>
      </c>
      <c r="CJ6" s="184">
        <v>145</v>
      </c>
      <c r="CK6" s="189">
        <v>1340</v>
      </c>
      <c r="CL6" s="188">
        <v>1340</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631</v>
      </c>
      <c r="H7" s="191">
        <v>8460</v>
      </c>
      <c r="I7" s="191">
        <v>9216</v>
      </c>
      <c r="J7" s="191">
        <v>9409</v>
      </c>
      <c r="K7" s="191">
        <v>8964</v>
      </c>
      <c r="L7" s="194">
        <v>40680</v>
      </c>
      <c r="M7" s="195">
        <v>40680</v>
      </c>
      <c r="N7" s="190">
        <v>0</v>
      </c>
      <c r="O7" s="191">
        <v>2</v>
      </c>
      <c r="P7" s="196">
        <v>2</v>
      </c>
      <c r="Q7" s="193">
        <v>0</v>
      </c>
      <c r="R7" s="191">
        <v>12</v>
      </c>
      <c r="S7" s="191">
        <v>55</v>
      </c>
      <c r="T7" s="191">
        <v>74</v>
      </c>
      <c r="U7" s="191">
        <v>231</v>
      </c>
      <c r="V7" s="191">
        <v>463</v>
      </c>
      <c r="W7" s="196">
        <v>835</v>
      </c>
      <c r="X7" s="195">
        <v>837</v>
      </c>
      <c r="Y7" s="190">
        <v>466</v>
      </c>
      <c r="Z7" s="191">
        <v>1773</v>
      </c>
      <c r="AA7" s="196">
        <v>2239</v>
      </c>
      <c r="AB7" s="193">
        <v>0</v>
      </c>
      <c r="AC7" s="191">
        <v>3328</v>
      </c>
      <c r="AD7" s="191">
        <v>7402</v>
      </c>
      <c r="AE7" s="191">
        <v>4712</v>
      </c>
      <c r="AF7" s="191">
        <v>3131</v>
      </c>
      <c r="AG7" s="191">
        <v>1991</v>
      </c>
      <c r="AH7" s="196">
        <v>20564</v>
      </c>
      <c r="AI7" s="195">
        <v>22803</v>
      </c>
      <c r="AJ7" s="190">
        <v>72</v>
      </c>
      <c r="AK7" s="191">
        <v>249</v>
      </c>
      <c r="AL7" s="196">
        <v>321</v>
      </c>
      <c r="AM7" s="193">
        <v>0</v>
      </c>
      <c r="AN7" s="191">
        <v>304</v>
      </c>
      <c r="AO7" s="191">
        <v>637</v>
      </c>
      <c r="AP7" s="191">
        <v>440</v>
      </c>
      <c r="AQ7" s="191">
        <v>285</v>
      </c>
      <c r="AR7" s="191">
        <v>128</v>
      </c>
      <c r="AS7" s="196">
        <v>1794</v>
      </c>
      <c r="AT7" s="195">
        <v>2115</v>
      </c>
      <c r="AU7" s="190">
        <v>0</v>
      </c>
      <c r="AV7" s="191">
        <v>0</v>
      </c>
      <c r="AW7" s="196">
        <v>0</v>
      </c>
      <c r="AX7" s="193">
        <v>0</v>
      </c>
      <c r="AY7" s="191">
        <v>4314</v>
      </c>
      <c r="AZ7" s="191">
        <v>4847</v>
      </c>
      <c r="BA7" s="191">
        <v>2814</v>
      </c>
      <c r="BB7" s="191">
        <v>1206</v>
      </c>
      <c r="BC7" s="191">
        <v>580</v>
      </c>
      <c r="BD7" s="194">
        <v>13761</v>
      </c>
      <c r="BE7" s="195">
        <v>13761</v>
      </c>
      <c r="BF7" s="190">
        <v>0</v>
      </c>
      <c r="BG7" s="191">
        <v>0</v>
      </c>
      <c r="BH7" s="196">
        <v>0</v>
      </c>
      <c r="BI7" s="193">
        <v>0</v>
      </c>
      <c r="BJ7" s="191">
        <v>848</v>
      </c>
      <c r="BK7" s="191">
        <v>1649</v>
      </c>
      <c r="BL7" s="191">
        <v>987</v>
      </c>
      <c r="BM7" s="191">
        <v>597</v>
      </c>
      <c r="BN7" s="191">
        <v>112</v>
      </c>
      <c r="BO7" s="196">
        <v>4193</v>
      </c>
      <c r="BP7" s="195">
        <v>4193</v>
      </c>
      <c r="BQ7" s="190">
        <v>5</v>
      </c>
      <c r="BR7" s="191">
        <v>49</v>
      </c>
      <c r="BS7" s="196">
        <v>54</v>
      </c>
      <c r="BT7" s="193">
        <v>0</v>
      </c>
      <c r="BU7" s="191">
        <v>407</v>
      </c>
      <c r="BV7" s="191">
        <v>840</v>
      </c>
      <c r="BW7" s="191">
        <v>1157</v>
      </c>
      <c r="BX7" s="191">
        <v>865</v>
      </c>
      <c r="BY7" s="191">
        <v>373</v>
      </c>
      <c r="BZ7" s="196">
        <v>3642</v>
      </c>
      <c r="CA7" s="195">
        <v>3696</v>
      </c>
      <c r="CB7" s="190">
        <v>0</v>
      </c>
      <c r="CC7" s="191">
        <v>0</v>
      </c>
      <c r="CD7" s="196">
        <v>0</v>
      </c>
      <c r="CE7" s="193">
        <v>0</v>
      </c>
      <c r="CF7" s="191">
        <v>36</v>
      </c>
      <c r="CG7" s="191">
        <v>204</v>
      </c>
      <c r="CH7" s="191">
        <v>281</v>
      </c>
      <c r="CI7" s="191">
        <v>201</v>
      </c>
      <c r="CJ7" s="191">
        <v>124</v>
      </c>
      <c r="CK7" s="196">
        <v>846</v>
      </c>
      <c r="CL7" s="195">
        <v>846</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782</v>
      </c>
      <c r="H8" s="191">
        <v>2159</v>
      </c>
      <c r="I8" s="191">
        <v>1943</v>
      </c>
      <c r="J8" s="191">
        <v>2347</v>
      </c>
      <c r="K8" s="191">
        <v>3263</v>
      </c>
      <c r="L8" s="194">
        <v>11494</v>
      </c>
      <c r="M8" s="195">
        <v>11494</v>
      </c>
      <c r="N8" s="190">
        <v>0</v>
      </c>
      <c r="O8" s="191">
        <v>0</v>
      </c>
      <c r="P8" s="196">
        <v>0</v>
      </c>
      <c r="Q8" s="193">
        <v>0</v>
      </c>
      <c r="R8" s="191">
        <v>4</v>
      </c>
      <c r="S8" s="191">
        <v>9</v>
      </c>
      <c r="T8" s="191">
        <v>10</v>
      </c>
      <c r="U8" s="191">
        <v>38</v>
      </c>
      <c r="V8" s="191">
        <v>110</v>
      </c>
      <c r="W8" s="196">
        <v>171</v>
      </c>
      <c r="X8" s="195">
        <v>171</v>
      </c>
      <c r="Y8" s="190">
        <v>146</v>
      </c>
      <c r="Z8" s="191">
        <v>349</v>
      </c>
      <c r="AA8" s="196">
        <v>495</v>
      </c>
      <c r="AB8" s="193">
        <v>0</v>
      </c>
      <c r="AC8" s="191">
        <v>1442</v>
      </c>
      <c r="AD8" s="191">
        <v>1864</v>
      </c>
      <c r="AE8" s="191">
        <v>736</v>
      </c>
      <c r="AF8" s="191">
        <v>854</v>
      </c>
      <c r="AG8" s="191">
        <v>663</v>
      </c>
      <c r="AH8" s="196">
        <v>5559</v>
      </c>
      <c r="AI8" s="195">
        <v>6054</v>
      </c>
      <c r="AJ8" s="190">
        <v>34</v>
      </c>
      <c r="AK8" s="191">
        <v>33</v>
      </c>
      <c r="AL8" s="196">
        <v>67</v>
      </c>
      <c r="AM8" s="193">
        <v>0</v>
      </c>
      <c r="AN8" s="191">
        <v>267</v>
      </c>
      <c r="AO8" s="191">
        <v>252</v>
      </c>
      <c r="AP8" s="191">
        <v>131</v>
      </c>
      <c r="AQ8" s="191">
        <v>83</v>
      </c>
      <c r="AR8" s="191">
        <v>54</v>
      </c>
      <c r="AS8" s="196">
        <v>787</v>
      </c>
      <c r="AT8" s="195">
        <v>854</v>
      </c>
      <c r="AU8" s="190">
        <v>0</v>
      </c>
      <c r="AV8" s="191">
        <v>0</v>
      </c>
      <c r="AW8" s="196">
        <v>0</v>
      </c>
      <c r="AX8" s="193">
        <v>0</v>
      </c>
      <c r="AY8" s="191">
        <v>1727</v>
      </c>
      <c r="AZ8" s="191">
        <v>1712</v>
      </c>
      <c r="BA8" s="191">
        <v>748</v>
      </c>
      <c r="BB8" s="191">
        <v>376</v>
      </c>
      <c r="BC8" s="191">
        <v>191</v>
      </c>
      <c r="BD8" s="194">
        <v>4754</v>
      </c>
      <c r="BE8" s="195">
        <v>4754</v>
      </c>
      <c r="BF8" s="190">
        <v>0</v>
      </c>
      <c r="BG8" s="191">
        <v>0</v>
      </c>
      <c r="BH8" s="196">
        <v>0</v>
      </c>
      <c r="BI8" s="193">
        <v>0</v>
      </c>
      <c r="BJ8" s="191">
        <v>309</v>
      </c>
      <c r="BK8" s="191">
        <v>420</v>
      </c>
      <c r="BL8" s="191">
        <v>259</v>
      </c>
      <c r="BM8" s="191">
        <v>156</v>
      </c>
      <c r="BN8" s="191">
        <v>40</v>
      </c>
      <c r="BO8" s="196">
        <v>1184</v>
      </c>
      <c r="BP8" s="195">
        <v>1184</v>
      </c>
      <c r="BQ8" s="190">
        <v>20</v>
      </c>
      <c r="BR8" s="191">
        <v>10</v>
      </c>
      <c r="BS8" s="196">
        <v>30</v>
      </c>
      <c r="BT8" s="193">
        <v>0</v>
      </c>
      <c r="BU8" s="191">
        <v>96</v>
      </c>
      <c r="BV8" s="191">
        <v>256</v>
      </c>
      <c r="BW8" s="191">
        <v>183</v>
      </c>
      <c r="BX8" s="191">
        <v>154</v>
      </c>
      <c r="BY8" s="191">
        <v>115</v>
      </c>
      <c r="BZ8" s="196">
        <v>804</v>
      </c>
      <c r="CA8" s="195">
        <v>834</v>
      </c>
      <c r="CB8" s="190">
        <v>0</v>
      </c>
      <c r="CC8" s="191">
        <v>0</v>
      </c>
      <c r="CD8" s="196">
        <v>0</v>
      </c>
      <c r="CE8" s="193">
        <v>0</v>
      </c>
      <c r="CF8" s="191">
        <v>16</v>
      </c>
      <c r="CG8" s="191">
        <v>59</v>
      </c>
      <c r="CH8" s="191">
        <v>34</v>
      </c>
      <c r="CI8" s="191">
        <v>37</v>
      </c>
      <c r="CJ8" s="191">
        <v>19</v>
      </c>
      <c r="CK8" s="196">
        <v>165</v>
      </c>
      <c r="CL8" s="195">
        <v>165</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77</v>
      </c>
      <c r="H9" s="191">
        <v>1337</v>
      </c>
      <c r="I9" s="191">
        <v>1281</v>
      </c>
      <c r="J9" s="191">
        <v>1689</v>
      </c>
      <c r="K9" s="191">
        <v>1830</v>
      </c>
      <c r="L9" s="194">
        <v>6814</v>
      </c>
      <c r="M9" s="195">
        <v>6814</v>
      </c>
      <c r="N9" s="190">
        <v>0</v>
      </c>
      <c r="O9" s="191">
        <v>0</v>
      </c>
      <c r="P9" s="196">
        <v>0</v>
      </c>
      <c r="Q9" s="193">
        <v>0</v>
      </c>
      <c r="R9" s="191">
        <v>0</v>
      </c>
      <c r="S9" s="191">
        <v>9</v>
      </c>
      <c r="T9" s="191">
        <v>19</v>
      </c>
      <c r="U9" s="191">
        <v>27</v>
      </c>
      <c r="V9" s="191">
        <v>41</v>
      </c>
      <c r="W9" s="196">
        <v>96</v>
      </c>
      <c r="X9" s="195">
        <v>96</v>
      </c>
      <c r="Y9" s="190">
        <v>84</v>
      </c>
      <c r="Z9" s="191">
        <v>235</v>
      </c>
      <c r="AA9" s="196">
        <v>319</v>
      </c>
      <c r="AB9" s="193">
        <v>0</v>
      </c>
      <c r="AC9" s="191">
        <v>404</v>
      </c>
      <c r="AD9" s="191">
        <v>703</v>
      </c>
      <c r="AE9" s="191">
        <v>656</v>
      </c>
      <c r="AF9" s="191">
        <v>379</v>
      </c>
      <c r="AG9" s="191">
        <v>346</v>
      </c>
      <c r="AH9" s="196">
        <v>2488</v>
      </c>
      <c r="AI9" s="195">
        <v>2807</v>
      </c>
      <c r="AJ9" s="190">
        <v>12</v>
      </c>
      <c r="AK9" s="191">
        <v>20</v>
      </c>
      <c r="AL9" s="196">
        <v>32</v>
      </c>
      <c r="AM9" s="193">
        <v>0</v>
      </c>
      <c r="AN9" s="191">
        <v>0</v>
      </c>
      <c r="AO9" s="191">
        <v>22</v>
      </c>
      <c r="AP9" s="191">
        <v>13</v>
      </c>
      <c r="AQ9" s="191">
        <v>38</v>
      </c>
      <c r="AR9" s="191">
        <v>22</v>
      </c>
      <c r="AS9" s="196">
        <v>95</v>
      </c>
      <c r="AT9" s="195">
        <v>127</v>
      </c>
      <c r="AU9" s="190">
        <v>0</v>
      </c>
      <c r="AV9" s="191">
        <v>0</v>
      </c>
      <c r="AW9" s="196">
        <v>0</v>
      </c>
      <c r="AX9" s="193">
        <v>0</v>
      </c>
      <c r="AY9" s="191">
        <v>859</v>
      </c>
      <c r="AZ9" s="191">
        <v>900</v>
      </c>
      <c r="BA9" s="191">
        <v>1011</v>
      </c>
      <c r="BB9" s="191">
        <v>339</v>
      </c>
      <c r="BC9" s="191">
        <v>90</v>
      </c>
      <c r="BD9" s="194">
        <v>3199</v>
      </c>
      <c r="BE9" s="195">
        <v>3199</v>
      </c>
      <c r="BF9" s="190">
        <v>0</v>
      </c>
      <c r="BG9" s="191">
        <v>0</v>
      </c>
      <c r="BH9" s="196">
        <v>0</v>
      </c>
      <c r="BI9" s="193">
        <v>0</v>
      </c>
      <c r="BJ9" s="191">
        <v>86</v>
      </c>
      <c r="BK9" s="191">
        <v>199</v>
      </c>
      <c r="BL9" s="191">
        <v>130</v>
      </c>
      <c r="BM9" s="191">
        <v>54</v>
      </c>
      <c r="BN9" s="191">
        <v>4</v>
      </c>
      <c r="BO9" s="196">
        <v>473</v>
      </c>
      <c r="BP9" s="195">
        <v>473</v>
      </c>
      <c r="BQ9" s="190">
        <v>2</v>
      </c>
      <c r="BR9" s="191">
        <v>0</v>
      </c>
      <c r="BS9" s="196">
        <v>2</v>
      </c>
      <c r="BT9" s="193">
        <v>0</v>
      </c>
      <c r="BU9" s="191">
        <v>16</v>
      </c>
      <c r="BV9" s="191">
        <v>90</v>
      </c>
      <c r="BW9" s="191">
        <v>317</v>
      </c>
      <c r="BX9" s="191">
        <v>245</v>
      </c>
      <c r="BY9" s="191">
        <v>136</v>
      </c>
      <c r="BZ9" s="196">
        <v>804</v>
      </c>
      <c r="CA9" s="195">
        <v>806</v>
      </c>
      <c r="CB9" s="190">
        <v>0</v>
      </c>
      <c r="CC9" s="191">
        <v>0</v>
      </c>
      <c r="CD9" s="196">
        <v>0</v>
      </c>
      <c r="CE9" s="193">
        <v>0</v>
      </c>
      <c r="CF9" s="191">
        <v>0</v>
      </c>
      <c r="CG9" s="191">
        <v>8</v>
      </c>
      <c r="CH9" s="191">
        <v>36</v>
      </c>
      <c r="CI9" s="191">
        <v>32</v>
      </c>
      <c r="CJ9" s="191">
        <v>0</v>
      </c>
      <c r="CK9" s="196">
        <v>76</v>
      </c>
      <c r="CL9" s="195">
        <v>76</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308</v>
      </c>
      <c r="H10" s="191">
        <v>1511</v>
      </c>
      <c r="I10" s="191">
        <v>1199</v>
      </c>
      <c r="J10" s="191">
        <v>1790</v>
      </c>
      <c r="K10" s="191">
        <v>1296</v>
      </c>
      <c r="L10" s="194">
        <v>7104</v>
      </c>
      <c r="M10" s="195">
        <v>7104</v>
      </c>
      <c r="N10" s="190">
        <v>0</v>
      </c>
      <c r="O10" s="191">
        <v>0</v>
      </c>
      <c r="P10" s="196">
        <v>0</v>
      </c>
      <c r="Q10" s="193">
        <v>0</v>
      </c>
      <c r="R10" s="191">
        <v>0</v>
      </c>
      <c r="S10" s="191">
        <v>13</v>
      </c>
      <c r="T10" s="191">
        <v>16</v>
      </c>
      <c r="U10" s="191">
        <v>27</v>
      </c>
      <c r="V10" s="191">
        <v>61</v>
      </c>
      <c r="W10" s="196">
        <v>117</v>
      </c>
      <c r="X10" s="195">
        <v>117</v>
      </c>
      <c r="Y10" s="190">
        <v>22</v>
      </c>
      <c r="Z10" s="191">
        <v>7</v>
      </c>
      <c r="AA10" s="196">
        <v>29</v>
      </c>
      <c r="AB10" s="193">
        <v>0</v>
      </c>
      <c r="AC10" s="191">
        <v>434</v>
      </c>
      <c r="AD10" s="191">
        <v>439</v>
      </c>
      <c r="AE10" s="191">
        <v>177</v>
      </c>
      <c r="AF10" s="191">
        <v>211</v>
      </c>
      <c r="AG10" s="191">
        <v>247</v>
      </c>
      <c r="AH10" s="196">
        <v>1508</v>
      </c>
      <c r="AI10" s="195">
        <v>1537</v>
      </c>
      <c r="AJ10" s="190">
        <v>0</v>
      </c>
      <c r="AK10" s="191">
        <v>16</v>
      </c>
      <c r="AL10" s="196">
        <v>16</v>
      </c>
      <c r="AM10" s="193">
        <v>0</v>
      </c>
      <c r="AN10" s="191">
        <v>36</v>
      </c>
      <c r="AO10" s="191">
        <v>44</v>
      </c>
      <c r="AP10" s="191">
        <v>42</v>
      </c>
      <c r="AQ10" s="191">
        <v>44</v>
      </c>
      <c r="AR10" s="191">
        <v>6</v>
      </c>
      <c r="AS10" s="196">
        <v>172</v>
      </c>
      <c r="AT10" s="195">
        <v>188</v>
      </c>
      <c r="AU10" s="190">
        <v>0</v>
      </c>
      <c r="AV10" s="191">
        <v>0</v>
      </c>
      <c r="AW10" s="196">
        <v>0</v>
      </c>
      <c r="AX10" s="193">
        <v>0</v>
      </c>
      <c r="AY10" s="191">
        <v>1239</v>
      </c>
      <c r="AZ10" s="191">
        <v>630</v>
      </c>
      <c r="BA10" s="191">
        <v>458</v>
      </c>
      <c r="BB10" s="191">
        <v>53</v>
      </c>
      <c r="BC10" s="191">
        <v>59</v>
      </c>
      <c r="BD10" s="194">
        <v>2439</v>
      </c>
      <c r="BE10" s="195">
        <v>2439</v>
      </c>
      <c r="BF10" s="190">
        <v>0</v>
      </c>
      <c r="BG10" s="191">
        <v>0</v>
      </c>
      <c r="BH10" s="196">
        <v>0</v>
      </c>
      <c r="BI10" s="193">
        <v>0</v>
      </c>
      <c r="BJ10" s="191">
        <v>144</v>
      </c>
      <c r="BK10" s="191">
        <v>170</v>
      </c>
      <c r="BL10" s="191">
        <v>61</v>
      </c>
      <c r="BM10" s="191">
        <v>32</v>
      </c>
      <c r="BN10" s="191">
        <v>19</v>
      </c>
      <c r="BO10" s="196">
        <v>426</v>
      </c>
      <c r="BP10" s="195">
        <v>426</v>
      </c>
      <c r="BQ10" s="190">
        <v>3</v>
      </c>
      <c r="BR10" s="191">
        <v>9</v>
      </c>
      <c r="BS10" s="196">
        <v>12</v>
      </c>
      <c r="BT10" s="193">
        <v>0</v>
      </c>
      <c r="BU10" s="191">
        <v>86</v>
      </c>
      <c r="BV10" s="191">
        <v>331</v>
      </c>
      <c r="BW10" s="191">
        <v>289</v>
      </c>
      <c r="BX10" s="191">
        <v>93</v>
      </c>
      <c r="BY10" s="191">
        <v>73</v>
      </c>
      <c r="BZ10" s="196">
        <v>872</v>
      </c>
      <c r="CA10" s="195">
        <v>884</v>
      </c>
      <c r="CB10" s="190">
        <v>0</v>
      </c>
      <c r="CC10" s="191">
        <v>0</v>
      </c>
      <c r="CD10" s="196">
        <v>0</v>
      </c>
      <c r="CE10" s="193">
        <v>0</v>
      </c>
      <c r="CF10" s="191">
        <v>3</v>
      </c>
      <c r="CG10" s="191">
        <v>17</v>
      </c>
      <c r="CH10" s="191">
        <v>16</v>
      </c>
      <c r="CI10" s="191">
        <v>11</v>
      </c>
      <c r="CJ10" s="191">
        <v>2</v>
      </c>
      <c r="CK10" s="196">
        <v>49</v>
      </c>
      <c r="CL10" s="195">
        <v>49</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87</v>
      </c>
      <c r="H11" s="191">
        <v>544</v>
      </c>
      <c r="I11" s="191">
        <v>852</v>
      </c>
      <c r="J11" s="191">
        <v>579</v>
      </c>
      <c r="K11" s="191">
        <v>1048</v>
      </c>
      <c r="L11" s="194">
        <v>3310</v>
      </c>
      <c r="M11" s="195">
        <v>3310</v>
      </c>
      <c r="N11" s="190">
        <v>0</v>
      </c>
      <c r="O11" s="191">
        <v>0</v>
      </c>
      <c r="P11" s="196">
        <v>0</v>
      </c>
      <c r="Q11" s="193">
        <v>0</v>
      </c>
      <c r="R11" s="191">
        <v>0</v>
      </c>
      <c r="S11" s="191">
        <v>6</v>
      </c>
      <c r="T11" s="191">
        <v>16</v>
      </c>
      <c r="U11" s="191">
        <v>13</v>
      </c>
      <c r="V11" s="191">
        <v>25</v>
      </c>
      <c r="W11" s="196">
        <v>60</v>
      </c>
      <c r="X11" s="195">
        <v>60</v>
      </c>
      <c r="Y11" s="190">
        <v>20</v>
      </c>
      <c r="Z11" s="191">
        <v>4</v>
      </c>
      <c r="AA11" s="196">
        <v>24</v>
      </c>
      <c r="AB11" s="193">
        <v>0</v>
      </c>
      <c r="AC11" s="191">
        <v>77</v>
      </c>
      <c r="AD11" s="191">
        <v>168</v>
      </c>
      <c r="AE11" s="191">
        <v>216</v>
      </c>
      <c r="AF11" s="191">
        <v>111</v>
      </c>
      <c r="AG11" s="191">
        <v>99</v>
      </c>
      <c r="AH11" s="196">
        <v>671</v>
      </c>
      <c r="AI11" s="195">
        <v>695</v>
      </c>
      <c r="AJ11" s="190">
        <v>8</v>
      </c>
      <c r="AK11" s="191">
        <v>3</v>
      </c>
      <c r="AL11" s="196">
        <v>11</v>
      </c>
      <c r="AM11" s="193">
        <v>0</v>
      </c>
      <c r="AN11" s="191">
        <v>90</v>
      </c>
      <c r="AO11" s="191">
        <v>21</v>
      </c>
      <c r="AP11" s="191">
        <v>72</v>
      </c>
      <c r="AQ11" s="191">
        <v>0</v>
      </c>
      <c r="AR11" s="191">
        <v>8</v>
      </c>
      <c r="AS11" s="196">
        <v>191</v>
      </c>
      <c r="AT11" s="195">
        <v>202</v>
      </c>
      <c r="AU11" s="190">
        <v>0</v>
      </c>
      <c r="AV11" s="191">
        <v>0</v>
      </c>
      <c r="AW11" s="196">
        <v>0</v>
      </c>
      <c r="AX11" s="193">
        <v>0</v>
      </c>
      <c r="AY11" s="191">
        <v>304</v>
      </c>
      <c r="AZ11" s="191">
        <v>362</v>
      </c>
      <c r="BA11" s="191">
        <v>150</v>
      </c>
      <c r="BB11" s="191">
        <v>147</v>
      </c>
      <c r="BC11" s="191">
        <v>48</v>
      </c>
      <c r="BD11" s="194">
        <v>1011</v>
      </c>
      <c r="BE11" s="195">
        <v>1011</v>
      </c>
      <c r="BF11" s="190">
        <v>0</v>
      </c>
      <c r="BG11" s="191">
        <v>0</v>
      </c>
      <c r="BH11" s="196">
        <v>0</v>
      </c>
      <c r="BI11" s="193">
        <v>0</v>
      </c>
      <c r="BJ11" s="191">
        <v>82</v>
      </c>
      <c r="BK11" s="191">
        <v>59</v>
      </c>
      <c r="BL11" s="191">
        <v>75</v>
      </c>
      <c r="BM11" s="191">
        <v>11</v>
      </c>
      <c r="BN11" s="191">
        <v>24</v>
      </c>
      <c r="BO11" s="196">
        <v>251</v>
      </c>
      <c r="BP11" s="195">
        <v>251</v>
      </c>
      <c r="BQ11" s="190">
        <v>8</v>
      </c>
      <c r="BR11" s="191">
        <v>3</v>
      </c>
      <c r="BS11" s="196">
        <v>11</v>
      </c>
      <c r="BT11" s="193">
        <v>0</v>
      </c>
      <c r="BU11" s="191">
        <v>45</v>
      </c>
      <c r="BV11" s="191">
        <v>22</v>
      </c>
      <c r="BW11" s="191">
        <v>157</v>
      </c>
      <c r="BX11" s="191">
        <v>73</v>
      </c>
      <c r="BY11" s="191">
        <v>11</v>
      </c>
      <c r="BZ11" s="196">
        <v>308</v>
      </c>
      <c r="CA11" s="195">
        <v>319</v>
      </c>
      <c r="CB11" s="190">
        <v>0</v>
      </c>
      <c r="CC11" s="191">
        <v>0</v>
      </c>
      <c r="CD11" s="196">
        <v>0</v>
      </c>
      <c r="CE11" s="193">
        <v>0</v>
      </c>
      <c r="CF11" s="191">
        <v>0</v>
      </c>
      <c r="CG11" s="191">
        <v>3</v>
      </c>
      <c r="CH11" s="191">
        <v>9</v>
      </c>
      <c r="CI11" s="191">
        <v>0</v>
      </c>
      <c r="CJ11" s="191">
        <v>0</v>
      </c>
      <c r="CK11" s="196">
        <v>12</v>
      </c>
      <c r="CL11" s="195">
        <v>12</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29</v>
      </c>
      <c r="H12" s="191">
        <v>549</v>
      </c>
      <c r="I12" s="191">
        <v>900</v>
      </c>
      <c r="J12" s="191">
        <v>1094</v>
      </c>
      <c r="K12" s="191">
        <v>824</v>
      </c>
      <c r="L12" s="194">
        <v>3896</v>
      </c>
      <c r="M12" s="195">
        <v>3896</v>
      </c>
      <c r="N12" s="190">
        <v>0</v>
      </c>
      <c r="O12" s="191">
        <v>0</v>
      </c>
      <c r="P12" s="196">
        <v>0</v>
      </c>
      <c r="Q12" s="193">
        <v>0</v>
      </c>
      <c r="R12" s="191">
        <v>0</v>
      </c>
      <c r="S12" s="191">
        <v>4</v>
      </c>
      <c r="T12" s="191">
        <v>4</v>
      </c>
      <c r="U12" s="191">
        <v>2</v>
      </c>
      <c r="V12" s="191">
        <v>28</v>
      </c>
      <c r="W12" s="196">
        <v>38</v>
      </c>
      <c r="X12" s="195">
        <v>38</v>
      </c>
      <c r="Y12" s="190">
        <v>37</v>
      </c>
      <c r="Z12" s="191">
        <v>73</v>
      </c>
      <c r="AA12" s="196">
        <v>110</v>
      </c>
      <c r="AB12" s="193">
        <v>0</v>
      </c>
      <c r="AC12" s="191">
        <v>436</v>
      </c>
      <c r="AD12" s="191">
        <v>270</v>
      </c>
      <c r="AE12" s="191">
        <v>298</v>
      </c>
      <c r="AF12" s="191">
        <v>181</v>
      </c>
      <c r="AG12" s="191">
        <v>190</v>
      </c>
      <c r="AH12" s="196">
        <v>1375</v>
      </c>
      <c r="AI12" s="195">
        <v>1485</v>
      </c>
      <c r="AJ12" s="190">
        <v>0</v>
      </c>
      <c r="AK12" s="191">
        <v>14</v>
      </c>
      <c r="AL12" s="196">
        <v>14</v>
      </c>
      <c r="AM12" s="193">
        <v>0</v>
      </c>
      <c r="AN12" s="191">
        <v>33</v>
      </c>
      <c r="AO12" s="191">
        <v>40</v>
      </c>
      <c r="AP12" s="191">
        <v>20</v>
      </c>
      <c r="AQ12" s="191">
        <v>48</v>
      </c>
      <c r="AR12" s="191">
        <v>18</v>
      </c>
      <c r="AS12" s="196">
        <v>159</v>
      </c>
      <c r="AT12" s="195">
        <v>173</v>
      </c>
      <c r="AU12" s="190">
        <v>0</v>
      </c>
      <c r="AV12" s="191">
        <v>0</v>
      </c>
      <c r="AW12" s="196">
        <v>0</v>
      </c>
      <c r="AX12" s="193">
        <v>0</v>
      </c>
      <c r="AY12" s="191">
        <v>361</v>
      </c>
      <c r="AZ12" s="191">
        <v>281</v>
      </c>
      <c r="BA12" s="191">
        <v>267</v>
      </c>
      <c r="BB12" s="191">
        <v>80</v>
      </c>
      <c r="BC12" s="191">
        <v>29</v>
      </c>
      <c r="BD12" s="194">
        <v>1018</v>
      </c>
      <c r="BE12" s="195">
        <v>1018</v>
      </c>
      <c r="BF12" s="190">
        <v>0</v>
      </c>
      <c r="BG12" s="191">
        <v>0</v>
      </c>
      <c r="BH12" s="196">
        <v>0</v>
      </c>
      <c r="BI12" s="193">
        <v>0</v>
      </c>
      <c r="BJ12" s="191">
        <v>87</v>
      </c>
      <c r="BK12" s="191">
        <v>79</v>
      </c>
      <c r="BL12" s="191">
        <v>56</v>
      </c>
      <c r="BM12" s="191">
        <v>93</v>
      </c>
      <c r="BN12" s="191">
        <v>8</v>
      </c>
      <c r="BO12" s="196">
        <v>323</v>
      </c>
      <c r="BP12" s="195">
        <v>323</v>
      </c>
      <c r="BQ12" s="190">
        <v>0</v>
      </c>
      <c r="BR12" s="191">
        <v>0</v>
      </c>
      <c r="BS12" s="196">
        <v>0</v>
      </c>
      <c r="BT12" s="193">
        <v>0</v>
      </c>
      <c r="BU12" s="191">
        <v>55</v>
      </c>
      <c r="BV12" s="191">
        <v>62</v>
      </c>
      <c r="BW12" s="191">
        <v>186</v>
      </c>
      <c r="BX12" s="191">
        <v>122</v>
      </c>
      <c r="BY12" s="191">
        <v>12</v>
      </c>
      <c r="BZ12" s="196">
        <v>437</v>
      </c>
      <c r="CA12" s="195">
        <v>437</v>
      </c>
      <c r="CB12" s="190">
        <v>0</v>
      </c>
      <c r="CC12" s="191">
        <v>0</v>
      </c>
      <c r="CD12" s="196">
        <v>0</v>
      </c>
      <c r="CE12" s="193">
        <v>0</v>
      </c>
      <c r="CF12" s="191">
        <v>0</v>
      </c>
      <c r="CG12" s="191">
        <v>26</v>
      </c>
      <c r="CH12" s="191">
        <v>5</v>
      </c>
      <c r="CI12" s="191">
        <v>0</v>
      </c>
      <c r="CJ12" s="191">
        <v>0</v>
      </c>
      <c r="CK12" s="196">
        <v>31</v>
      </c>
      <c r="CL12" s="195">
        <v>31</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914</v>
      </c>
      <c r="H13" s="191">
        <v>899</v>
      </c>
      <c r="I13" s="191">
        <v>838</v>
      </c>
      <c r="J13" s="191">
        <v>1517</v>
      </c>
      <c r="K13" s="191">
        <v>1681</v>
      </c>
      <c r="L13" s="194">
        <v>5849</v>
      </c>
      <c r="M13" s="195">
        <v>5849</v>
      </c>
      <c r="N13" s="190">
        <v>0</v>
      </c>
      <c r="O13" s="191">
        <v>0</v>
      </c>
      <c r="P13" s="196">
        <v>0</v>
      </c>
      <c r="Q13" s="193">
        <v>0</v>
      </c>
      <c r="R13" s="191">
        <v>3</v>
      </c>
      <c r="S13" s="191">
        <v>6</v>
      </c>
      <c r="T13" s="191">
        <v>11</v>
      </c>
      <c r="U13" s="191">
        <v>22</v>
      </c>
      <c r="V13" s="191">
        <v>49</v>
      </c>
      <c r="W13" s="196">
        <v>91</v>
      </c>
      <c r="X13" s="195">
        <v>91</v>
      </c>
      <c r="Y13" s="190">
        <v>88</v>
      </c>
      <c r="Z13" s="191">
        <v>89</v>
      </c>
      <c r="AA13" s="196">
        <v>177</v>
      </c>
      <c r="AB13" s="193">
        <v>0</v>
      </c>
      <c r="AC13" s="191">
        <v>579</v>
      </c>
      <c r="AD13" s="191">
        <v>361</v>
      </c>
      <c r="AE13" s="191">
        <v>529</v>
      </c>
      <c r="AF13" s="191">
        <v>271</v>
      </c>
      <c r="AG13" s="191">
        <v>159</v>
      </c>
      <c r="AH13" s="196">
        <v>1899</v>
      </c>
      <c r="AI13" s="195">
        <v>2076</v>
      </c>
      <c r="AJ13" s="190">
        <v>10</v>
      </c>
      <c r="AK13" s="191">
        <v>37</v>
      </c>
      <c r="AL13" s="196">
        <v>47</v>
      </c>
      <c r="AM13" s="193">
        <v>0</v>
      </c>
      <c r="AN13" s="191">
        <v>46</v>
      </c>
      <c r="AO13" s="191">
        <v>56</v>
      </c>
      <c r="AP13" s="191">
        <v>56</v>
      </c>
      <c r="AQ13" s="191">
        <v>95</v>
      </c>
      <c r="AR13" s="191">
        <v>37</v>
      </c>
      <c r="AS13" s="196">
        <v>290</v>
      </c>
      <c r="AT13" s="195">
        <v>337</v>
      </c>
      <c r="AU13" s="190">
        <v>0</v>
      </c>
      <c r="AV13" s="191">
        <v>0</v>
      </c>
      <c r="AW13" s="196">
        <v>0</v>
      </c>
      <c r="AX13" s="193">
        <v>0</v>
      </c>
      <c r="AY13" s="191">
        <v>909</v>
      </c>
      <c r="AZ13" s="191">
        <v>475</v>
      </c>
      <c r="BA13" s="191">
        <v>282</v>
      </c>
      <c r="BB13" s="191">
        <v>212</v>
      </c>
      <c r="BC13" s="191">
        <v>38</v>
      </c>
      <c r="BD13" s="194">
        <v>1916</v>
      </c>
      <c r="BE13" s="195">
        <v>1916</v>
      </c>
      <c r="BF13" s="190">
        <v>0</v>
      </c>
      <c r="BG13" s="191">
        <v>0</v>
      </c>
      <c r="BH13" s="196">
        <v>0</v>
      </c>
      <c r="BI13" s="193">
        <v>0</v>
      </c>
      <c r="BJ13" s="191">
        <v>196</v>
      </c>
      <c r="BK13" s="191">
        <v>74</v>
      </c>
      <c r="BL13" s="191">
        <v>59</v>
      </c>
      <c r="BM13" s="191">
        <v>16</v>
      </c>
      <c r="BN13" s="191">
        <v>20</v>
      </c>
      <c r="BO13" s="196">
        <v>365</v>
      </c>
      <c r="BP13" s="195">
        <v>365</v>
      </c>
      <c r="BQ13" s="190">
        <v>2</v>
      </c>
      <c r="BR13" s="191">
        <v>4</v>
      </c>
      <c r="BS13" s="196">
        <v>6</v>
      </c>
      <c r="BT13" s="193">
        <v>0</v>
      </c>
      <c r="BU13" s="191">
        <v>110</v>
      </c>
      <c r="BV13" s="191">
        <v>37</v>
      </c>
      <c r="BW13" s="191">
        <v>217</v>
      </c>
      <c r="BX13" s="191">
        <v>114</v>
      </c>
      <c r="BY13" s="191">
        <v>40</v>
      </c>
      <c r="BZ13" s="196">
        <v>518</v>
      </c>
      <c r="CA13" s="195">
        <v>524</v>
      </c>
      <c r="CB13" s="190">
        <v>0</v>
      </c>
      <c r="CC13" s="191">
        <v>0</v>
      </c>
      <c r="CD13" s="196">
        <v>0</v>
      </c>
      <c r="CE13" s="193">
        <v>0</v>
      </c>
      <c r="CF13" s="191">
        <v>3</v>
      </c>
      <c r="CG13" s="191">
        <v>20</v>
      </c>
      <c r="CH13" s="191">
        <v>23</v>
      </c>
      <c r="CI13" s="191">
        <v>0</v>
      </c>
      <c r="CJ13" s="191">
        <v>0</v>
      </c>
      <c r="CK13" s="196">
        <v>46</v>
      </c>
      <c r="CL13" s="195">
        <v>46</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193</v>
      </c>
      <c r="H14" s="191">
        <v>168</v>
      </c>
      <c r="I14" s="191">
        <v>565</v>
      </c>
      <c r="J14" s="191">
        <v>668</v>
      </c>
      <c r="K14" s="191">
        <v>450</v>
      </c>
      <c r="L14" s="194">
        <v>2044</v>
      </c>
      <c r="M14" s="195">
        <v>2044</v>
      </c>
      <c r="N14" s="190">
        <v>0</v>
      </c>
      <c r="O14" s="191">
        <v>0</v>
      </c>
      <c r="P14" s="196">
        <v>0</v>
      </c>
      <c r="Q14" s="193">
        <v>0</v>
      </c>
      <c r="R14" s="191">
        <v>0</v>
      </c>
      <c r="S14" s="191">
        <v>7</v>
      </c>
      <c r="T14" s="191">
        <v>0</v>
      </c>
      <c r="U14" s="191">
        <v>24</v>
      </c>
      <c r="V14" s="191">
        <v>28</v>
      </c>
      <c r="W14" s="196">
        <v>59</v>
      </c>
      <c r="X14" s="195">
        <v>59</v>
      </c>
      <c r="Y14" s="190">
        <v>23</v>
      </c>
      <c r="Z14" s="191">
        <v>15</v>
      </c>
      <c r="AA14" s="196">
        <v>38</v>
      </c>
      <c r="AB14" s="193">
        <v>0</v>
      </c>
      <c r="AC14" s="191">
        <v>134</v>
      </c>
      <c r="AD14" s="191">
        <v>58</v>
      </c>
      <c r="AE14" s="191">
        <v>140</v>
      </c>
      <c r="AF14" s="191">
        <v>144</v>
      </c>
      <c r="AG14" s="191">
        <v>86</v>
      </c>
      <c r="AH14" s="196">
        <v>562</v>
      </c>
      <c r="AI14" s="195">
        <v>600</v>
      </c>
      <c r="AJ14" s="190">
        <v>0</v>
      </c>
      <c r="AK14" s="191">
        <v>17</v>
      </c>
      <c r="AL14" s="196">
        <v>17</v>
      </c>
      <c r="AM14" s="193">
        <v>0</v>
      </c>
      <c r="AN14" s="191">
        <v>18</v>
      </c>
      <c r="AO14" s="191">
        <v>30</v>
      </c>
      <c r="AP14" s="191">
        <v>33</v>
      </c>
      <c r="AQ14" s="191">
        <v>34</v>
      </c>
      <c r="AR14" s="191">
        <v>0</v>
      </c>
      <c r="AS14" s="196">
        <v>115</v>
      </c>
      <c r="AT14" s="195">
        <v>132</v>
      </c>
      <c r="AU14" s="190">
        <v>0</v>
      </c>
      <c r="AV14" s="191">
        <v>0</v>
      </c>
      <c r="AW14" s="196">
        <v>0</v>
      </c>
      <c r="AX14" s="193">
        <v>0</v>
      </c>
      <c r="AY14" s="191">
        <v>395</v>
      </c>
      <c r="AZ14" s="191">
        <v>205</v>
      </c>
      <c r="BA14" s="191">
        <v>176</v>
      </c>
      <c r="BB14" s="191">
        <v>84</v>
      </c>
      <c r="BC14" s="191">
        <v>4</v>
      </c>
      <c r="BD14" s="194">
        <v>864</v>
      </c>
      <c r="BE14" s="195">
        <v>864</v>
      </c>
      <c r="BF14" s="190">
        <v>0</v>
      </c>
      <c r="BG14" s="191">
        <v>0</v>
      </c>
      <c r="BH14" s="196">
        <v>0</v>
      </c>
      <c r="BI14" s="193">
        <v>0</v>
      </c>
      <c r="BJ14" s="191">
        <v>119</v>
      </c>
      <c r="BK14" s="191">
        <v>69</v>
      </c>
      <c r="BL14" s="191">
        <v>29</v>
      </c>
      <c r="BM14" s="191">
        <v>84</v>
      </c>
      <c r="BN14" s="191">
        <v>5</v>
      </c>
      <c r="BO14" s="196">
        <v>306</v>
      </c>
      <c r="BP14" s="195">
        <v>306</v>
      </c>
      <c r="BQ14" s="190">
        <v>2</v>
      </c>
      <c r="BR14" s="191">
        <v>0</v>
      </c>
      <c r="BS14" s="196">
        <v>2</v>
      </c>
      <c r="BT14" s="193">
        <v>0</v>
      </c>
      <c r="BU14" s="191">
        <v>30</v>
      </c>
      <c r="BV14" s="191">
        <v>42</v>
      </c>
      <c r="BW14" s="191">
        <v>52</v>
      </c>
      <c r="BX14" s="191">
        <v>29</v>
      </c>
      <c r="BY14" s="191">
        <v>47</v>
      </c>
      <c r="BZ14" s="196">
        <v>200</v>
      </c>
      <c r="CA14" s="195">
        <v>202</v>
      </c>
      <c r="CB14" s="190">
        <v>0</v>
      </c>
      <c r="CC14" s="191">
        <v>0</v>
      </c>
      <c r="CD14" s="196">
        <v>0</v>
      </c>
      <c r="CE14" s="193">
        <v>0</v>
      </c>
      <c r="CF14" s="191">
        <v>13</v>
      </c>
      <c r="CG14" s="191">
        <v>0</v>
      </c>
      <c r="CH14" s="191">
        <v>0</v>
      </c>
      <c r="CI14" s="191">
        <v>0</v>
      </c>
      <c r="CJ14" s="191">
        <v>0</v>
      </c>
      <c r="CK14" s="196">
        <v>13</v>
      </c>
      <c r="CL14" s="195">
        <v>13</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05</v>
      </c>
      <c r="H15" s="191">
        <v>643</v>
      </c>
      <c r="I15" s="191">
        <v>640</v>
      </c>
      <c r="J15" s="191">
        <v>1180</v>
      </c>
      <c r="K15" s="191">
        <v>866</v>
      </c>
      <c r="L15" s="194">
        <v>3634</v>
      </c>
      <c r="M15" s="195">
        <v>3634</v>
      </c>
      <c r="N15" s="190">
        <v>0</v>
      </c>
      <c r="O15" s="191">
        <v>0</v>
      </c>
      <c r="P15" s="196">
        <v>0</v>
      </c>
      <c r="Q15" s="193">
        <v>0</v>
      </c>
      <c r="R15" s="191">
        <v>0</v>
      </c>
      <c r="S15" s="191">
        <v>0</v>
      </c>
      <c r="T15" s="191">
        <v>11</v>
      </c>
      <c r="U15" s="191">
        <v>20</v>
      </c>
      <c r="V15" s="191">
        <v>15</v>
      </c>
      <c r="W15" s="196">
        <v>46</v>
      </c>
      <c r="X15" s="195">
        <v>46</v>
      </c>
      <c r="Y15" s="190">
        <v>43</v>
      </c>
      <c r="Z15" s="191">
        <v>166</v>
      </c>
      <c r="AA15" s="196">
        <v>209</v>
      </c>
      <c r="AB15" s="193">
        <v>0</v>
      </c>
      <c r="AC15" s="191">
        <v>126</v>
      </c>
      <c r="AD15" s="191">
        <v>270</v>
      </c>
      <c r="AE15" s="191">
        <v>250</v>
      </c>
      <c r="AF15" s="191">
        <v>154</v>
      </c>
      <c r="AG15" s="191">
        <v>100</v>
      </c>
      <c r="AH15" s="196">
        <v>900</v>
      </c>
      <c r="AI15" s="195">
        <v>1109</v>
      </c>
      <c r="AJ15" s="190">
        <v>0</v>
      </c>
      <c r="AK15" s="191">
        <v>8</v>
      </c>
      <c r="AL15" s="196">
        <v>8</v>
      </c>
      <c r="AM15" s="193">
        <v>0</v>
      </c>
      <c r="AN15" s="191">
        <v>14</v>
      </c>
      <c r="AO15" s="191">
        <v>18</v>
      </c>
      <c r="AP15" s="191">
        <v>12</v>
      </c>
      <c r="AQ15" s="191">
        <v>24</v>
      </c>
      <c r="AR15" s="191">
        <v>8</v>
      </c>
      <c r="AS15" s="196">
        <v>76</v>
      </c>
      <c r="AT15" s="195">
        <v>84</v>
      </c>
      <c r="AU15" s="190">
        <v>0</v>
      </c>
      <c r="AV15" s="191">
        <v>0</v>
      </c>
      <c r="AW15" s="196">
        <v>0</v>
      </c>
      <c r="AX15" s="193">
        <v>0</v>
      </c>
      <c r="AY15" s="191">
        <v>445</v>
      </c>
      <c r="AZ15" s="191">
        <v>255</v>
      </c>
      <c r="BA15" s="191">
        <v>245</v>
      </c>
      <c r="BB15" s="191">
        <v>87</v>
      </c>
      <c r="BC15" s="191">
        <v>13</v>
      </c>
      <c r="BD15" s="194">
        <v>1045</v>
      </c>
      <c r="BE15" s="195">
        <v>1045</v>
      </c>
      <c r="BF15" s="190">
        <v>0</v>
      </c>
      <c r="BG15" s="191">
        <v>0</v>
      </c>
      <c r="BH15" s="196">
        <v>0</v>
      </c>
      <c r="BI15" s="193">
        <v>0</v>
      </c>
      <c r="BJ15" s="191">
        <v>49</v>
      </c>
      <c r="BK15" s="191">
        <v>108</v>
      </c>
      <c r="BL15" s="191">
        <v>105</v>
      </c>
      <c r="BM15" s="191">
        <v>29</v>
      </c>
      <c r="BN15" s="191">
        <v>16</v>
      </c>
      <c r="BO15" s="196">
        <v>307</v>
      </c>
      <c r="BP15" s="195">
        <v>307</v>
      </c>
      <c r="BQ15" s="190">
        <v>0</v>
      </c>
      <c r="BR15" s="191">
        <v>15</v>
      </c>
      <c r="BS15" s="196">
        <v>15</v>
      </c>
      <c r="BT15" s="193">
        <v>0</v>
      </c>
      <c r="BU15" s="191">
        <v>50</v>
      </c>
      <c r="BV15" s="191">
        <v>40</v>
      </c>
      <c r="BW15" s="191">
        <v>79</v>
      </c>
      <c r="BX15" s="191">
        <v>107</v>
      </c>
      <c r="BY15" s="191">
        <v>53</v>
      </c>
      <c r="BZ15" s="196">
        <v>329</v>
      </c>
      <c r="CA15" s="195">
        <v>344</v>
      </c>
      <c r="CB15" s="190">
        <v>0</v>
      </c>
      <c r="CC15" s="191">
        <v>0</v>
      </c>
      <c r="CD15" s="196">
        <v>0</v>
      </c>
      <c r="CE15" s="193">
        <v>0</v>
      </c>
      <c r="CF15" s="191">
        <v>0</v>
      </c>
      <c r="CG15" s="191">
        <v>0</v>
      </c>
      <c r="CH15" s="191">
        <v>3</v>
      </c>
      <c r="CI15" s="191">
        <v>10</v>
      </c>
      <c r="CJ15" s="191">
        <v>0</v>
      </c>
      <c r="CK15" s="196">
        <v>13</v>
      </c>
      <c r="CL15" s="195">
        <v>13</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52</v>
      </c>
      <c r="H16" s="191">
        <v>273</v>
      </c>
      <c r="I16" s="191">
        <v>452</v>
      </c>
      <c r="J16" s="191">
        <v>325</v>
      </c>
      <c r="K16" s="191">
        <v>192</v>
      </c>
      <c r="L16" s="194">
        <v>1394</v>
      </c>
      <c r="M16" s="195">
        <v>1394</v>
      </c>
      <c r="N16" s="190">
        <v>0</v>
      </c>
      <c r="O16" s="191">
        <v>0</v>
      </c>
      <c r="P16" s="196">
        <v>0</v>
      </c>
      <c r="Q16" s="193">
        <v>0</v>
      </c>
      <c r="R16" s="191">
        <v>0</v>
      </c>
      <c r="S16" s="191">
        <v>0</v>
      </c>
      <c r="T16" s="191">
        <v>4</v>
      </c>
      <c r="U16" s="191">
        <v>4</v>
      </c>
      <c r="V16" s="191">
        <v>21</v>
      </c>
      <c r="W16" s="196">
        <v>29</v>
      </c>
      <c r="X16" s="195">
        <v>29</v>
      </c>
      <c r="Y16" s="190">
        <v>0</v>
      </c>
      <c r="Z16" s="191">
        <v>11</v>
      </c>
      <c r="AA16" s="196">
        <v>11</v>
      </c>
      <c r="AB16" s="193">
        <v>0</v>
      </c>
      <c r="AC16" s="191">
        <v>64</v>
      </c>
      <c r="AD16" s="191">
        <v>272</v>
      </c>
      <c r="AE16" s="191">
        <v>91</v>
      </c>
      <c r="AF16" s="191">
        <v>65</v>
      </c>
      <c r="AG16" s="191">
        <v>76</v>
      </c>
      <c r="AH16" s="196">
        <v>568</v>
      </c>
      <c r="AI16" s="195">
        <v>579</v>
      </c>
      <c r="AJ16" s="190">
        <v>4</v>
      </c>
      <c r="AK16" s="191">
        <v>0</v>
      </c>
      <c r="AL16" s="196">
        <v>4</v>
      </c>
      <c r="AM16" s="193">
        <v>0</v>
      </c>
      <c r="AN16" s="191">
        <v>20</v>
      </c>
      <c r="AO16" s="191">
        <v>12</v>
      </c>
      <c r="AP16" s="191">
        <v>14</v>
      </c>
      <c r="AQ16" s="191">
        <v>0</v>
      </c>
      <c r="AR16" s="191">
        <v>0</v>
      </c>
      <c r="AS16" s="196">
        <v>46</v>
      </c>
      <c r="AT16" s="195">
        <v>50</v>
      </c>
      <c r="AU16" s="190">
        <v>0</v>
      </c>
      <c r="AV16" s="191">
        <v>0</v>
      </c>
      <c r="AW16" s="196">
        <v>0</v>
      </c>
      <c r="AX16" s="193">
        <v>0</v>
      </c>
      <c r="AY16" s="191">
        <v>134</v>
      </c>
      <c r="AZ16" s="191">
        <v>71</v>
      </c>
      <c r="BA16" s="191">
        <v>147</v>
      </c>
      <c r="BB16" s="191">
        <v>32</v>
      </c>
      <c r="BC16" s="191">
        <v>16</v>
      </c>
      <c r="BD16" s="194">
        <v>400</v>
      </c>
      <c r="BE16" s="195">
        <v>400</v>
      </c>
      <c r="BF16" s="190">
        <v>0</v>
      </c>
      <c r="BG16" s="191">
        <v>0</v>
      </c>
      <c r="BH16" s="196">
        <v>0</v>
      </c>
      <c r="BI16" s="193">
        <v>0</v>
      </c>
      <c r="BJ16" s="191">
        <v>32</v>
      </c>
      <c r="BK16" s="191">
        <v>4</v>
      </c>
      <c r="BL16" s="191">
        <v>18</v>
      </c>
      <c r="BM16" s="191">
        <v>8</v>
      </c>
      <c r="BN16" s="191">
        <v>14</v>
      </c>
      <c r="BO16" s="196">
        <v>76</v>
      </c>
      <c r="BP16" s="195">
        <v>76</v>
      </c>
      <c r="BQ16" s="190">
        <v>0</v>
      </c>
      <c r="BR16" s="191">
        <v>0</v>
      </c>
      <c r="BS16" s="196">
        <v>0</v>
      </c>
      <c r="BT16" s="193">
        <v>0</v>
      </c>
      <c r="BU16" s="191">
        <v>13</v>
      </c>
      <c r="BV16" s="191">
        <v>8</v>
      </c>
      <c r="BW16" s="191">
        <v>16</v>
      </c>
      <c r="BX16" s="191">
        <v>3</v>
      </c>
      <c r="BY16" s="191">
        <v>20</v>
      </c>
      <c r="BZ16" s="196">
        <v>60</v>
      </c>
      <c r="CA16" s="195">
        <v>6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14</v>
      </c>
      <c r="H17" s="191">
        <v>48</v>
      </c>
      <c r="I17" s="191">
        <v>8</v>
      </c>
      <c r="J17" s="191">
        <v>279</v>
      </c>
      <c r="K17" s="191">
        <v>370</v>
      </c>
      <c r="L17" s="194">
        <v>719</v>
      </c>
      <c r="M17" s="195">
        <v>719</v>
      </c>
      <c r="N17" s="190">
        <v>0</v>
      </c>
      <c r="O17" s="191">
        <v>0</v>
      </c>
      <c r="P17" s="196">
        <v>0</v>
      </c>
      <c r="Q17" s="193">
        <v>0</v>
      </c>
      <c r="R17" s="191">
        <v>0</v>
      </c>
      <c r="S17" s="191">
        <v>0</v>
      </c>
      <c r="T17" s="191">
        <v>0</v>
      </c>
      <c r="U17" s="191">
        <v>12</v>
      </c>
      <c r="V17" s="191">
        <v>0</v>
      </c>
      <c r="W17" s="196">
        <v>12</v>
      </c>
      <c r="X17" s="195">
        <v>12</v>
      </c>
      <c r="Y17" s="190">
        <v>0</v>
      </c>
      <c r="Z17" s="191">
        <v>10</v>
      </c>
      <c r="AA17" s="196">
        <v>10</v>
      </c>
      <c r="AB17" s="193">
        <v>0</v>
      </c>
      <c r="AC17" s="191">
        <v>37</v>
      </c>
      <c r="AD17" s="191">
        <v>38</v>
      </c>
      <c r="AE17" s="191">
        <v>11</v>
      </c>
      <c r="AF17" s="191">
        <v>25</v>
      </c>
      <c r="AG17" s="191">
        <v>0</v>
      </c>
      <c r="AH17" s="196">
        <v>111</v>
      </c>
      <c r="AI17" s="195">
        <v>121</v>
      </c>
      <c r="AJ17" s="190">
        <v>0</v>
      </c>
      <c r="AK17" s="191">
        <v>0</v>
      </c>
      <c r="AL17" s="196">
        <v>0</v>
      </c>
      <c r="AM17" s="193">
        <v>0</v>
      </c>
      <c r="AN17" s="191">
        <v>16</v>
      </c>
      <c r="AO17" s="191">
        <v>21</v>
      </c>
      <c r="AP17" s="191">
        <v>0</v>
      </c>
      <c r="AQ17" s="191">
        <v>0</v>
      </c>
      <c r="AR17" s="191">
        <v>0</v>
      </c>
      <c r="AS17" s="196">
        <v>37</v>
      </c>
      <c r="AT17" s="195">
        <v>37</v>
      </c>
      <c r="AU17" s="190">
        <v>0</v>
      </c>
      <c r="AV17" s="191">
        <v>0</v>
      </c>
      <c r="AW17" s="196">
        <v>0</v>
      </c>
      <c r="AX17" s="193">
        <v>0</v>
      </c>
      <c r="AY17" s="191">
        <v>33</v>
      </c>
      <c r="AZ17" s="191">
        <v>30</v>
      </c>
      <c r="BA17" s="191">
        <v>17</v>
      </c>
      <c r="BB17" s="191">
        <v>9</v>
      </c>
      <c r="BC17" s="191">
        <v>0</v>
      </c>
      <c r="BD17" s="194">
        <v>89</v>
      </c>
      <c r="BE17" s="195">
        <v>89</v>
      </c>
      <c r="BF17" s="190">
        <v>0</v>
      </c>
      <c r="BG17" s="191">
        <v>0</v>
      </c>
      <c r="BH17" s="196">
        <v>0</v>
      </c>
      <c r="BI17" s="193">
        <v>0</v>
      </c>
      <c r="BJ17" s="191">
        <v>6</v>
      </c>
      <c r="BK17" s="191">
        <v>0</v>
      </c>
      <c r="BL17" s="191">
        <v>60</v>
      </c>
      <c r="BM17" s="191">
        <v>7</v>
      </c>
      <c r="BN17" s="191">
        <v>0</v>
      </c>
      <c r="BO17" s="196">
        <v>73</v>
      </c>
      <c r="BP17" s="195">
        <v>73</v>
      </c>
      <c r="BQ17" s="190">
        <v>0</v>
      </c>
      <c r="BR17" s="191">
        <v>0</v>
      </c>
      <c r="BS17" s="196">
        <v>0</v>
      </c>
      <c r="BT17" s="193">
        <v>0</v>
      </c>
      <c r="BU17" s="191">
        <v>0</v>
      </c>
      <c r="BV17" s="191">
        <v>62</v>
      </c>
      <c r="BW17" s="191">
        <v>0</v>
      </c>
      <c r="BX17" s="191">
        <v>28</v>
      </c>
      <c r="BY17" s="191">
        <v>0</v>
      </c>
      <c r="BZ17" s="196">
        <v>90</v>
      </c>
      <c r="CA17" s="195">
        <v>9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85</v>
      </c>
      <c r="H18" s="191">
        <v>107</v>
      </c>
      <c r="I18" s="191">
        <v>230</v>
      </c>
      <c r="J18" s="191">
        <v>34</v>
      </c>
      <c r="K18" s="191">
        <v>77</v>
      </c>
      <c r="L18" s="194">
        <v>533</v>
      </c>
      <c r="M18" s="195">
        <v>533</v>
      </c>
      <c r="N18" s="190">
        <v>0</v>
      </c>
      <c r="O18" s="191">
        <v>0</v>
      </c>
      <c r="P18" s="196">
        <v>0</v>
      </c>
      <c r="Q18" s="193">
        <v>0</v>
      </c>
      <c r="R18" s="191">
        <v>0</v>
      </c>
      <c r="S18" s="191">
        <v>0</v>
      </c>
      <c r="T18" s="191">
        <v>4</v>
      </c>
      <c r="U18" s="191">
        <v>8</v>
      </c>
      <c r="V18" s="191">
        <v>5</v>
      </c>
      <c r="W18" s="196">
        <v>17</v>
      </c>
      <c r="X18" s="195">
        <v>17</v>
      </c>
      <c r="Y18" s="190">
        <v>26</v>
      </c>
      <c r="Z18" s="191">
        <v>15</v>
      </c>
      <c r="AA18" s="196">
        <v>41</v>
      </c>
      <c r="AB18" s="193">
        <v>0</v>
      </c>
      <c r="AC18" s="191">
        <v>84</v>
      </c>
      <c r="AD18" s="191">
        <v>179</v>
      </c>
      <c r="AE18" s="191">
        <v>38</v>
      </c>
      <c r="AF18" s="191">
        <v>42</v>
      </c>
      <c r="AG18" s="191">
        <v>39</v>
      </c>
      <c r="AH18" s="196">
        <v>382</v>
      </c>
      <c r="AI18" s="195">
        <v>423</v>
      </c>
      <c r="AJ18" s="190">
        <v>12</v>
      </c>
      <c r="AK18" s="191">
        <v>0</v>
      </c>
      <c r="AL18" s="196">
        <v>12</v>
      </c>
      <c r="AM18" s="193">
        <v>0</v>
      </c>
      <c r="AN18" s="191">
        <v>0</v>
      </c>
      <c r="AO18" s="191">
        <v>33</v>
      </c>
      <c r="AP18" s="191">
        <v>0</v>
      </c>
      <c r="AQ18" s="191">
        <v>24</v>
      </c>
      <c r="AR18" s="191">
        <v>0</v>
      </c>
      <c r="AS18" s="196">
        <v>57</v>
      </c>
      <c r="AT18" s="195">
        <v>69</v>
      </c>
      <c r="AU18" s="190">
        <v>0</v>
      </c>
      <c r="AV18" s="191">
        <v>0</v>
      </c>
      <c r="AW18" s="196">
        <v>0</v>
      </c>
      <c r="AX18" s="193">
        <v>0</v>
      </c>
      <c r="AY18" s="191">
        <v>110</v>
      </c>
      <c r="AZ18" s="191">
        <v>223</v>
      </c>
      <c r="BA18" s="191">
        <v>72</v>
      </c>
      <c r="BB18" s="191">
        <v>32</v>
      </c>
      <c r="BC18" s="191">
        <v>23</v>
      </c>
      <c r="BD18" s="194">
        <v>460</v>
      </c>
      <c r="BE18" s="195">
        <v>460</v>
      </c>
      <c r="BF18" s="190">
        <v>0</v>
      </c>
      <c r="BG18" s="191">
        <v>0</v>
      </c>
      <c r="BH18" s="196">
        <v>0</v>
      </c>
      <c r="BI18" s="193">
        <v>0</v>
      </c>
      <c r="BJ18" s="191">
        <v>100</v>
      </c>
      <c r="BK18" s="191">
        <v>228</v>
      </c>
      <c r="BL18" s="191">
        <v>48</v>
      </c>
      <c r="BM18" s="191">
        <v>0</v>
      </c>
      <c r="BN18" s="191">
        <v>15</v>
      </c>
      <c r="BO18" s="196">
        <v>391</v>
      </c>
      <c r="BP18" s="195">
        <v>391</v>
      </c>
      <c r="BQ18" s="190">
        <v>0</v>
      </c>
      <c r="BR18" s="191">
        <v>0</v>
      </c>
      <c r="BS18" s="196">
        <v>0</v>
      </c>
      <c r="BT18" s="193">
        <v>0</v>
      </c>
      <c r="BU18" s="191">
        <v>3</v>
      </c>
      <c r="BV18" s="191">
        <v>6</v>
      </c>
      <c r="BW18" s="191">
        <v>8</v>
      </c>
      <c r="BX18" s="191">
        <v>13</v>
      </c>
      <c r="BY18" s="191">
        <v>10</v>
      </c>
      <c r="BZ18" s="196">
        <v>40</v>
      </c>
      <c r="CA18" s="195">
        <v>40</v>
      </c>
      <c r="CB18" s="190">
        <v>0</v>
      </c>
      <c r="CC18" s="191">
        <v>0</v>
      </c>
      <c r="CD18" s="196">
        <v>0</v>
      </c>
      <c r="CE18" s="193">
        <v>0</v>
      </c>
      <c r="CF18" s="191">
        <v>0</v>
      </c>
      <c r="CG18" s="191">
        <v>4</v>
      </c>
      <c r="CH18" s="191">
        <v>4</v>
      </c>
      <c r="CI18" s="191">
        <v>0</v>
      </c>
      <c r="CJ18" s="191">
        <v>0</v>
      </c>
      <c r="CK18" s="196">
        <v>8</v>
      </c>
      <c r="CL18" s="195">
        <v>8</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76</v>
      </c>
      <c r="H19" s="191">
        <v>246</v>
      </c>
      <c r="I19" s="191">
        <v>419</v>
      </c>
      <c r="J19" s="191">
        <v>607</v>
      </c>
      <c r="K19" s="191">
        <v>455</v>
      </c>
      <c r="L19" s="194">
        <v>1803</v>
      </c>
      <c r="M19" s="195">
        <v>1803</v>
      </c>
      <c r="N19" s="190">
        <v>0</v>
      </c>
      <c r="O19" s="191">
        <v>0</v>
      </c>
      <c r="P19" s="196">
        <v>0</v>
      </c>
      <c r="Q19" s="193">
        <v>0</v>
      </c>
      <c r="R19" s="191">
        <v>0</v>
      </c>
      <c r="S19" s="191">
        <v>0</v>
      </c>
      <c r="T19" s="191">
        <v>4</v>
      </c>
      <c r="U19" s="191">
        <v>0</v>
      </c>
      <c r="V19" s="191">
        <v>2</v>
      </c>
      <c r="W19" s="196">
        <v>6</v>
      </c>
      <c r="X19" s="195">
        <v>6</v>
      </c>
      <c r="Y19" s="190">
        <v>0</v>
      </c>
      <c r="Z19" s="191">
        <v>27</v>
      </c>
      <c r="AA19" s="196">
        <v>27</v>
      </c>
      <c r="AB19" s="193">
        <v>0</v>
      </c>
      <c r="AC19" s="191">
        <v>135</v>
      </c>
      <c r="AD19" s="191">
        <v>182</v>
      </c>
      <c r="AE19" s="191">
        <v>95</v>
      </c>
      <c r="AF19" s="191">
        <v>9</v>
      </c>
      <c r="AG19" s="191">
        <v>24</v>
      </c>
      <c r="AH19" s="196">
        <v>445</v>
      </c>
      <c r="AI19" s="195">
        <v>472</v>
      </c>
      <c r="AJ19" s="190">
        <v>0</v>
      </c>
      <c r="AK19" s="191">
        <v>9</v>
      </c>
      <c r="AL19" s="196">
        <v>9</v>
      </c>
      <c r="AM19" s="193">
        <v>0</v>
      </c>
      <c r="AN19" s="191">
        <v>8</v>
      </c>
      <c r="AO19" s="191">
        <v>49</v>
      </c>
      <c r="AP19" s="191">
        <v>12</v>
      </c>
      <c r="AQ19" s="191">
        <v>0</v>
      </c>
      <c r="AR19" s="191">
        <v>12</v>
      </c>
      <c r="AS19" s="196">
        <v>81</v>
      </c>
      <c r="AT19" s="195">
        <v>90</v>
      </c>
      <c r="AU19" s="190">
        <v>0</v>
      </c>
      <c r="AV19" s="191">
        <v>0</v>
      </c>
      <c r="AW19" s="196">
        <v>0</v>
      </c>
      <c r="AX19" s="193">
        <v>0</v>
      </c>
      <c r="AY19" s="191">
        <v>162</v>
      </c>
      <c r="AZ19" s="191">
        <v>258</v>
      </c>
      <c r="BA19" s="191">
        <v>72</v>
      </c>
      <c r="BB19" s="191">
        <v>34</v>
      </c>
      <c r="BC19" s="191">
        <v>30</v>
      </c>
      <c r="BD19" s="194">
        <v>556</v>
      </c>
      <c r="BE19" s="195">
        <v>556</v>
      </c>
      <c r="BF19" s="190">
        <v>0</v>
      </c>
      <c r="BG19" s="191">
        <v>0</v>
      </c>
      <c r="BH19" s="196">
        <v>0</v>
      </c>
      <c r="BI19" s="193">
        <v>0</v>
      </c>
      <c r="BJ19" s="191">
        <v>44</v>
      </c>
      <c r="BK19" s="191">
        <v>102</v>
      </c>
      <c r="BL19" s="191">
        <v>47</v>
      </c>
      <c r="BM19" s="191">
        <v>8</v>
      </c>
      <c r="BN19" s="191">
        <v>0</v>
      </c>
      <c r="BO19" s="196">
        <v>201</v>
      </c>
      <c r="BP19" s="195">
        <v>201</v>
      </c>
      <c r="BQ19" s="190">
        <v>0</v>
      </c>
      <c r="BR19" s="191">
        <v>0</v>
      </c>
      <c r="BS19" s="196">
        <v>0</v>
      </c>
      <c r="BT19" s="193">
        <v>0</v>
      </c>
      <c r="BU19" s="191">
        <v>20</v>
      </c>
      <c r="BV19" s="191">
        <v>93</v>
      </c>
      <c r="BW19" s="191">
        <v>24</v>
      </c>
      <c r="BX19" s="191">
        <v>84</v>
      </c>
      <c r="BY19" s="191">
        <v>29</v>
      </c>
      <c r="BZ19" s="196">
        <v>250</v>
      </c>
      <c r="CA19" s="195">
        <v>250</v>
      </c>
      <c r="CB19" s="190">
        <v>0</v>
      </c>
      <c r="CC19" s="191">
        <v>0</v>
      </c>
      <c r="CD19" s="196">
        <v>0</v>
      </c>
      <c r="CE19" s="193">
        <v>0</v>
      </c>
      <c r="CF19" s="191">
        <v>3</v>
      </c>
      <c r="CG19" s="191">
        <v>7</v>
      </c>
      <c r="CH19" s="191">
        <v>10</v>
      </c>
      <c r="CI19" s="191">
        <v>0</v>
      </c>
      <c r="CJ19" s="191">
        <v>0</v>
      </c>
      <c r="CK19" s="196">
        <v>20</v>
      </c>
      <c r="CL19" s="195">
        <v>20</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297</v>
      </c>
      <c r="H20" s="191">
        <v>320</v>
      </c>
      <c r="I20" s="191">
        <v>617</v>
      </c>
      <c r="J20" s="191">
        <v>268</v>
      </c>
      <c r="K20" s="191">
        <v>342</v>
      </c>
      <c r="L20" s="194">
        <v>1844</v>
      </c>
      <c r="M20" s="195">
        <v>1844</v>
      </c>
      <c r="N20" s="190">
        <v>0</v>
      </c>
      <c r="O20" s="191">
        <v>0</v>
      </c>
      <c r="P20" s="196">
        <v>0</v>
      </c>
      <c r="Q20" s="193">
        <v>0</v>
      </c>
      <c r="R20" s="191">
        <v>0</v>
      </c>
      <c r="S20" s="191">
        <v>2</v>
      </c>
      <c r="T20" s="191">
        <v>0</v>
      </c>
      <c r="U20" s="191">
        <v>40</v>
      </c>
      <c r="V20" s="191">
        <v>18</v>
      </c>
      <c r="W20" s="196">
        <v>60</v>
      </c>
      <c r="X20" s="195">
        <v>60</v>
      </c>
      <c r="Y20" s="190">
        <v>31</v>
      </c>
      <c r="Z20" s="191">
        <v>36</v>
      </c>
      <c r="AA20" s="196">
        <v>67</v>
      </c>
      <c r="AB20" s="193">
        <v>0</v>
      </c>
      <c r="AC20" s="191">
        <v>116</v>
      </c>
      <c r="AD20" s="191">
        <v>267</v>
      </c>
      <c r="AE20" s="191">
        <v>153</v>
      </c>
      <c r="AF20" s="191">
        <v>184</v>
      </c>
      <c r="AG20" s="191">
        <v>106</v>
      </c>
      <c r="AH20" s="196">
        <v>826</v>
      </c>
      <c r="AI20" s="195">
        <v>893</v>
      </c>
      <c r="AJ20" s="190">
        <v>0</v>
      </c>
      <c r="AK20" s="191">
        <v>12</v>
      </c>
      <c r="AL20" s="196">
        <v>12</v>
      </c>
      <c r="AM20" s="193">
        <v>0</v>
      </c>
      <c r="AN20" s="191">
        <v>30</v>
      </c>
      <c r="AO20" s="191">
        <v>96</v>
      </c>
      <c r="AP20" s="191">
        <v>69</v>
      </c>
      <c r="AQ20" s="191">
        <v>24</v>
      </c>
      <c r="AR20" s="191">
        <v>0</v>
      </c>
      <c r="AS20" s="196">
        <v>219</v>
      </c>
      <c r="AT20" s="195">
        <v>231</v>
      </c>
      <c r="AU20" s="190">
        <v>0</v>
      </c>
      <c r="AV20" s="191">
        <v>0</v>
      </c>
      <c r="AW20" s="196">
        <v>0</v>
      </c>
      <c r="AX20" s="193">
        <v>0</v>
      </c>
      <c r="AY20" s="191">
        <v>429</v>
      </c>
      <c r="AZ20" s="191">
        <v>245</v>
      </c>
      <c r="BA20" s="191">
        <v>229</v>
      </c>
      <c r="BB20" s="191">
        <v>37</v>
      </c>
      <c r="BC20" s="191">
        <v>18</v>
      </c>
      <c r="BD20" s="194">
        <v>958</v>
      </c>
      <c r="BE20" s="195">
        <v>958</v>
      </c>
      <c r="BF20" s="190">
        <v>0</v>
      </c>
      <c r="BG20" s="191">
        <v>0</v>
      </c>
      <c r="BH20" s="196">
        <v>0</v>
      </c>
      <c r="BI20" s="193">
        <v>0</v>
      </c>
      <c r="BJ20" s="191">
        <v>77</v>
      </c>
      <c r="BK20" s="191">
        <v>74</v>
      </c>
      <c r="BL20" s="191">
        <v>30</v>
      </c>
      <c r="BM20" s="191">
        <v>3</v>
      </c>
      <c r="BN20" s="191">
        <v>8</v>
      </c>
      <c r="BO20" s="196">
        <v>192</v>
      </c>
      <c r="BP20" s="195">
        <v>192</v>
      </c>
      <c r="BQ20" s="190">
        <v>0</v>
      </c>
      <c r="BR20" s="191">
        <v>11</v>
      </c>
      <c r="BS20" s="196">
        <v>11</v>
      </c>
      <c r="BT20" s="193">
        <v>0</v>
      </c>
      <c r="BU20" s="191">
        <v>21</v>
      </c>
      <c r="BV20" s="191">
        <v>80</v>
      </c>
      <c r="BW20" s="191">
        <v>126</v>
      </c>
      <c r="BX20" s="191">
        <v>86</v>
      </c>
      <c r="BY20" s="191">
        <v>3</v>
      </c>
      <c r="BZ20" s="196">
        <v>316</v>
      </c>
      <c r="CA20" s="195">
        <v>327</v>
      </c>
      <c r="CB20" s="190">
        <v>0</v>
      </c>
      <c r="CC20" s="191">
        <v>0</v>
      </c>
      <c r="CD20" s="196">
        <v>0</v>
      </c>
      <c r="CE20" s="193">
        <v>0</v>
      </c>
      <c r="CF20" s="191">
        <v>0</v>
      </c>
      <c r="CG20" s="191">
        <v>0</v>
      </c>
      <c r="CH20" s="191">
        <v>0</v>
      </c>
      <c r="CI20" s="191">
        <v>0</v>
      </c>
      <c r="CJ20" s="191">
        <v>0</v>
      </c>
      <c r="CK20" s="196">
        <v>0</v>
      </c>
      <c r="CL20" s="195">
        <v>0</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102</v>
      </c>
      <c r="H21" s="191">
        <v>111</v>
      </c>
      <c r="I21" s="191">
        <v>233</v>
      </c>
      <c r="J21" s="191">
        <v>168</v>
      </c>
      <c r="K21" s="191">
        <v>36</v>
      </c>
      <c r="L21" s="194">
        <v>650</v>
      </c>
      <c r="M21" s="195">
        <v>650</v>
      </c>
      <c r="N21" s="190">
        <v>0</v>
      </c>
      <c r="O21" s="191">
        <v>0</v>
      </c>
      <c r="P21" s="196">
        <v>0</v>
      </c>
      <c r="Q21" s="193">
        <v>0</v>
      </c>
      <c r="R21" s="191">
        <v>0</v>
      </c>
      <c r="S21" s="191">
        <v>0</v>
      </c>
      <c r="T21" s="191">
        <v>6</v>
      </c>
      <c r="U21" s="191">
        <v>9</v>
      </c>
      <c r="V21" s="191">
        <v>15</v>
      </c>
      <c r="W21" s="196">
        <v>30</v>
      </c>
      <c r="X21" s="195">
        <v>30</v>
      </c>
      <c r="Y21" s="190">
        <v>2</v>
      </c>
      <c r="Z21" s="191">
        <v>14</v>
      </c>
      <c r="AA21" s="196">
        <v>16</v>
      </c>
      <c r="AB21" s="193">
        <v>0</v>
      </c>
      <c r="AC21" s="191">
        <v>113</v>
      </c>
      <c r="AD21" s="191">
        <v>84</v>
      </c>
      <c r="AE21" s="191">
        <v>59</v>
      </c>
      <c r="AF21" s="191">
        <v>35</v>
      </c>
      <c r="AG21" s="191">
        <v>52</v>
      </c>
      <c r="AH21" s="196">
        <v>343</v>
      </c>
      <c r="AI21" s="195">
        <v>359</v>
      </c>
      <c r="AJ21" s="190">
        <v>0</v>
      </c>
      <c r="AK21" s="191">
        <v>0</v>
      </c>
      <c r="AL21" s="196">
        <v>0</v>
      </c>
      <c r="AM21" s="193">
        <v>0</v>
      </c>
      <c r="AN21" s="191">
        <v>12</v>
      </c>
      <c r="AO21" s="191">
        <v>12</v>
      </c>
      <c r="AP21" s="191">
        <v>0</v>
      </c>
      <c r="AQ21" s="191">
        <v>8</v>
      </c>
      <c r="AR21" s="191">
        <v>12</v>
      </c>
      <c r="AS21" s="196">
        <v>44</v>
      </c>
      <c r="AT21" s="195">
        <v>44</v>
      </c>
      <c r="AU21" s="190">
        <v>0</v>
      </c>
      <c r="AV21" s="191">
        <v>0</v>
      </c>
      <c r="AW21" s="196">
        <v>0</v>
      </c>
      <c r="AX21" s="193">
        <v>0</v>
      </c>
      <c r="AY21" s="191">
        <v>129</v>
      </c>
      <c r="AZ21" s="191">
        <v>124</v>
      </c>
      <c r="BA21" s="191">
        <v>35</v>
      </c>
      <c r="BB21" s="191">
        <v>3</v>
      </c>
      <c r="BC21" s="191">
        <v>7</v>
      </c>
      <c r="BD21" s="194">
        <v>298</v>
      </c>
      <c r="BE21" s="195">
        <v>298</v>
      </c>
      <c r="BF21" s="190">
        <v>0</v>
      </c>
      <c r="BG21" s="191">
        <v>0</v>
      </c>
      <c r="BH21" s="196">
        <v>0</v>
      </c>
      <c r="BI21" s="193">
        <v>0</v>
      </c>
      <c r="BJ21" s="191">
        <v>51</v>
      </c>
      <c r="BK21" s="191">
        <v>74</v>
      </c>
      <c r="BL21" s="191">
        <v>20</v>
      </c>
      <c r="BM21" s="191">
        <v>8</v>
      </c>
      <c r="BN21" s="191">
        <v>0</v>
      </c>
      <c r="BO21" s="196">
        <v>153</v>
      </c>
      <c r="BP21" s="195">
        <v>153</v>
      </c>
      <c r="BQ21" s="190">
        <v>0</v>
      </c>
      <c r="BR21" s="191">
        <v>0</v>
      </c>
      <c r="BS21" s="196">
        <v>0</v>
      </c>
      <c r="BT21" s="193">
        <v>0</v>
      </c>
      <c r="BU21" s="191">
        <v>6</v>
      </c>
      <c r="BV21" s="191">
        <v>2</v>
      </c>
      <c r="BW21" s="191">
        <v>0</v>
      </c>
      <c r="BX21" s="191">
        <v>0</v>
      </c>
      <c r="BY21" s="191">
        <v>3</v>
      </c>
      <c r="BZ21" s="196">
        <v>11</v>
      </c>
      <c r="CA21" s="195">
        <v>11</v>
      </c>
      <c r="CB21" s="190">
        <v>0</v>
      </c>
      <c r="CC21" s="191">
        <v>0</v>
      </c>
      <c r="CD21" s="196">
        <v>0</v>
      </c>
      <c r="CE21" s="193">
        <v>0</v>
      </c>
      <c r="CF21" s="191">
        <v>0</v>
      </c>
      <c r="CG21" s="191">
        <v>13</v>
      </c>
      <c r="CH21" s="191">
        <v>8</v>
      </c>
      <c r="CI21" s="191">
        <v>0</v>
      </c>
      <c r="CJ21" s="191">
        <v>0</v>
      </c>
      <c r="CK21" s="196">
        <v>21</v>
      </c>
      <c r="CL21" s="195">
        <v>21</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285</v>
      </c>
      <c r="H22" s="191">
        <v>281</v>
      </c>
      <c r="I22" s="191">
        <v>233</v>
      </c>
      <c r="J22" s="191">
        <v>216</v>
      </c>
      <c r="K22" s="191">
        <v>144</v>
      </c>
      <c r="L22" s="194">
        <v>1159</v>
      </c>
      <c r="M22" s="195">
        <v>1159</v>
      </c>
      <c r="N22" s="190">
        <v>0</v>
      </c>
      <c r="O22" s="191">
        <v>0</v>
      </c>
      <c r="P22" s="196">
        <v>0</v>
      </c>
      <c r="Q22" s="193">
        <v>0</v>
      </c>
      <c r="R22" s="191">
        <v>0</v>
      </c>
      <c r="S22" s="191">
        <v>0</v>
      </c>
      <c r="T22" s="191">
        <v>0</v>
      </c>
      <c r="U22" s="191">
        <v>6</v>
      </c>
      <c r="V22" s="191">
        <v>7</v>
      </c>
      <c r="W22" s="196">
        <v>13</v>
      </c>
      <c r="X22" s="195">
        <v>13</v>
      </c>
      <c r="Y22" s="190">
        <v>24</v>
      </c>
      <c r="Z22" s="191">
        <v>40</v>
      </c>
      <c r="AA22" s="196">
        <v>64</v>
      </c>
      <c r="AB22" s="193">
        <v>0</v>
      </c>
      <c r="AC22" s="191">
        <v>151</v>
      </c>
      <c r="AD22" s="191">
        <v>133</v>
      </c>
      <c r="AE22" s="191">
        <v>78</v>
      </c>
      <c r="AF22" s="191">
        <v>44</v>
      </c>
      <c r="AG22" s="191">
        <v>21</v>
      </c>
      <c r="AH22" s="196">
        <v>427</v>
      </c>
      <c r="AI22" s="195">
        <v>491</v>
      </c>
      <c r="AJ22" s="190">
        <v>16</v>
      </c>
      <c r="AK22" s="191">
        <v>22</v>
      </c>
      <c r="AL22" s="196">
        <v>38</v>
      </c>
      <c r="AM22" s="193">
        <v>0</v>
      </c>
      <c r="AN22" s="191">
        <v>28</v>
      </c>
      <c r="AO22" s="191">
        <v>83</v>
      </c>
      <c r="AP22" s="191">
        <v>73</v>
      </c>
      <c r="AQ22" s="191">
        <v>8</v>
      </c>
      <c r="AR22" s="191">
        <v>21</v>
      </c>
      <c r="AS22" s="196">
        <v>213</v>
      </c>
      <c r="AT22" s="195">
        <v>251</v>
      </c>
      <c r="AU22" s="190">
        <v>0</v>
      </c>
      <c r="AV22" s="191">
        <v>0</v>
      </c>
      <c r="AW22" s="196">
        <v>0</v>
      </c>
      <c r="AX22" s="193">
        <v>0</v>
      </c>
      <c r="AY22" s="191">
        <v>231</v>
      </c>
      <c r="AZ22" s="191">
        <v>143</v>
      </c>
      <c r="BA22" s="191">
        <v>122</v>
      </c>
      <c r="BB22" s="191">
        <v>34</v>
      </c>
      <c r="BC22" s="191">
        <v>5</v>
      </c>
      <c r="BD22" s="194">
        <v>535</v>
      </c>
      <c r="BE22" s="195">
        <v>535</v>
      </c>
      <c r="BF22" s="190">
        <v>0</v>
      </c>
      <c r="BG22" s="191">
        <v>0</v>
      </c>
      <c r="BH22" s="196">
        <v>0</v>
      </c>
      <c r="BI22" s="193">
        <v>0</v>
      </c>
      <c r="BJ22" s="191">
        <v>97</v>
      </c>
      <c r="BK22" s="191">
        <v>55</v>
      </c>
      <c r="BL22" s="191">
        <v>30</v>
      </c>
      <c r="BM22" s="191">
        <v>12</v>
      </c>
      <c r="BN22" s="191">
        <v>11</v>
      </c>
      <c r="BO22" s="196">
        <v>205</v>
      </c>
      <c r="BP22" s="195">
        <v>205</v>
      </c>
      <c r="BQ22" s="190">
        <v>0</v>
      </c>
      <c r="BR22" s="191">
        <v>0</v>
      </c>
      <c r="BS22" s="196">
        <v>0</v>
      </c>
      <c r="BT22" s="193">
        <v>0</v>
      </c>
      <c r="BU22" s="191">
        <v>64</v>
      </c>
      <c r="BV22" s="191">
        <v>18</v>
      </c>
      <c r="BW22" s="191">
        <v>88</v>
      </c>
      <c r="BX22" s="191">
        <v>55</v>
      </c>
      <c r="BY22" s="191">
        <v>6</v>
      </c>
      <c r="BZ22" s="196">
        <v>231</v>
      </c>
      <c r="CA22" s="195">
        <v>231</v>
      </c>
      <c r="CB22" s="190">
        <v>0</v>
      </c>
      <c r="CC22" s="191">
        <v>0</v>
      </c>
      <c r="CD22" s="196">
        <v>0</v>
      </c>
      <c r="CE22" s="193">
        <v>0</v>
      </c>
      <c r="CF22" s="191">
        <v>0</v>
      </c>
      <c r="CG22" s="191">
        <v>0</v>
      </c>
      <c r="CH22" s="191">
        <v>6</v>
      </c>
      <c r="CI22" s="191">
        <v>14</v>
      </c>
      <c r="CJ22" s="191">
        <v>0</v>
      </c>
      <c r="CK22" s="196">
        <v>20</v>
      </c>
      <c r="CL22" s="195">
        <v>20</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41</v>
      </c>
      <c r="H23" s="191">
        <v>194</v>
      </c>
      <c r="I23" s="191">
        <v>95</v>
      </c>
      <c r="J23" s="191">
        <v>158</v>
      </c>
      <c r="K23" s="191">
        <v>572</v>
      </c>
      <c r="L23" s="194">
        <v>1160</v>
      </c>
      <c r="M23" s="195">
        <v>1160</v>
      </c>
      <c r="N23" s="190">
        <v>0</v>
      </c>
      <c r="O23" s="191">
        <v>0</v>
      </c>
      <c r="P23" s="196">
        <v>0</v>
      </c>
      <c r="Q23" s="193">
        <v>0</v>
      </c>
      <c r="R23" s="191">
        <v>0</v>
      </c>
      <c r="S23" s="191">
        <v>0</v>
      </c>
      <c r="T23" s="191">
        <v>0</v>
      </c>
      <c r="U23" s="191">
        <v>4</v>
      </c>
      <c r="V23" s="191">
        <v>8</v>
      </c>
      <c r="W23" s="196">
        <v>12</v>
      </c>
      <c r="X23" s="195">
        <v>12</v>
      </c>
      <c r="Y23" s="190">
        <v>14</v>
      </c>
      <c r="Z23" s="191">
        <v>34</v>
      </c>
      <c r="AA23" s="196">
        <v>48</v>
      </c>
      <c r="AB23" s="193">
        <v>0</v>
      </c>
      <c r="AC23" s="191">
        <v>118</v>
      </c>
      <c r="AD23" s="191">
        <v>183</v>
      </c>
      <c r="AE23" s="191">
        <v>70</v>
      </c>
      <c r="AF23" s="191">
        <v>124</v>
      </c>
      <c r="AG23" s="191">
        <v>56</v>
      </c>
      <c r="AH23" s="196">
        <v>551</v>
      </c>
      <c r="AI23" s="195">
        <v>599</v>
      </c>
      <c r="AJ23" s="190">
        <v>26</v>
      </c>
      <c r="AK23" s="191">
        <v>8</v>
      </c>
      <c r="AL23" s="196">
        <v>34</v>
      </c>
      <c r="AM23" s="193">
        <v>0</v>
      </c>
      <c r="AN23" s="191">
        <v>14</v>
      </c>
      <c r="AO23" s="191">
        <v>32</v>
      </c>
      <c r="AP23" s="191">
        <v>0</v>
      </c>
      <c r="AQ23" s="191">
        <v>0</v>
      </c>
      <c r="AR23" s="191">
        <v>18</v>
      </c>
      <c r="AS23" s="196">
        <v>64</v>
      </c>
      <c r="AT23" s="195">
        <v>98</v>
      </c>
      <c r="AU23" s="190">
        <v>0</v>
      </c>
      <c r="AV23" s="191">
        <v>0</v>
      </c>
      <c r="AW23" s="196">
        <v>0</v>
      </c>
      <c r="AX23" s="193">
        <v>0</v>
      </c>
      <c r="AY23" s="191">
        <v>130</v>
      </c>
      <c r="AZ23" s="191">
        <v>120</v>
      </c>
      <c r="BA23" s="191">
        <v>67</v>
      </c>
      <c r="BB23" s="191">
        <v>43</v>
      </c>
      <c r="BC23" s="191">
        <v>14</v>
      </c>
      <c r="BD23" s="194">
        <v>374</v>
      </c>
      <c r="BE23" s="195">
        <v>374</v>
      </c>
      <c r="BF23" s="190">
        <v>0</v>
      </c>
      <c r="BG23" s="191">
        <v>0</v>
      </c>
      <c r="BH23" s="196">
        <v>0</v>
      </c>
      <c r="BI23" s="193">
        <v>0</v>
      </c>
      <c r="BJ23" s="191">
        <v>47</v>
      </c>
      <c r="BK23" s="191">
        <v>39</v>
      </c>
      <c r="BL23" s="191">
        <v>18</v>
      </c>
      <c r="BM23" s="191">
        <v>3</v>
      </c>
      <c r="BN23" s="191">
        <v>0</v>
      </c>
      <c r="BO23" s="196">
        <v>107</v>
      </c>
      <c r="BP23" s="195">
        <v>107</v>
      </c>
      <c r="BQ23" s="190">
        <v>0</v>
      </c>
      <c r="BR23" s="191">
        <v>6</v>
      </c>
      <c r="BS23" s="196">
        <v>6</v>
      </c>
      <c r="BT23" s="193">
        <v>0</v>
      </c>
      <c r="BU23" s="191">
        <v>20</v>
      </c>
      <c r="BV23" s="191">
        <v>12</v>
      </c>
      <c r="BW23" s="191">
        <v>16</v>
      </c>
      <c r="BX23" s="191">
        <v>16</v>
      </c>
      <c r="BY23" s="191">
        <v>32</v>
      </c>
      <c r="BZ23" s="196">
        <v>96</v>
      </c>
      <c r="CA23" s="195">
        <v>102</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11</v>
      </c>
      <c r="H24" s="191">
        <v>34</v>
      </c>
      <c r="I24" s="191">
        <v>20</v>
      </c>
      <c r="J24" s="191">
        <v>33</v>
      </c>
      <c r="K24" s="191">
        <v>61</v>
      </c>
      <c r="L24" s="194">
        <v>259</v>
      </c>
      <c r="M24" s="195">
        <v>259</v>
      </c>
      <c r="N24" s="190">
        <v>0</v>
      </c>
      <c r="O24" s="191">
        <v>0</v>
      </c>
      <c r="P24" s="196">
        <v>0</v>
      </c>
      <c r="Q24" s="193">
        <v>0</v>
      </c>
      <c r="R24" s="191">
        <v>0</v>
      </c>
      <c r="S24" s="191">
        <v>0</v>
      </c>
      <c r="T24" s="191">
        <v>0</v>
      </c>
      <c r="U24" s="191">
        <v>0</v>
      </c>
      <c r="V24" s="191">
        <v>0</v>
      </c>
      <c r="W24" s="196">
        <v>0</v>
      </c>
      <c r="X24" s="195">
        <v>0</v>
      </c>
      <c r="Y24" s="190">
        <v>0</v>
      </c>
      <c r="Z24" s="191">
        <v>12</v>
      </c>
      <c r="AA24" s="196">
        <v>12</v>
      </c>
      <c r="AB24" s="193">
        <v>0</v>
      </c>
      <c r="AC24" s="191">
        <v>16</v>
      </c>
      <c r="AD24" s="191">
        <v>59</v>
      </c>
      <c r="AE24" s="191">
        <v>25</v>
      </c>
      <c r="AF24" s="191">
        <v>20</v>
      </c>
      <c r="AG24" s="191">
        <v>19</v>
      </c>
      <c r="AH24" s="196">
        <v>139</v>
      </c>
      <c r="AI24" s="195">
        <v>151</v>
      </c>
      <c r="AJ24" s="190">
        <v>12</v>
      </c>
      <c r="AK24" s="191">
        <v>0</v>
      </c>
      <c r="AL24" s="196">
        <v>12</v>
      </c>
      <c r="AM24" s="193">
        <v>0</v>
      </c>
      <c r="AN24" s="191">
        <v>0</v>
      </c>
      <c r="AO24" s="191">
        <v>24</v>
      </c>
      <c r="AP24" s="191">
        <v>0</v>
      </c>
      <c r="AQ24" s="191">
        <v>0</v>
      </c>
      <c r="AR24" s="191">
        <v>0</v>
      </c>
      <c r="AS24" s="196">
        <v>24</v>
      </c>
      <c r="AT24" s="195">
        <v>36</v>
      </c>
      <c r="AU24" s="190">
        <v>0</v>
      </c>
      <c r="AV24" s="191">
        <v>0</v>
      </c>
      <c r="AW24" s="196">
        <v>0</v>
      </c>
      <c r="AX24" s="193">
        <v>0</v>
      </c>
      <c r="AY24" s="191">
        <v>106</v>
      </c>
      <c r="AZ24" s="191">
        <v>50</v>
      </c>
      <c r="BA24" s="191">
        <v>91</v>
      </c>
      <c r="BB24" s="191">
        <v>0</v>
      </c>
      <c r="BC24" s="191">
        <v>0</v>
      </c>
      <c r="BD24" s="194">
        <v>247</v>
      </c>
      <c r="BE24" s="195">
        <v>247</v>
      </c>
      <c r="BF24" s="190">
        <v>0</v>
      </c>
      <c r="BG24" s="191">
        <v>0</v>
      </c>
      <c r="BH24" s="196">
        <v>0</v>
      </c>
      <c r="BI24" s="193">
        <v>0</v>
      </c>
      <c r="BJ24" s="191">
        <v>28</v>
      </c>
      <c r="BK24" s="191">
        <v>17</v>
      </c>
      <c r="BL24" s="191">
        <v>0</v>
      </c>
      <c r="BM24" s="191">
        <v>11</v>
      </c>
      <c r="BN24" s="191">
        <v>7</v>
      </c>
      <c r="BO24" s="196">
        <v>63</v>
      </c>
      <c r="BP24" s="195">
        <v>63</v>
      </c>
      <c r="BQ24" s="190">
        <v>0</v>
      </c>
      <c r="BR24" s="191">
        <v>0</v>
      </c>
      <c r="BS24" s="196">
        <v>0</v>
      </c>
      <c r="BT24" s="193">
        <v>0</v>
      </c>
      <c r="BU24" s="191">
        <v>0</v>
      </c>
      <c r="BV24" s="191">
        <v>3</v>
      </c>
      <c r="BW24" s="191">
        <v>2</v>
      </c>
      <c r="BX24" s="191">
        <v>44</v>
      </c>
      <c r="BY24" s="191">
        <v>0</v>
      </c>
      <c r="BZ24" s="196">
        <v>49</v>
      </c>
      <c r="CA24" s="195">
        <v>49</v>
      </c>
      <c r="CB24" s="190">
        <v>0</v>
      </c>
      <c r="CC24" s="191">
        <v>0</v>
      </c>
      <c r="CD24" s="196">
        <v>0</v>
      </c>
      <c r="CE24" s="193">
        <v>0</v>
      </c>
      <c r="CF24" s="191">
        <v>0</v>
      </c>
      <c r="CG24" s="191">
        <v>2</v>
      </c>
      <c r="CH24" s="191">
        <v>0</v>
      </c>
      <c r="CI24" s="191">
        <v>0</v>
      </c>
      <c r="CJ24" s="191">
        <v>0</v>
      </c>
      <c r="CK24" s="196">
        <v>2</v>
      </c>
      <c r="CL24" s="195">
        <v>2</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84</v>
      </c>
      <c r="H25" s="191">
        <v>99</v>
      </c>
      <c r="I25" s="191">
        <v>110</v>
      </c>
      <c r="J25" s="191">
        <v>334</v>
      </c>
      <c r="K25" s="191">
        <v>0</v>
      </c>
      <c r="L25" s="194">
        <v>627</v>
      </c>
      <c r="M25" s="195">
        <v>627</v>
      </c>
      <c r="N25" s="190">
        <v>0</v>
      </c>
      <c r="O25" s="191">
        <v>0</v>
      </c>
      <c r="P25" s="196">
        <v>0</v>
      </c>
      <c r="Q25" s="193">
        <v>0</v>
      </c>
      <c r="R25" s="191">
        <v>0</v>
      </c>
      <c r="S25" s="191">
        <v>5</v>
      </c>
      <c r="T25" s="191">
        <v>0</v>
      </c>
      <c r="U25" s="191">
        <v>4</v>
      </c>
      <c r="V25" s="191">
        <v>0</v>
      </c>
      <c r="W25" s="196">
        <v>9</v>
      </c>
      <c r="X25" s="195">
        <v>9</v>
      </c>
      <c r="Y25" s="190">
        <v>34</v>
      </c>
      <c r="Z25" s="191">
        <v>24</v>
      </c>
      <c r="AA25" s="196">
        <v>58</v>
      </c>
      <c r="AB25" s="193">
        <v>0</v>
      </c>
      <c r="AC25" s="191">
        <v>41</v>
      </c>
      <c r="AD25" s="191">
        <v>73</v>
      </c>
      <c r="AE25" s="191">
        <v>17</v>
      </c>
      <c r="AF25" s="191">
        <v>57</v>
      </c>
      <c r="AG25" s="191">
        <v>2</v>
      </c>
      <c r="AH25" s="196">
        <v>190</v>
      </c>
      <c r="AI25" s="195">
        <v>248</v>
      </c>
      <c r="AJ25" s="190">
        <v>0</v>
      </c>
      <c r="AK25" s="191">
        <v>8</v>
      </c>
      <c r="AL25" s="196">
        <v>8</v>
      </c>
      <c r="AM25" s="193">
        <v>0</v>
      </c>
      <c r="AN25" s="191">
        <v>0</v>
      </c>
      <c r="AO25" s="191">
        <v>0</v>
      </c>
      <c r="AP25" s="191">
        <v>0</v>
      </c>
      <c r="AQ25" s="191">
        <v>10</v>
      </c>
      <c r="AR25" s="191">
        <v>0</v>
      </c>
      <c r="AS25" s="196">
        <v>10</v>
      </c>
      <c r="AT25" s="195">
        <v>18</v>
      </c>
      <c r="AU25" s="190">
        <v>0</v>
      </c>
      <c r="AV25" s="191">
        <v>0</v>
      </c>
      <c r="AW25" s="196">
        <v>0</v>
      </c>
      <c r="AX25" s="193">
        <v>0</v>
      </c>
      <c r="AY25" s="191">
        <v>84</v>
      </c>
      <c r="AZ25" s="191">
        <v>94</v>
      </c>
      <c r="BA25" s="191">
        <v>54</v>
      </c>
      <c r="BB25" s="191">
        <v>0</v>
      </c>
      <c r="BC25" s="191">
        <v>25</v>
      </c>
      <c r="BD25" s="194">
        <v>257</v>
      </c>
      <c r="BE25" s="195">
        <v>257</v>
      </c>
      <c r="BF25" s="190">
        <v>0</v>
      </c>
      <c r="BG25" s="191">
        <v>0</v>
      </c>
      <c r="BH25" s="196">
        <v>0</v>
      </c>
      <c r="BI25" s="193">
        <v>0</v>
      </c>
      <c r="BJ25" s="191">
        <v>27</v>
      </c>
      <c r="BK25" s="191">
        <v>11</v>
      </c>
      <c r="BL25" s="191">
        <v>0</v>
      </c>
      <c r="BM25" s="191">
        <v>13</v>
      </c>
      <c r="BN25" s="191">
        <v>0</v>
      </c>
      <c r="BO25" s="196">
        <v>51</v>
      </c>
      <c r="BP25" s="195">
        <v>51</v>
      </c>
      <c r="BQ25" s="190">
        <v>0</v>
      </c>
      <c r="BR25" s="191">
        <v>0</v>
      </c>
      <c r="BS25" s="196">
        <v>0</v>
      </c>
      <c r="BT25" s="193">
        <v>0</v>
      </c>
      <c r="BU25" s="191">
        <v>0</v>
      </c>
      <c r="BV25" s="191">
        <v>0</v>
      </c>
      <c r="BW25" s="191">
        <v>3</v>
      </c>
      <c r="BX25" s="191">
        <v>0</v>
      </c>
      <c r="BY25" s="191">
        <v>11</v>
      </c>
      <c r="BZ25" s="196">
        <v>14</v>
      </c>
      <c r="CA25" s="195">
        <v>14</v>
      </c>
      <c r="CB25" s="190">
        <v>0</v>
      </c>
      <c r="CC25" s="191">
        <v>0</v>
      </c>
      <c r="CD25" s="196">
        <v>0</v>
      </c>
      <c r="CE25" s="193">
        <v>0</v>
      </c>
      <c r="CF25" s="191">
        <v>3</v>
      </c>
      <c r="CG25" s="191">
        <v>0</v>
      </c>
      <c r="CH25" s="191">
        <v>0</v>
      </c>
      <c r="CI25" s="191">
        <v>0</v>
      </c>
      <c r="CJ25" s="191">
        <v>0</v>
      </c>
      <c r="CK25" s="196">
        <v>3</v>
      </c>
      <c r="CL25" s="195">
        <v>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24</v>
      </c>
      <c r="H26" s="191">
        <v>96</v>
      </c>
      <c r="I26" s="191">
        <v>99</v>
      </c>
      <c r="J26" s="191">
        <v>241</v>
      </c>
      <c r="K26" s="191">
        <v>197</v>
      </c>
      <c r="L26" s="194">
        <v>657</v>
      </c>
      <c r="M26" s="195">
        <v>657</v>
      </c>
      <c r="N26" s="190">
        <v>0</v>
      </c>
      <c r="O26" s="191">
        <v>0</v>
      </c>
      <c r="P26" s="196">
        <v>0</v>
      </c>
      <c r="Q26" s="193">
        <v>0</v>
      </c>
      <c r="R26" s="191">
        <v>0</v>
      </c>
      <c r="S26" s="191">
        <v>0</v>
      </c>
      <c r="T26" s="191">
        <v>0</v>
      </c>
      <c r="U26" s="191">
        <v>16</v>
      </c>
      <c r="V26" s="191">
        <v>4</v>
      </c>
      <c r="W26" s="196">
        <v>20</v>
      </c>
      <c r="X26" s="195">
        <v>20</v>
      </c>
      <c r="Y26" s="190">
        <v>4</v>
      </c>
      <c r="Z26" s="191">
        <v>16</v>
      </c>
      <c r="AA26" s="196">
        <v>20</v>
      </c>
      <c r="AB26" s="193">
        <v>0</v>
      </c>
      <c r="AC26" s="191">
        <v>92</v>
      </c>
      <c r="AD26" s="191">
        <v>35</v>
      </c>
      <c r="AE26" s="191">
        <v>49</v>
      </c>
      <c r="AF26" s="191">
        <v>44</v>
      </c>
      <c r="AG26" s="191">
        <v>0</v>
      </c>
      <c r="AH26" s="196">
        <v>220</v>
      </c>
      <c r="AI26" s="195">
        <v>240</v>
      </c>
      <c r="AJ26" s="190">
        <v>0</v>
      </c>
      <c r="AK26" s="191">
        <v>0</v>
      </c>
      <c r="AL26" s="196">
        <v>0</v>
      </c>
      <c r="AM26" s="193">
        <v>0</v>
      </c>
      <c r="AN26" s="191">
        <v>12</v>
      </c>
      <c r="AO26" s="191">
        <v>16</v>
      </c>
      <c r="AP26" s="191">
        <v>0</v>
      </c>
      <c r="AQ26" s="191">
        <v>0</v>
      </c>
      <c r="AR26" s="191">
        <v>0</v>
      </c>
      <c r="AS26" s="196">
        <v>28</v>
      </c>
      <c r="AT26" s="195">
        <v>28</v>
      </c>
      <c r="AU26" s="190">
        <v>0</v>
      </c>
      <c r="AV26" s="191">
        <v>0</v>
      </c>
      <c r="AW26" s="196">
        <v>0</v>
      </c>
      <c r="AX26" s="193">
        <v>0</v>
      </c>
      <c r="AY26" s="191">
        <v>101</v>
      </c>
      <c r="AZ26" s="191">
        <v>93</v>
      </c>
      <c r="BA26" s="191">
        <v>27</v>
      </c>
      <c r="BB26" s="191">
        <v>4</v>
      </c>
      <c r="BC26" s="191">
        <v>8</v>
      </c>
      <c r="BD26" s="194">
        <v>233</v>
      </c>
      <c r="BE26" s="195">
        <v>233</v>
      </c>
      <c r="BF26" s="190">
        <v>0</v>
      </c>
      <c r="BG26" s="191">
        <v>1</v>
      </c>
      <c r="BH26" s="196">
        <v>1</v>
      </c>
      <c r="BI26" s="193">
        <v>0</v>
      </c>
      <c r="BJ26" s="191">
        <v>8</v>
      </c>
      <c r="BK26" s="191">
        <v>52</v>
      </c>
      <c r="BL26" s="191">
        <v>29</v>
      </c>
      <c r="BM26" s="191">
        <v>14</v>
      </c>
      <c r="BN26" s="191">
        <v>1</v>
      </c>
      <c r="BO26" s="196">
        <v>104</v>
      </c>
      <c r="BP26" s="195">
        <v>105</v>
      </c>
      <c r="BQ26" s="190">
        <v>0</v>
      </c>
      <c r="BR26" s="191">
        <v>0</v>
      </c>
      <c r="BS26" s="196">
        <v>0</v>
      </c>
      <c r="BT26" s="193">
        <v>0</v>
      </c>
      <c r="BU26" s="191">
        <v>0</v>
      </c>
      <c r="BV26" s="191">
        <v>46</v>
      </c>
      <c r="BW26" s="191">
        <v>2</v>
      </c>
      <c r="BX26" s="191">
        <v>38</v>
      </c>
      <c r="BY26" s="191">
        <v>0</v>
      </c>
      <c r="BZ26" s="196">
        <v>86</v>
      </c>
      <c r="CA26" s="195">
        <v>86</v>
      </c>
      <c r="CB26" s="190">
        <v>0</v>
      </c>
      <c r="CC26" s="191">
        <v>0</v>
      </c>
      <c r="CD26" s="196">
        <v>0</v>
      </c>
      <c r="CE26" s="193">
        <v>0</v>
      </c>
      <c r="CF26" s="191">
        <v>3</v>
      </c>
      <c r="CG26" s="191">
        <v>0</v>
      </c>
      <c r="CH26" s="191">
        <v>0</v>
      </c>
      <c r="CI26" s="191">
        <v>0</v>
      </c>
      <c r="CJ26" s="191">
        <v>0</v>
      </c>
      <c r="CK26" s="196">
        <v>3</v>
      </c>
      <c r="CL26" s="195">
        <v>3</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07</v>
      </c>
      <c r="H27" s="191">
        <v>91</v>
      </c>
      <c r="I27" s="191">
        <v>3</v>
      </c>
      <c r="J27" s="191">
        <v>18</v>
      </c>
      <c r="K27" s="191">
        <v>0</v>
      </c>
      <c r="L27" s="194">
        <v>219</v>
      </c>
      <c r="M27" s="195">
        <v>219</v>
      </c>
      <c r="N27" s="190">
        <v>0</v>
      </c>
      <c r="O27" s="191">
        <v>0</v>
      </c>
      <c r="P27" s="196">
        <v>0</v>
      </c>
      <c r="Q27" s="193">
        <v>0</v>
      </c>
      <c r="R27" s="191">
        <v>0</v>
      </c>
      <c r="S27" s="191">
        <v>0</v>
      </c>
      <c r="T27" s="191">
        <v>4</v>
      </c>
      <c r="U27" s="191">
        <v>2</v>
      </c>
      <c r="V27" s="191">
        <v>0</v>
      </c>
      <c r="W27" s="196">
        <v>6</v>
      </c>
      <c r="X27" s="195">
        <v>6</v>
      </c>
      <c r="Y27" s="190">
        <v>2</v>
      </c>
      <c r="Z27" s="191">
        <v>9</v>
      </c>
      <c r="AA27" s="196">
        <v>11</v>
      </c>
      <c r="AB27" s="193">
        <v>0</v>
      </c>
      <c r="AC27" s="191">
        <v>18</v>
      </c>
      <c r="AD27" s="191">
        <v>98</v>
      </c>
      <c r="AE27" s="191">
        <v>27</v>
      </c>
      <c r="AF27" s="191">
        <v>45</v>
      </c>
      <c r="AG27" s="191">
        <v>0</v>
      </c>
      <c r="AH27" s="196">
        <v>188</v>
      </c>
      <c r="AI27" s="195">
        <v>199</v>
      </c>
      <c r="AJ27" s="190">
        <v>0</v>
      </c>
      <c r="AK27" s="191">
        <v>28</v>
      </c>
      <c r="AL27" s="196">
        <v>28</v>
      </c>
      <c r="AM27" s="193">
        <v>0</v>
      </c>
      <c r="AN27" s="191">
        <v>0</v>
      </c>
      <c r="AO27" s="191">
        <v>48</v>
      </c>
      <c r="AP27" s="191">
        <v>0</v>
      </c>
      <c r="AQ27" s="191">
        <v>0</v>
      </c>
      <c r="AR27" s="191">
        <v>0</v>
      </c>
      <c r="AS27" s="196">
        <v>48</v>
      </c>
      <c r="AT27" s="195">
        <v>76</v>
      </c>
      <c r="AU27" s="190">
        <v>0</v>
      </c>
      <c r="AV27" s="191">
        <v>0</v>
      </c>
      <c r="AW27" s="196">
        <v>0</v>
      </c>
      <c r="AX27" s="193">
        <v>0</v>
      </c>
      <c r="AY27" s="191">
        <v>96</v>
      </c>
      <c r="AZ27" s="191">
        <v>12</v>
      </c>
      <c r="BA27" s="191">
        <v>2</v>
      </c>
      <c r="BB27" s="191">
        <v>1</v>
      </c>
      <c r="BC27" s="191">
        <v>0</v>
      </c>
      <c r="BD27" s="194">
        <v>111</v>
      </c>
      <c r="BE27" s="195">
        <v>111</v>
      </c>
      <c r="BF27" s="190">
        <v>0</v>
      </c>
      <c r="BG27" s="191">
        <v>0</v>
      </c>
      <c r="BH27" s="196">
        <v>0</v>
      </c>
      <c r="BI27" s="193">
        <v>0</v>
      </c>
      <c r="BJ27" s="191">
        <v>12</v>
      </c>
      <c r="BK27" s="191">
        <v>46</v>
      </c>
      <c r="BL27" s="191">
        <v>18</v>
      </c>
      <c r="BM27" s="191">
        <v>16</v>
      </c>
      <c r="BN27" s="191">
        <v>0</v>
      </c>
      <c r="BO27" s="196">
        <v>92</v>
      </c>
      <c r="BP27" s="195">
        <v>92</v>
      </c>
      <c r="BQ27" s="190">
        <v>0</v>
      </c>
      <c r="BR27" s="191">
        <v>0</v>
      </c>
      <c r="BS27" s="196">
        <v>0</v>
      </c>
      <c r="BT27" s="193">
        <v>0</v>
      </c>
      <c r="BU27" s="191">
        <v>11</v>
      </c>
      <c r="BV27" s="191">
        <v>0</v>
      </c>
      <c r="BW27" s="191">
        <v>0</v>
      </c>
      <c r="BX27" s="191">
        <v>4</v>
      </c>
      <c r="BY27" s="191">
        <v>0</v>
      </c>
      <c r="BZ27" s="196">
        <v>15</v>
      </c>
      <c r="CA27" s="195">
        <v>15</v>
      </c>
      <c r="CB27" s="190">
        <v>0</v>
      </c>
      <c r="CC27" s="191">
        <v>0</v>
      </c>
      <c r="CD27" s="196">
        <v>0</v>
      </c>
      <c r="CE27" s="193">
        <v>0</v>
      </c>
      <c r="CF27" s="191">
        <v>0</v>
      </c>
      <c r="CG27" s="191">
        <v>5</v>
      </c>
      <c r="CH27" s="191">
        <v>0</v>
      </c>
      <c r="CI27" s="191">
        <v>3</v>
      </c>
      <c r="CJ27" s="191">
        <v>0</v>
      </c>
      <c r="CK27" s="196">
        <v>8</v>
      </c>
      <c r="CL27" s="195">
        <v>8</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90</v>
      </c>
      <c r="H28" s="191">
        <v>51</v>
      </c>
      <c r="I28" s="191">
        <v>140</v>
      </c>
      <c r="J28" s="191">
        <v>99</v>
      </c>
      <c r="K28" s="191">
        <v>35</v>
      </c>
      <c r="L28" s="194">
        <v>415</v>
      </c>
      <c r="M28" s="195">
        <v>415</v>
      </c>
      <c r="N28" s="190">
        <v>0</v>
      </c>
      <c r="O28" s="191">
        <v>0</v>
      </c>
      <c r="P28" s="196">
        <v>0</v>
      </c>
      <c r="Q28" s="193">
        <v>0</v>
      </c>
      <c r="R28" s="191">
        <v>0</v>
      </c>
      <c r="S28" s="191">
        <v>0</v>
      </c>
      <c r="T28" s="191">
        <v>0</v>
      </c>
      <c r="U28" s="191">
        <v>8</v>
      </c>
      <c r="V28" s="191">
        <v>2</v>
      </c>
      <c r="W28" s="196">
        <v>10</v>
      </c>
      <c r="X28" s="195">
        <v>10</v>
      </c>
      <c r="Y28" s="190">
        <v>6</v>
      </c>
      <c r="Z28" s="191">
        <v>0</v>
      </c>
      <c r="AA28" s="196">
        <v>6</v>
      </c>
      <c r="AB28" s="193">
        <v>0</v>
      </c>
      <c r="AC28" s="191">
        <v>16</v>
      </c>
      <c r="AD28" s="191">
        <v>54</v>
      </c>
      <c r="AE28" s="191">
        <v>5</v>
      </c>
      <c r="AF28" s="191">
        <v>31</v>
      </c>
      <c r="AG28" s="191">
        <v>26</v>
      </c>
      <c r="AH28" s="196">
        <v>132</v>
      </c>
      <c r="AI28" s="195">
        <v>138</v>
      </c>
      <c r="AJ28" s="190">
        <v>0</v>
      </c>
      <c r="AK28" s="191">
        <v>0</v>
      </c>
      <c r="AL28" s="196">
        <v>0</v>
      </c>
      <c r="AM28" s="193">
        <v>0</v>
      </c>
      <c r="AN28" s="191">
        <v>0</v>
      </c>
      <c r="AO28" s="191">
        <v>0</v>
      </c>
      <c r="AP28" s="191">
        <v>0</v>
      </c>
      <c r="AQ28" s="191">
        <v>0</v>
      </c>
      <c r="AR28" s="191">
        <v>23</v>
      </c>
      <c r="AS28" s="196">
        <v>23</v>
      </c>
      <c r="AT28" s="195">
        <v>23</v>
      </c>
      <c r="AU28" s="190">
        <v>0</v>
      </c>
      <c r="AV28" s="191">
        <v>0</v>
      </c>
      <c r="AW28" s="196">
        <v>0</v>
      </c>
      <c r="AX28" s="193">
        <v>0</v>
      </c>
      <c r="AY28" s="191">
        <v>33</v>
      </c>
      <c r="AZ28" s="191">
        <v>32</v>
      </c>
      <c r="BA28" s="191">
        <v>6</v>
      </c>
      <c r="BB28" s="191">
        <v>27</v>
      </c>
      <c r="BC28" s="191">
        <v>0</v>
      </c>
      <c r="BD28" s="194">
        <v>98</v>
      </c>
      <c r="BE28" s="195">
        <v>98</v>
      </c>
      <c r="BF28" s="190">
        <v>0</v>
      </c>
      <c r="BG28" s="191">
        <v>0</v>
      </c>
      <c r="BH28" s="196">
        <v>0</v>
      </c>
      <c r="BI28" s="193">
        <v>0</v>
      </c>
      <c r="BJ28" s="191">
        <v>19</v>
      </c>
      <c r="BK28" s="191">
        <v>11</v>
      </c>
      <c r="BL28" s="191">
        <v>0</v>
      </c>
      <c r="BM28" s="191">
        <v>5</v>
      </c>
      <c r="BN28" s="191">
        <v>0</v>
      </c>
      <c r="BO28" s="196">
        <v>35</v>
      </c>
      <c r="BP28" s="195">
        <v>35</v>
      </c>
      <c r="BQ28" s="190">
        <v>0</v>
      </c>
      <c r="BR28" s="191">
        <v>0</v>
      </c>
      <c r="BS28" s="196">
        <v>0</v>
      </c>
      <c r="BT28" s="193">
        <v>0</v>
      </c>
      <c r="BU28" s="191">
        <v>17</v>
      </c>
      <c r="BV28" s="191">
        <v>3</v>
      </c>
      <c r="BW28" s="191">
        <v>2</v>
      </c>
      <c r="BX28" s="191">
        <v>0</v>
      </c>
      <c r="BY28" s="191">
        <v>0</v>
      </c>
      <c r="BZ28" s="196">
        <v>22</v>
      </c>
      <c r="CA28" s="195">
        <v>22</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25</v>
      </c>
      <c r="H29" s="191">
        <v>46</v>
      </c>
      <c r="I29" s="191">
        <v>172</v>
      </c>
      <c r="J29" s="191">
        <v>162</v>
      </c>
      <c r="K29" s="191">
        <v>192</v>
      </c>
      <c r="L29" s="194">
        <v>597</v>
      </c>
      <c r="M29" s="195">
        <v>597</v>
      </c>
      <c r="N29" s="190">
        <v>0</v>
      </c>
      <c r="O29" s="191">
        <v>0</v>
      </c>
      <c r="P29" s="196">
        <v>0</v>
      </c>
      <c r="Q29" s="193">
        <v>0</v>
      </c>
      <c r="R29" s="191">
        <v>0</v>
      </c>
      <c r="S29" s="191">
        <v>0</v>
      </c>
      <c r="T29" s="191">
        <v>0</v>
      </c>
      <c r="U29" s="191">
        <v>0</v>
      </c>
      <c r="V29" s="191">
        <v>0</v>
      </c>
      <c r="W29" s="196">
        <v>0</v>
      </c>
      <c r="X29" s="195">
        <v>0</v>
      </c>
      <c r="Y29" s="190">
        <v>8</v>
      </c>
      <c r="Z29" s="191">
        <v>29</v>
      </c>
      <c r="AA29" s="196">
        <v>37</v>
      </c>
      <c r="AB29" s="193">
        <v>0</v>
      </c>
      <c r="AC29" s="191">
        <v>32</v>
      </c>
      <c r="AD29" s="191">
        <v>32</v>
      </c>
      <c r="AE29" s="191">
        <v>19</v>
      </c>
      <c r="AF29" s="191">
        <v>50</v>
      </c>
      <c r="AG29" s="191">
        <v>22</v>
      </c>
      <c r="AH29" s="196">
        <v>155</v>
      </c>
      <c r="AI29" s="195">
        <v>192</v>
      </c>
      <c r="AJ29" s="190">
        <v>0</v>
      </c>
      <c r="AK29" s="191">
        <v>0</v>
      </c>
      <c r="AL29" s="196">
        <v>0</v>
      </c>
      <c r="AM29" s="193">
        <v>0</v>
      </c>
      <c r="AN29" s="191">
        <v>0</v>
      </c>
      <c r="AO29" s="191">
        <v>9</v>
      </c>
      <c r="AP29" s="191">
        <v>0</v>
      </c>
      <c r="AQ29" s="191">
        <v>0</v>
      </c>
      <c r="AR29" s="191">
        <v>0</v>
      </c>
      <c r="AS29" s="196">
        <v>9</v>
      </c>
      <c r="AT29" s="195">
        <v>9</v>
      </c>
      <c r="AU29" s="190">
        <v>0</v>
      </c>
      <c r="AV29" s="191">
        <v>0</v>
      </c>
      <c r="AW29" s="196">
        <v>0</v>
      </c>
      <c r="AX29" s="193">
        <v>0</v>
      </c>
      <c r="AY29" s="191">
        <v>61</v>
      </c>
      <c r="AZ29" s="191">
        <v>44</v>
      </c>
      <c r="BA29" s="191">
        <v>17</v>
      </c>
      <c r="BB29" s="191">
        <v>47</v>
      </c>
      <c r="BC29" s="191">
        <v>0</v>
      </c>
      <c r="BD29" s="194">
        <v>169</v>
      </c>
      <c r="BE29" s="195">
        <v>169</v>
      </c>
      <c r="BF29" s="190">
        <v>0</v>
      </c>
      <c r="BG29" s="191">
        <v>0</v>
      </c>
      <c r="BH29" s="196">
        <v>0</v>
      </c>
      <c r="BI29" s="193">
        <v>0</v>
      </c>
      <c r="BJ29" s="191">
        <v>23</v>
      </c>
      <c r="BK29" s="191">
        <v>17</v>
      </c>
      <c r="BL29" s="191">
        <v>14</v>
      </c>
      <c r="BM29" s="191">
        <v>0</v>
      </c>
      <c r="BN29" s="191">
        <v>0</v>
      </c>
      <c r="BO29" s="196">
        <v>54</v>
      </c>
      <c r="BP29" s="195">
        <v>54</v>
      </c>
      <c r="BQ29" s="190">
        <v>0</v>
      </c>
      <c r="BR29" s="191">
        <v>0</v>
      </c>
      <c r="BS29" s="196">
        <v>0</v>
      </c>
      <c r="BT29" s="193">
        <v>0</v>
      </c>
      <c r="BU29" s="191">
        <v>0</v>
      </c>
      <c r="BV29" s="191">
        <v>0</v>
      </c>
      <c r="BW29" s="191">
        <v>4</v>
      </c>
      <c r="BX29" s="191">
        <v>19</v>
      </c>
      <c r="BY29" s="191">
        <v>0</v>
      </c>
      <c r="BZ29" s="196">
        <v>23</v>
      </c>
      <c r="CA29" s="195">
        <v>23</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5</v>
      </c>
      <c r="J30" s="191">
        <v>0</v>
      </c>
      <c r="K30" s="191">
        <v>0</v>
      </c>
      <c r="L30" s="194">
        <v>25</v>
      </c>
      <c r="M30" s="195">
        <v>25</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5</v>
      </c>
      <c r="AD30" s="191">
        <v>0</v>
      </c>
      <c r="AE30" s="191">
        <v>8</v>
      </c>
      <c r="AF30" s="191">
        <v>8</v>
      </c>
      <c r="AG30" s="191">
        <v>0</v>
      </c>
      <c r="AH30" s="196">
        <v>31</v>
      </c>
      <c r="AI30" s="195">
        <v>31</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31</v>
      </c>
      <c r="BA30" s="191">
        <v>11</v>
      </c>
      <c r="BB30" s="191">
        <v>0</v>
      </c>
      <c r="BC30" s="191">
        <v>0</v>
      </c>
      <c r="BD30" s="194">
        <v>42</v>
      </c>
      <c r="BE30" s="195">
        <v>42</v>
      </c>
      <c r="BF30" s="190">
        <v>0</v>
      </c>
      <c r="BG30" s="191">
        <v>0</v>
      </c>
      <c r="BH30" s="196">
        <v>0</v>
      </c>
      <c r="BI30" s="193">
        <v>0</v>
      </c>
      <c r="BJ30" s="191">
        <v>17</v>
      </c>
      <c r="BK30" s="191">
        <v>0</v>
      </c>
      <c r="BL30" s="191">
        <v>0</v>
      </c>
      <c r="BM30" s="191">
        <v>0</v>
      </c>
      <c r="BN30" s="191">
        <v>0</v>
      </c>
      <c r="BO30" s="196">
        <v>17</v>
      </c>
      <c r="BP30" s="195">
        <v>17</v>
      </c>
      <c r="BQ30" s="190">
        <v>0</v>
      </c>
      <c r="BR30" s="191">
        <v>0</v>
      </c>
      <c r="BS30" s="196">
        <v>0</v>
      </c>
      <c r="BT30" s="193">
        <v>0</v>
      </c>
      <c r="BU30" s="191">
        <v>0</v>
      </c>
      <c r="BV30" s="191">
        <v>3</v>
      </c>
      <c r="BW30" s="191">
        <v>0</v>
      </c>
      <c r="BX30" s="191">
        <v>0</v>
      </c>
      <c r="BY30" s="191">
        <v>0</v>
      </c>
      <c r="BZ30" s="196">
        <v>3</v>
      </c>
      <c r="CA30" s="195">
        <v>3</v>
      </c>
      <c r="CB30" s="190">
        <v>0</v>
      </c>
      <c r="CC30" s="191">
        <v>0</v>
      </c>
      <c r="CD30" s="196">
        <v>0</v>
      </c>
      <c r="CE30" s="193">
        <v>0</v>
      </c>
      <c r="CF30" s="191">
        <v>0</v>
      </c>
      <c r="CG30" s="191">
        <v>0</v>
      </c>
      <c r="CH30" s="191">
        <v>4</v>
      </c>
      <c r="CI30" s="191">
        <v>0</v>
      </c>
      <c r="CJ30" s="191">
        <v>0</v>
      </c>
      <c r="CK30" s="196">
        <v>4</v>
      </c>
      <c r="CL30" s="195">
        <v>4</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34</v>
      </c>
      <c r="I31" s="191">
        <v>0</v>
      </c>
      <c r="J31" s="191">
        <v>120</v>
      </c>
      <c r="K31" s="191">
        <v>5</v>
      </c>
      <c r="L31" s="194">
        <v>159</v>
      </c>
      <c r="M31" s="195">
        <v>159</v>
      </c>
      <c r="N31" s="190">
        <v>0</v>
      </c>
      <c r="O31" s="191">
        <v>0</v>
      </c>
      <c r="P31" s="196">
        <v>0</v>
      </c>
      <c r="Q31" s="193">
        <v>0</v>
      </c>
      <c r="R31" s="191">
        <v>0</v>
      </c>
      <c r="S31" s="191">
        <v>0</v>
      </c>
      <c r="T31" s="191">
        <v>0</v>
      </c>
      <c r="U31" s="191">
        <v>0</v>
      </c>
      <c r="V31" s="191">
        <v>5</v>
      </c>
      <c r="W31" s="196">
        <v>5</v>
      </c>
      <c r="X31" s="195">
        <v>5</v>
      </c>
      <c r="Y31" s="190">
        <v>0</v>
      </c>
      <c r="Z31" s="191">
        <v>0</v>
      </c>
      <c r="AA31" s="196">
        <v>0</v>
      </c>
      <c r="AB31" s="193">
        <v>0</v>
      </c>
      <c r="AC31" s="191">
        <v>0</v>
      </c>
      <c r="AD31" s="191">
        <v>4</v>
      </c>
      <c r="AE31" s="191">
        <v>12</v>
      </c>
      <c r="AF31" s="191">
        <v>4</v>
      </c>
      <c r="AG31" s="191">
        <v>0</v>
      </c>
      <c r="AH31" s="196">
        <v>20</v>
      </c>
      <c r="AI31" s="195">
        <v>20</v>
      </c>
      <c r="AJ31" s="190">
        <v>6</v>
      </c>
      <c r="AK31" s="191">
        <v>0</v>
      </c>
      <c r="AL31" s="196">
        <v>6</v>
      </c>
      <c r="AM31" s="193">
        <v>0</v>
      </c>
      <c r="AN31" s="191">
        <v>0</v>
      </c>
      <c r="AO31" s="191">
        <v>-4</v>
      </c>
      <c r="AP31" s="191">
        <v>0</v>
      </c>
      <c r="AQ31" s="191">
        <v>0</v>
      </c>
      <c r="AR31" s="191">
        <v>0</v>
      </c>
      <c r="AS31" s="196">
        <v>-4</v>
      </c>
      <c r="AT31" s="195">
        <v>2</v>
      </c>
      <c r="AU31" s="190">
        <v>0</v>
      </c>
      <c r="AV31" s="191">
        <v>0</v>
      </c>
      <c r="AW31" s="196">
        <v>0</v>
      </c>
      <c r="AX31" s="193">
        <v>0</v>
      </c>
      <c r="AY31" s="191">
        <v>0</v>
      </c>
      <c r="AZ31" s="191">
        <v>33</v>
      </c>
      <c r="BA31" s="191">
        <v>14</v>
      </c>
      <c r="BB31" s="191">
        <v>0</v>
      </c>
      <c r="BC31" s="191">
        <v>0</v>
      </c>
      <c r="BD31" s="194">
        <v>47</v>
      </c>
      <c r="BE31" s="195">
        <v>47</v>
      </c>
      <c r="BF31" s="190">
        <v>0</v>
      </c>
      <c r="BG31" s="191">
        <v>0</v>
      </c>
      <c r="BH31" s="196">
        <v>0</v>
      </c>
      <c r="BI31" s="193">
        <v>0</v>
      </c>
      <c r="BJ31" s="191">
        <v>0</v>
      </c>
      <c r="BK31" s="191">
        <v>0</v>
      </c>
      <c r="BL31" s="191">
        <v>0</v>
      </c>
      <c r="BM31" s="191">
        <v>0</v>
      </c>
      <c r="BN31" s="191">
        <v>0</v>
      </c>
      <c r="BO31" s="196">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8</v>
      </c>
      <c r="H32" s="191">
        <v>0</v>
      </c>
      <c r="I32" s="191">
        <v>22</v>
      </c>
      <c r="J32" s="191">
        <v>7</v>
      </c>
      <c r="K32" s="191">
        <v>0</v>
      </c>
      <c r="L32" s="194">
        <v>37</v>
      </c>
      <c r="M32" s="195">
        <v>37</v>
      </c>
      <c r="N32" s="190">
        <v>0</v>
      </c>
      <c r="O32" s="191">
        <v>0</v>
      </c>
      <c r="P32" s="196">
        <v>0</v>
      </c>
      <c r="Q32" s="193">
        <v>0</v>
      </c>
      <c r="R32" s="191">
        <v>0</v>
      </c>
      <c r="S32" s="191">
        <v>0</v>
      </c>
      <c r="T32" s="191">
        <v>2</v>
      </c>
      <c r="U32" s="191">
        <v>0</v>
      </c>
      <c r="V32" s="191">
        <v>0</v>
      </c>
      <c r="W32" s="196">
        <v>2</v>
      </c>
      <c r="X32" s="195">
        <v>2</v>
      </c>
      <c r="Y32" s="190">
        <v>0</v>
      </c>
      <c r="Z32" s="191">
        <v>8</v>
      </c>
      <c r="AA32" s="196">
        <v>8</v>
      </c>
      <c r="AB32" s="193">
        <v>0</v>
      </c>
      <c r="AC32" s="191">
        <v>4</v>
      </c>
      <c r="AD32" s="191">
        <v>0</v>
      </c>
      <c r="AE32" s="191">
        <v>2</v>
      </c>
      <c r="AF32" s="191">
        <v>4</v>
      </c>
      <c r="AG32" s="191">
        <v>0</v>
      </c>
      <c r="AH32" s="196">
        <v>10</v>
      </c>
      <c r="AI32" s="195">
        <v>18</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7</v>
      </c>
      <c r="BC32" s="191">
        <v>0</v>
      </c>
      <c r="BD32" s="194">
        <v>7</v>
      </c>
      <c r="BE32" s="195">
        <v>7</v>
      </c>
      <c r="BF32" s="190">
        <v>0</v>
      </c>
      <c r="BG32" s="191">
        <v>0</v>
      </c>
      <c r="BH32" s="196">
        <v>0</v>
      </c>
      <c r="BI32" s="193">
        <v>0</v>
      </c>
      <c r="BJ32" s="191">
        <v>0</v>
      </c>
      <c r="BK32" s="191">
        <v>0</v>
      </c>
      <c r="BL32" s="191">
        <v>0</v>
      </c>
      <c r="BM32" s="191">
        <v>0</v>
      </c>
      <c r="BN32" s="191">
        <v>0</v>
      </c>
      <c r="BO32" s="196">
        <v>0</v>
      </c>
      <c r="BP32" s="195">
        <v>0</v>
      </c>
      <c r="BQ32" s="190">
        <v>0</v>
      </c>
      <c r="BR32" s="191">
        <v>0</v>
      </c>
      <c r="BS32" s="196">
        <v>0</v>
      </c>
      <c r="BT32" s="193">
        <v>0</v>
      </c>
      <c r="BU32" s="191">
        <v>6</v>
      </c>
      <c r="BV32" s="191">
        <v>0</v>
      </c>
      <c r="BW32" s="191">
        <v>0</v>
      </c>
      <c r="BX32" s="191">
        <v>4</v>
      </c>
      <c r="BY32" s="191">
        <v>0</v>
      </c>
      <c r="BZ32" s="196">
        <v>10</v>
      </c>
      <c r="CA32" s="195">
        <v>1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0</v>
      </c>
      <c r="I33" s="191">
        <v>76</v>
      </c>
      <c r="J33" s="191">
        <v>0</v>
      </c>
      <c r="K33" s="191">
        <v>0</v>
      </c>
      <c r="L33" s="194">
        <v>76</v>
      </c>
      <c r="M33" s="195">
        <v>76</v>
      </c>
      <c r="N33" s="190">
        <v>0</v>
      </c>
      <c r="O33" s="191">
        <v>0</v>
      </c>
      <c r="P33" s="196">
        <v>0</v>
      </c>
      <c r="Q33" s="193">
        <v>0</v>
      </c>
      <c r="R33" s="191">
        <v>0</v>
      </c>
      <c r="S33" s="191">
        <v>4</v>
      </c>
      <c r="T33" s="191">
        <v>8</v>
      </c>
      <c r="U33" s="191">
        <v>0</v>
      </c>
      <c r="V33" s="191">
        <v>0</v>
      </c>
      <c r="W33" s="196">
        <v>12</v>
      </c>
      <c r="X33" s="195">
        <v>12</v>
      </c>
      <c r="Y33" s="190">
        <v>0</v>
      </c>
      <c r="Z33" s="191">
        <v>4</v>
      </c>
      <c r="AA33" s="196">
        <v>4</v>
      </c>
      <c r="AB33" s="193">
        <v>0</v>
      </c>
      <c r="AC33" s="191">
        <v>0</v>
      </c>
      <c r="AD33" s="191">
        <v>0</v>
      </c>
      <c r="AE33" s="191">
        <v>31</v>
      </c>
      <c r="AF33" s="191">
        <v>19</v>
      </c>
      <c r="AG33" s="191">
        <v>0</v>
      </c>
      <c r="AH33" s="196">
        <v>50</v>
      </c>
      <c r="AI33" s="195">
        <v>54</v>
      </c>
      <c r="AJ33" s="190">
        <v>0</v>
      </c>
      <c r="AK33" s="191">
        <v>0</v>
      </c>
      <c r="AL33" s="196">
        <v>0</v>
      </c>
      <c r="AM33" s="193">
        <v>0</v>
      </c>
      <c r="AN33" s="191">
        <v>0</v>
      </c>
      <c r="AO33" s="191">
        <v>0</v>
      </c>
      <c r="AP33" s="191">
        <v>9</v>
      </c>
      <c r="AQ33" s="191">
        <v>0</v>
      </c>
      <c r="AR33" s="191">
        <v>0</v>
      </c>
      <c r="AS33" s="196">
        <v>9</v>
      </c>
      <c r="AT33" s="195">
        <v>9</v>
      </c>
      <c r="AU33" s="190">
        <v>0</v>
      </c>
      <c r="AV33" s="191">
        <v>0</v>
      </c>
      <c r="AW33" s="196">
        <v>0</v>
      </c>
      <c r="AX33" s="193">
        <v>0</v>
      </c>
      <c r="AY33" s="191">
        <v>15</v>
      </c>
      <c r="AZ33" s="191">
        <v>0</v>
      </c>
      <c r="BA33" s="191">
        <v>0</v>
      </c>
      <c r="BB33" s="191">
        <v>7</v>
      </c>
      <c r="BC33" s="191">
        <v>0</v>
      </c>
      <c r="BD33" s="194">
        <v>22</v>
      </c>
      <c r="BE33" s="195">
        <v>22</v>
      </c>
      <c r="BF33" s="190">
        <v>0</v>
      </c>
      <c r="BG33" s="191">
        <v>0</v>
      </c>
      <c r="BH33" s="196">
        <v>0</v>
      </c>
      <c r="BI33" s="193">
        <v>0</v>
      </c>
      <c r="BJ33" s="191">
        <v>4</v>
      </c>
      <c r="BK33" s="191">
        <v>19</v>
      </c>
      <c r="BL33" s="191">
        <v>7</v>
      </c>
      <c r="BM33" s="191">
        <v>0</v>
      </c>
      <c r="BN33" s="191">
        <v>0</v>
      </c>
      <c r="BO33" s="196">
        <v>30</v>
      </c>
      <c r="BP33" s="195">
        <v>30</v>
      </c>
      <c r="BQ33" s="190">
        <v>0</v>
      </c>
      <c r="BR33" s="191">
        <v>0</v>
      </c>
      <c r="BS33" s="196">
        <v>0</v>
      </c>
      <c r="BT33" s="193">
        <v>0</v>
      </c>
      <c r="BU33" s="191">
        <v>0</v>
      </c>
      <c r="BV33" s="191">
        <v>0</v>
      </c>
      <c r="BW33" s="191">
        <v>0</v>
      </c>
      <c r="BX33" s="191">
        <v>5</v>
      </c>
      <c r="BY33" s="191">
        <v>0</v>
      </c>
      <c r="BZ33" s="196">
        <v>5</v>
      </c>
      <c r="CA33" s="195">
        <v>5</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12</v>
      </c>
      <c r="H34" s="191">
        <v>112</v>
      </c>
      <c r="I34" s="191">
        <v>34</v>
      </c>
      <c r="J34" s="191">
        <v>55</v>
      </c>
      <c r="K34" s="191">
        <v>0</v>
      </c>
      <c r="L34" s="194">
        <v>213</v>
      </c>
      <c r="M34" s="195">
        <v>213</v>
      </c>
      <c r="N34" s="190">
        <v>0</v>
      </c>
      <c r="O34" s="191">
        <v>0</v>
      </c>
      <c r="P34" s="196">
        <v>0</v>
      </c>
      <c r="Q34" s="193">
        <v>0</v>
      </c>
      <c r="R34" s="191">
        <v>0</v>
      </c>
      <c r="S34" s="191">
        <v>0</v>
      </c>
      <c r="T34" s="191">
        <v>0</v>
      </c>
      <c r="U34" s="191">
        <v>0</v>
      </c>
      <c r="V34" s="191">
        <v>4</v>
      </c>
      <c r="W34" s="196">
        <v>4</v>
      </c>
      <c r="X34" s="195">
        <v>4</v>
      </c>
      <c r="Y34" s="190">
        <v>0</v>
      </c>
      <c r="Z34" s="191">
        <v>0</v>
      </c>
      <c r="AA34" s="196">
        <v>0</v>
      </c>
      <c r="AB34" s="193">
        <v>0</v>
      </c>
      <c r="AC34" s="191">
        <v>27</v>
      </c>
      <c r="AD34" s="191">
        <v>39</v>
      </c>
      <c r="AE34" s="191">
        <v>0</v>
      </c>
      <c r="AF34" s="191">
        <v>0</v>
      </c>
      <c r="AG34" s="191">
        <v>0</v>
      </c>
      <c r="AH34" s="196">
        <v>66</v>
      </c>
      <c r="AI34" s="195">
        <v>66</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24</v>
      </c>
      <c r="AZ34" s="191">
        <v>46</v>
      </c>
      <c r="BA34" s="191">
        <v>26</v>
      </c>
      <c r="BB34" s="191">
        <v>26</v>
      </c>
      <c r="BC34" s="191">
        <v>0</v>
      </c>
      <c r="BD34" s="194">
        <v>122</v>
      </c>
      <c r="BE34" s="195">
        <v>122</v>
      </c>
      <c r="BF34" s="190">
        <v>0</v>
      </c>
      <c r="BG34" s="191">
        <v>0</v>
      </c>
      <c r="BH34" s="196">
        <v>0</v>
      </c>
      <c r="BI34" s="193">
        <v>0</v>
      </c>
      <c r="BJ34" s="191">
        <v>0</v>
      </c>
      <c r="BK34" s="191">
        <v>13</v>
      </c>
      <c r="BL34" s="191">
        <v>0</v>
      </c>
      <c r="BM34" s="191">
        <v>0</v>
      </c>
      <c r="BN34" s="191">
        <v>0</v>
      </c>
      <c r="BO34" s="196">
        <v>13</v>
      </c>
      <c r="BP34" s="195">
        <v>13</v>
      </c>
      <c r="BQ34" s="190">
        <v>0</v>
      </c>
      <c r="BR34" s="191">
        <v>0</v>
      </c>
      <c r="BS34" s="196">
        <v>0</v>
      </c>
      <c r="BT34" s="193">
        <v>0</v>
      </c>
      <c r="BU34" s="191">
        <v>0</v>
      </c>
      <c r="BV34" s="191">
        <v>2</v>
      </c>
      <c r="BW34" s="191">
        <v>0</v>
      </c>
      <c r="BX34" s="191">
        <v>0</v>
      </c>
      <c r="BY34" s="191">
        <v>0</v>
      </c>
      <c r="BZ34" s="196">
        <v>2</v>
      </c>
      <c r="CA34" s="195">
        <v>2</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3</v>
      </c>
      <c r="H35" s="191">
        <v>0</v>
      </c>
      <c r="I35" s="191">
        <v>12</v>
      </c>
      <c r="J35" s="191">
        <v>0</v>
      </c>
      <c r="K35" s="191">
        <v>5</v>
      </c>
      <c r="L35" s="194">
        <v>20</v>
      </c>
      <c r="M35" s="195">
        <v>2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6</v>
      </c>
      <c r="AD35" s="191">
        <v>1</v>
      </c>
      <c r="AE35" s="191">
        <v>4</v>
      </c>
      <c r="AF35" s="191">
        <v>0</v>
      </c>
      <c r="AG35" s="191">
        <v>0</v>
      </c>
      <c r="AH35" s="196">
        <v>11</v>
      </c>
      <c r="AI35" s="195">
        <v>11</v>
      </c>
      <c r="AJ35" s="190">
        <v>24</v>
      </c>
      <c r="AK35" s="191">
        <v>12</v>
      </c>
      <c r="AL35" s="196">
        <v>36</v>
      </c>
      <c r="AM35" s="193">
        <v>0</v>
      </c>
      <c r="AN35" s="191">
        <v>3</v>
      </c>
      <c r="AO35" s="191">
        <v>0</v>
      </c>
      <c r="AP35" s="191">
        <v>27</v>
      </c>
      <c r="AQ35" s="191">
        <v>0</v>
      </c>
      <c r="AR35" s="191">
        <v>0</v>
      </c>
      <c r="AS35" s="196">
        <v>30</v>
      </c>
      <c r="AT35" s="195">
        <v>66</v>
      </c>
      <c r="AU35" s="190">
        <v>0</v>
      </c>
      <c r="AV35" s="191">
        <v>0</v>
      </c>
      <c r="AW35" s="196">
        <v>0</v>
      </c>
      <c r="AX35" s="193">
        <v>0</v>
      </c>
      <c r="AY35" s="191">
        <v>0</v>
      </c>
      <c r="AZ35" s="191">
        <v>0</v>
      </c>
      <c r="BA35" s="191">
        <v>0</v>
      </c>
      <c r="BB35" s="191">
        <v>0</v>
      </c>
      <c r="BC35" s="191">
        <v>0</v>
      </c>
      <c r="BD35" s="194">
        <v>0</v>
      </c>
      <c r="BE35" s="195">
        <v>0</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20</v>
      </c>
      <c r="BV35" s="191">
        <v>0</v>
      </c>
      <c r="BW35" s="191">
        <v>0</v>
      </c>
      <c r="BX35" s="191">
        <v>0</v>
      </c>
      <c r="BY35" s="191">
        <v>29</v>
      </c>
      <c r="BZ35" s="196">
        <v>49</v>
      </c>
      <c r="CA35" s="195">
        <v>49</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6</v>
      </c>
      <c r="H36" s="191">
        <v>0</v>
      </c>
      <c r="I36" s="191">
        <v>0</v>
      </c>
      <c r="J36" s="191">
        <v>0</v>
      </c>
      <c r="K36" s="191">
        <v>0</v>
      </c>
      <c r="L36" s="194">
        <v>6</v>
      </c>
      <c r="M36" s="195">
        <v>6</v>
      </c>
      <c r="N36" s="190">
        <v>0</v>
      </c>
      <c r="O36" s="191">
        <v>0</v>
      </c>
      <c r="P36" s="196">
        <v>0</v>
      </c>
      <c r="Q36" s="193">
        <v>0</v>
      </c>
      <c r="R36" s="191">
        <v>0</v>
      </c>
      <c r="S36" s="191">
        <v>0</v>
      </c>
      <c r="T36" s="191">
        <v>0</v>
      </c>
      <c r="U36" s="191">
        <v>0</v>
      </c>
      <c r="V36" s="191">
        <v>4</v>
      </c>
      <c r="W36" s="196">
        <v>4</v>
      </c>
      <c r="X36" s="195">
        <v>4</v>
      </c>
      <c r="Y36" s="190">
        <v>0</v>
      </c>
      <c r="Z36" s="191">
        <v>0</v>
      </c>
      <c r="AA36" s="196">
        <v>0</v>
      </c>
      <c r="AB36" s="193">
        <v>0</v>
      </c>
      <c r="AC36" s="191">
        <v>4</v>
      </c>
      <c r="AD36" s="191">
        <v>20</v>
      </c>
      <c r="AE36" s="191">
        <v>0</v>
      </c>
      <c r="AF36" s="191">
        <v>1</v>
      </c>
      <c r="AG36" s="191">
        <v>18</v>
      </c>
      <c r="AH36" s="196">
        <v>43</v>
      </c>
      <c r="AI36" s="195">
        <v>43</v>
      </c>
      <c r="AJ36" s="190">
        <v>0</v>
      </c>
      <c r="AK36" s="191">
        <v>0</v>
      </c>
      <c r="AL36" s="196">
        <v>0</v>
      </c>
      <c r="AM36" s="193">
        <v>0</v>
      </c>
      <c r="AN36" s="191">
        <v>0</v>
      </c>
      <c r="AO36" s="191">
        <v>0</v>
      </c>
      <c r="AP36" s="191">
        <v>0</v>
      </c>
      <c r="AQ36" s="191">
        <v>0</v>
      </c>
      <c r="AR36" s="191">
        <v>16</v>
      </c>
      <c r="AS36" s="196">
        <v>16</v>
      </c>
      <c r="AT36" s="195">
        <v>16</v>
      </c>
      <c r="AU36" s="190">
        <v>0</v>
      </c>
      <c r="AV36" s="191">
        <v>0</v>
      </c>
      <c r="AW36" s="196">
        <v>0</v>
      </c>
      <c r="AX36" s="193">
        <v>0</v>
      </c>
      <c r="AY36" s="191">
        <v>12</v>
      </c>
      <c r="AZ36" s="191">
        <v>9</v>
      </c>
      <c r="BA36" s="191">
        <v>4</v>
      </c>
      <c r="BB36" s="191">
        <v>0</v>
      </c>
      <c r="BC36" s="191">
        <v>0</v>
      </c>
      <c r="BD36" s="194">
        <v>25</v>
      </c>
      <c r="BE36" s="195">
        <v>25</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40</v>
      </c>
      <c r="H37" s="191">
        <v>8</v>
      </c>
      <c r="I37" s="191">
        <v>65</v>
      </c>
      <c r="J37" s="191">
        <v>33</v>
      </c>
      <c r="K37" s="191">
        <v>0</v>
      </c>
      <c r="L37" s="194">
        <v>146</v>
      </c>
      <c r="M37" s="195">
        <v>146</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4</v>
      </c>
      <c r="AD37" s="191">
        <v>0</v>
      </c>
      <c r="AE37" s="191">
        <v>14</v>
      </c>
      <c r="AF37" s="191">
        <v>5</v>
      </c>
      <c r="AG37" s="191">
        <v>0</v>
      </c>
      <c r="AH37" s="196">
        <v>23</v>
      </c>
      <c r="AI37" s="195">
        <v>23</v>
      </c>
      <c r="AJ37" s="190">
        <v>6</v>
      </c>
      <c r="AK37" s="191">
        <v>0</v>
      </c>
      <c r="AL37" s="196">
        <v>6</v>
      </c>
      <c r="AM37" s="193">
        <v>0</v>
      </c>
      <c r="AN37" s="191">
        <v>24</v>
      </c>
      <c r="AO37" s="191">
        <v>0</v>
      </c>
      <c r="AP37" s="191">
        <v>24</v>
      </c>
      <c r="AQ37" s="191">
        <v>0</v>
      </c>
      <c r="AR37" s="191">
        <v>0</v>
      </c>
      <c r="AS37" s="196">
        <v>48</v>
      </c>
      <c r="AT37" s="195">
        <v>54</v>
      </c>
      <c r="AU37" s="190">
        <v>0</v>
      </c>
      <c r="AV37" s="191">
        <v>0</v>
      </c>
      <c r="AW37" s="196">
        <v>0</v>
      </c>
      <c r="AX37" s="193">
        <v>0</v>
      </c>
      <c r="AY37" s="191">
        <v>32</v>
      </c>
      <c r="AZ37" s="191">
        <v>16</v>
      </c>
      <c r="BA37" s="191">
        <v>30</v>
      </c>
      <c r="BB37" s="191">
        <v>0</v>
      </c>
      <c r="BC37" s="191">
        <v>6</v>
      </c>
      <c r="BD37" s="194">
        <v>84</v>
      </c>
      <c r="BE37" s="195">
        <v>84</v>
      </c>
      <c r="BF37" s="190">
        <v>0</v>
      </c>
      <c r="BG37" s="191">
        <v>0</v>
      </c>
      <c r="BH37" s="196">
        <v>0</v>
      </c>
      <c r="BI37" s="193">
        <v>0</v>
      </c>
      <c r="BJ37" s="191">
        <v>26</v>
      </c>
      <c r="BK37" s="191">
        <v>0</v>
      </c>
      <c r="BL37" s="191">
        <v>9</v>
      </c>
      <c r="BM37" s="191">
        <v>12</v>
      </c>
      <c r="BN37" s="191">
        <v>0</v>
      </c>
      <c r="BO37" s="196">
        <v>47</v>
      </c>
      <c r="BP37" s="195">
        <v>47</v>
      </c>
      <c r="BQ37" s="190">
        <v>0</v>
      </c>
      <c r="BR37" s="191">
        <v>0</v>
      </c>
      <c r="BS37" s="196">
        <v>0</v>
      </c>
      <c r="BT37" s="193">
        <v>0</v>
      </c>
      <c r="BU37" s="191">
        <v>0</v>
      </c>
      <c r="BV37" s="191">
        <v>0</v>
      </c>
      <c r="BW37" s="191">
        <v>0</v>
      </c>
      <c r="BX37" s="191">
        <v>6</v>
      </c>
      <c r="BY37" s="191">
        <v>0</v>
      </c>
      <c r="BZ37" s="196">
        <v>6</v>
      </c>
      <c r="CA37" s="195">
        <v>6</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3</v>
      </c>
      <c r="H38" s="191">
        <v>8</v>
      </c>
      <c r="I38" s="191">
        <v>0</v>
      </c>
      <c r="J38" s="191">
        <v>0</v>
      </c>
      <c r="K38" s="191">
        <v>120</v>
      </c>
      <c r="L38" s="194">
        <v>131</v>
      </c>
      <c r="M38" s="195">
        <v>131</v>
      </c>
      <c r="N38" s="190">
        <v>0</v>
      </c>
      <c r="O38" s="191">
        <v>0</v>
      </c>
      <c r="P38" s="196">
        <v>0</v>
      </c>
      <c r="Q38" s="193">
        <v>0</v>
      </c>
      <c r="R38" s="191">
        <v>0</v>
      </c>
      <c r="S38" s="191">
        <v>0</v>
      </c>
      <c r="T38" s="191">
        <v>4</v>
      </c>
      <c r="U38" s="191">
        <v>6</v>
      </c>
      <c r="V38" s="191">
        <v>7</v>
      </c>
      <c r="W38" s="196">
        <v>17</v>
      </c>
      <c r="X38" s="195">
        <v>17</v>
      </c>
      <c r="Y38" s="190">
        <v>0</v>
      </c>
      <c r="Z38" s="191">
        <v>0</v>
      </c>
      <c r="AA38" s="196">
        <v>0</v>
      </c>
      <c r="AB38" s="193">
        <v>0</v>
      </c>
      <c r="AC38" s="191">
        <v>0</v>
      </c>
      <c r="AD38" s="191">
        <v>14</v>
      </c>
      <c r="AE38" s="191">
        <v>11</v>
      </c>
      <c r="AF38" s="191">
        <v>7</v>
      </c>
      <c r="AG38" s="191">
        <v>0</v>
      </c>
      <c r="AH38" s="196">
        <v>32</v>
      </c>
      <c r="AI38" s="195">
        <v>32</v>
      </c>
      <c r="AJ38" s="190">
        <v>0</v>
      </c>
      <c r="AK38" s="191">
        <v>12</v>
      </c>
      <c r="AL38" s="196">
        <v>12</v>
      </c>
      <c r="AM38" s="193">
        <v>0</v>
      </c>
      <c r="AN38" s="191">
        <v>16</v>
      </c>
      <c r="AO38" s="191">
        <v>0</v>
      </c>
      <c r="AP38" s="191">
        <v>8</v>
      </c>
      <c r="AQ38" s="191">
        <v>0</v>
      </c>
      <c r="AR38" s="191">
        <v>0</v>
      </c>
      <c r="AS38" s="196">
        <v>24</v>
      </c>
      <c r="AT38" s="195">
        <v>36</v>
      </c>
      <c r="AU38" s="190">
        <v>0</v>
      </c>
      <c r="AV38" s="191">
        <v>0</v>
      </c>
      <c r="AW38" s="196">
        <v>0</v>
      </c>
      <c r="AX38" s="193">
        <v>0</v>
      </c>
      <c r="AY38" s="191">
        <v>12</v>
      </c>
      <c r="AZ38" s="191">
        <v>14</v>
      </c>
      <c r="BA38" s="191">
        <v>0</v>
      </c>
      <c r="BB38" s="191">
        <v>0</v>
      </c>
      <c r="BC38" s="191">
        <v>0</v>
      </c>
      <c r="BD38" s="194">
        <v>26</v>
      </c>
      <c r="BE38" s="195">
        <v>26</v>
      </c>
      <c r="BF38" s="190">
        <v>0</v>
      </c>
      <c r="BG38" s="191">
        <v>0</v>
      </c>
      <c r="BH38" s="196">
        <v>0</v>
      </c>
      <c r="BI38" s="193">
        <v>0</v>
      </c>
      <c r="BJ38" s="191">
        <v>5</v>
      </c>
      <c r="BK38" s="191">
        <v>0</v>
      </c>
      <c r="BL38" s="191">
        <v>4</v>
      </c>
      <c r="BM38" s="191">
        <v>9</v>
      </c>
      <c r="BN38" s="191">
        <v>0</v>
      </c>
      <c r="BO38" s="196">
        <v>18</v>
      </c>
      <c r="BP38" s="195">
        <v>18</v>
      </c>
      <c r="BQ38" s="190">
        <v>0</v>
      </c>
      <c r="BR38" s="191">
        <v>0</v>
      </c>
      <c r="BS38" s="196">
        <v>0</v>
      </c>
      <c r="BT38" s="193">
        <v>0</v>
      </c>
      <c r="BU38" s="191">
        <v>0</v>
      </c>
      <c r="BV38" s="191">
        <v>0</v>
      </c>
      <c r="BW38" s="191">
        <v>0</v>
      </c>
      <c r="BX38" s="191">
        <v>29</v>
      </c>
      <c r="BY38" s="191">
        <v>0</v>
      </c>
      <c r="BZ38" s="196">
        <v>29</v>
      </c>
      <c r="CA38" s="195">
        <v>29</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13</v>
      </c>
      <c r="BA39" s="198">
        <v>0</v>
      </c>
      <c r="BB39" s="198">
        <v>0</v>
      </c>
      <c r="BC39" s="198">
        <v>0</v>
      </c>
      <c r="BD39" s="201">
        <v>13</v>
      </c>
      <c r="BE39" s="202">
        <v>13</v>
      </c>
      <c r="BF39" s="197">
        <v>0</v>
      </c>
      <c r="BG39" s="198">
        <v>0</v>
      </c>
      <c r="BH39" s="203">
        <v>0</v>
      </c>
      <c r="BI39" s="200">
        <v>0</v>
      </c>
      <c r="BJ39" s="198">
        <v>4</v>
      </c>
      <c r="BK39" s="198">
        <v>8</v>
      </c>
      <c r="BL39" s="198">
        <v>0</v>
      </c>
      <c r="BM39" s="198">
        <v>0</v>
      </c>
      <c r="BN39" s="198">
        <v>0</v>
      </c>
      <c r="BO39" s="203">
        <v>12</v>
      </c>
      <c r="BP39" s="202">
        <v>12</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8</v>
      </c>
      <c r="M1" s="445">
        <f>IF(L1&lt;3,L1+12-2,L1-2)</f>
        <v>6</v>
      </c>
      <c r="N1" s="445"/>
    </row>
    <row r="2" spans="2:112" ht="24" customHeight="1" thickBot="1" x14ac:dyDescent="0.25">
      <c r="B2" s="142" t="s">
        <v>151</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82" t="s">
        <v>44</v>
      </c>
      <c r="E5" s="205"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2</v>
      </c>
      <c r="D6" s="189">
        <v>0</v>
      </c>
      <c r="E6" s="206">
        <v>2</v>
      </c>
      <c r="F6" s="186">
        <v>0</v>
      </c>
      <c r="G6" s="184">
        <v>12455</v>
      </c>
      <c r="H6" s="184">
        <v>20250</v>
      </c>
      <c r="I6" s="184">
        <v>19740</v>
      </c>
      <c r="J6" s="184">
        <v>23263</v>
      </c>
      <c r="K6" s="184">
        <v>23768</v>
      </c>
      <c r="L6" s="187">
        <v>99476</v>
      </c>
      <c r="M6" s="188">
        <v>99478</v>
      </c>
      <c r="N6" s="183">
        <v>0</v>
      </c>
      <c r="O6" s="184">
        <v>10</v>
      </c>
      <c r="P6" s="189">
        <v>10</v>
      </c>
      <c r="Q6" s="186">
        <v>0</v>
      </c>
      <c r="R6" s="184">
        <v>34</v>
      </c>
      <c r="S6" s="184">
        <v>102</v>
      </c>
      <c r="T6" s="184">
        <v>229</v>
      </c>
      <c r="U6" s="184">
        <v>580</v>
      </c>
      <c r="V6" s="184">
        <v>1098</v>
      </c>
      <c r="W6" s="189">
        <v>2043</v>
      </c>
      <c r="X6" s="188">
        <v>2053</v>
      </c>
      <c r="Y6" s="183">
        <v>1474</v>
      </c>
      <c r="Z6" s="184">
        <v>3890</v>
      </c>
      <c r="AA6" s="189">
        <v>5364</v>
      </c>
      <c r="AB6" s="186">
        <v>0</v>
      </c>
      <c r="AC6" s="184">
        <v>9813</v>
      </c>
      <c r="AD6" s="184">
        <v>14752</v>
      </c>
      <c r="AE6" s="184">
        <v>8407</v>
      </c>
      <c r="AF6" s="184">
        <v>7507</v>
      </c>
      <c r="AG6" s="184">
        <v>5154</v>
      </c>
      <c r="AH6" s="189">
        <v>45633</v>
      </c>
      <c r="AI6" s="188">
        <v>50997</v>
      </c>
      <c r="AJ6" s="183">
        <v>217</v>
      </c>
      <c r="AK6" s="184">
        <v>687</v>
      </c>
      <c r="AL6" s="189">
        <v>904</v>
      </c>
      <c r="AM6" s="186">
        <v>0</v>
      </c>
      <c r="AN6" s="184">
        <v>1068</v>
      </c>
      <c r="AO6" s="184">
        <v>1984</v>
      </c>
      <c r="AP6" s="184">
        <v>912</v>
      </c>
      <c r="AQ6" s="184">
        <v>1047</v>
      </c>
      <c r="AR6" s="184">
        <v>621</v>
      </c>
      <c r="AS6" s="189">
        <v>5632</v>
      </c>
      <c r="AT6" s="188">
        <v>6536</v>
      </c>
      <c r="AU6" s="183">
        <v>0</v>
      </c>
      <c r="AV6" s="184">
        <v>0</v>
      </c>
      <c r="AW6" s="189">
        <v>0</v>
      </c>
      <c r="AX6" s="186">
        <v>0</v>
      </c>
      <c r="AY6" s="184">
        <v>10467</v>
      </c>
      <c r="AZ6" s="184">
        <v>10461</v>
      </c>
      <c r="BA6" s="184">
        <v>5642</v>
      </c>
      <c r="BB6" s="184">
        <v>2915</v>
      </c>
      <c r="BC6" s="184">
        <v>1345</v>
      </c>
      <c r="BD6" s="187">
        <v>30830</v>
      </c>
      <c r="BE6" s="188">
        <v>30830</v>
      </c>
      <c r="BF6" s="183">
        <v>0</v>
      </c>
      <c r="BG6" s="184">
        <v>0</v>
      </c>
      <c r="BH6" s="189">
        <v>0</v>
      </c>
      <c r="BI6" s="186">
        <v>0</v>
      </c>
      <c r="BJ6" s="184">
        <v>2266</v>
      </c>
      <c r="BK6" s="184">
        <v>3381</v>
      </c>
      <c r="BL6" s="184">
        <v>2203</v>
      </c>
      <c r="BM6" s="184">
        <v>1261</v>
      </c>
      <c r="BN6" s="184">
        <v>424</v>
      </c>
      <c r="BO6" s="189">
        <v>9535</v>
      </c>
      <c r="BP6" s="188">
        <v>9535</v>
      </c>
      <c r="BQ6" s="183">
        <v>13</v>
      </c>
      <c r="BR6" s="184">
        <v>96</v>
      </c>
      <c r="BS6" s="189">
        <v>109</v>
      </c>
      <c r="BT6" s="186">
        <v>0</v>
      </c>
      <c r="BU6" s="184">
        <v>1034</v>
      </c>
      <c r="BV6" s="184">
        <v>1805</v>
      </c>
      <c r="BW6" s="184">
        <v>2680</v>
      </c>
      <c r="BX6" s="184">
        <v>2210</v>
      </c>
      <c r="BY6" s="184">
        <v>1018</v>
      </c>
      <c r="BZ6" s="189">
        <v>8747</v>
      </c>
      <c r="CA6" s="188">
        <v>8856</v>
      </c>
      <c r="CB6" s="183">
        <v>3</v>
      </c>
      <c r="CC6" s="184">
        <v>8</v>
      </c>
      <c r="CD6" s="189">
        <v>11</v>
      </c>
      <c r="CE6" s="186">
        <v>0</v>
      </c>
      <c r="CF6" s="184">
        <v>129</v>
      </c>
      <c r="CG6" s="184">
        <v>299</v>
      </c>
      <c r="CH6" s="184">
        <v>393</v>
      </c>
      <c r="CI6" s="184">
        <v>516</v>
      </c>
      <c r="CJ6" s="184">
        <v>216</v>
      </c>
      <c r="CK6" s="189">
        <v>1553</v>
      </c>
      <c r="CL6" s="188">
        <v>1564</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707</v>
      </c>
      <c r="H7" s="191">
        <v>8643</v>
      </c>
      <c r="I7" s="191">
        <v>7702</v>
      </c>
      <c r="J7" s="191">
        <v>9683</v>
      </c>
      <c r="K7" s="191">
        <v>10149</v>
      </c>
      <c r="L7" s="194">
        <v>40884</v>
      </c>
      <c r="M7" s="195">
        <v>40884</v>
      </c>
      <c r="N7" s="190">
        <v>0</v>
      </c>
      <c r="O7" s="191">
        <v>10</v>
      </c>
      <c r="P7" s="196">
        <v>10</v>
      </c>
      <c r="Q7" s="193">
        <v>0</v>
      </c>
      <c r="R7" s="191">
        <v>13</v>
      </c>
      <c r="S7" s="191">
        <v>32</v>
      </c>
      <c r="T7" s="191">
        <v>92</v>
      </c>
      <c r="U7" s="191">
        <v>200</v>
      </c>
      <c r="V7" s="191">
        <v>602</v>
      </c>
      <c r="W7" s="196">
        <v>939</v>
      </c>
      <c r="X7" s="195">
        <v>949</v>
      </c>
      <c r="Y7" s="190">
        <v>603</v>
      </c>
      <c r="Z7" s="191">
        <v>2112</v>
      </c>
      <c r="AA7" s="196">
        <v>2715</v>
      </c>
      <c r="AB7" s="193">
        <v>0</v>
      </c>
      <c r="AC7" s="191">
        <v>3174</v>
      </c>
      <c r="AD7" s="191">
        <v>8403</v>
      </c>
      <c r="AE7" s="191">
        <v>4094</v>
      </c>
      <c r="AF7" s="191">
        <v>3786</v>
      </c>
      <c r="AG7" s="191">
        <v>2469</v>
      </c>
      <c r="AH7" s="196">
        <v>21926</v>
      </c>
      <c r="AI7" s="195">
        <v>24641</v>
      </c>
      <c r="AJ7" s="190">
        <v>63</v>
      </c>
      <c r="AK7" s="191">
        <v>388</v>
      </c>
      <c r="AL7" s="196">
        <v>451</v>
      </c>
      <c r="AM7" s="193">
        <v>0</v>
      </c>
      <c r="AN7" s="191">
        <v>464</v>
      </c>
      <c r="AO7" s="191">
        <v>982</v>
      </c>
      <c r="AP7" s="191">
        <v>394</v>
      </c>
      <c r="AQ7" s="191">
        <v>470</v>
      </c>
      <c r="AR7" s="191">
        <v>287</v>
      </c>
      <c r="AS7" s="196">
        <v>2597</v>
      </c>
      <c r="AT7" s="195">
        <v>3048</v>
      </c>
      <c r="AU7" s="190">
        <v>0</v>
      </c>
      <c r="AV7" s="191">
        <v>0</v>
      </c>
      <c r="AW7" s="196">
        <v>0</v>
      </c>
      <c r="AX7" s="193">
        <v>0</v>
      </c>
      <c r="AY7" s="191">
        <v>3546</v>
      </c>
      <c r="AZ7" s="191">
        <v>4387</v>
      </c>
      <c r="BA7" s="191">
        <v>2111</v>
      </c>
      <c r="BB7" s="191">
        <v>1183</v>
      </c>
      <c r="BC7" s="191">
        <v>435</v>
      </c>
      <c r="BD7" s="194">
        <v>11662</v>
      </c>
      <c r="BE7" s="195">
        <v>11662</v>
      </c>
      <c r="BF7" s="190">
        <v>0</v>
      </c>
      <c r="BG7" s="191">
        <v>0</v>
      </c>
      <c r="BH7" s="196">
        <v>0</v>
      </c>
      <c r="BI7" s="193">
        <v>0</v>
      </c>
      <c r="BJ7" s="191">
        <v>693</v>
      </c>
      <c r="BK7" s="191">
        <v>1592</v>
      </c>
      <c r="BL7" s="191">
        <v>952</v>
      </c>
      <c r="BM7" s="191">
        <v>500</v>
      </c>
      <c r="BN7" s="191">
        <v>183</v>
      </c>
      <c r="BO7" s="196">
        <v>3920</v>
      </c>
      <c r="BP7" s="195">
        <v>3920</v>
      </c>
      <c r="BQ7" s="190">
        <v>0</v>
      </c>
      <c r="BR7" s="191">
        <v>45</v>
      </c>
      <c r="BS7" s="196">
        <v>45</v>
      </c>
      <c r="BT7" s="193">
        <v>0</v>
      </c>
      <c r="BU7" s="191">
        <v>420</v>
      </c>
      <c r="BV7" s="191">
        <v>733</v>
      </c>
      <c r="BW7" s="191">
        <v>1082</v>
      </c>
      <c r="BX7" s="191">
        <v>1006</v>
      </c>
      <c r="BY7" s="191">
        <v>426</v>
      </c>
      <c r="BZ7" s="196">
        <v>3667</v>
      </c>
      <c r="CA7" s="195">
        <v>3712</v>
      </c>
      <c r="CB7" s="190">
        <v>3</v>
      </c>
      <c r="CC7" s="191">
        <v>3</v>
      </c>
      <c r="CD7" s="196">
        <v>6</v>
      </c>
      <c r="CE7" s="193">
        <v>0</v>
      </c>
      <c r="CF7" s="191">
        <v>60</v>
      </c>
      <c r="CG7" s="191">
        <v>186</v>
      </c>
      <c r="CH7" s="191">
        <v>225</v>
      </c>
      <c r="CI7" s="191">
        <v>305</v>
      </c>
      <c r="CJ7" s="191">
        <v>124</v>
      </c>
      <c r="CK7" s="196">
        <v>900</v>
      </c>
      <c r="CL7" s="195">
        <v>906</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2</v>
      </c>
      <c r="D8" s="196">
        <v>0</v>
      </c>
      <c r="E8" s="207">
        <v>2</v>
      </c>
      <c r="F8" s="193">
        <v>0</v>
      </c>
      <c r="G8" s="191">
        <v>2291</v>
      </c>
      <c r="H8" s="191">
        <v>3170</v>
      </c>
      <c r="I8" s="191">
        <v>2865</v>
      </c>
      <c r="J8" s="191">
        <v>4209</v>
      </c>
      <c r="K8" s="191">
        <v>4822</v>
      </c>
      <c r="L8" s="194">
        <v>17357</v>
      </c>
      <c r="M8" s="195">
        <v>17359</v>
      </c>
      <c r="N8" s="190">
        <v>0</v>
      </c>
      <c r="O8" s="191">
        <v>0</v>
      </c>
      <c r="P8" s="196">
        <v>0</v>
      </c>
      <c r="Q8" s="193">
        <v>0</v>
      </c>
      <c r="R8" s="191">
        <v>15</v>
      </c>
      <c r="S8" s="191">
        <v>30</v>
      </c>
      <c r="T8" s="191">
        <v>48</v>
      </c>
      <c r="U8" s="191">
        <v>118</v>
      </c>
      <c r="V8" s="191">
        <v>127</v>
      </c>
      <c r="W8" s="196">
        <v>338</v>
      </c>
      <c r="X8" s="195">
        <v>338</v>
      </c>
      <c r="Y8" s="190">
        <v>270</v>
      </c>
      <c r="Z8" s="191">
        <v>668</v>
      </c>
      <c r="AA8" s="196">
        <v>938</v>
      </c>
      <c r="AB8" s="193">
        <v>0</v>
      </c>
      <c r="AC8" s="191">
        <v>2836</v>
      </c>
      <c r="AD8" s="191">
        <v>2079</v>
      </c>
      <c r="AE8" s="191">
        <v>1620</v>
      </c>
      <c r="AF8" s="191">
        <v>1286</v>
      </c>
      <c r="AG8" s="191">
        <v>994</v>
      </c>
      <c r="AH8" s="196">
        <v>8815</v>
      </c>
      <c r="AI8" s="195">
        <v>9753</v>
      </c>
      <c r="AJ8" s="190">
        <v>38</v>
      </c>
      <c r="AK8" s="191">
        <v>49</v>
      </c>
      <c r="AL8" s="196">
        <v>87</v>
      </c>
      <c r="AM8" s="193">
        <v>0</v>
      </c>
      <c r="AN8" s="191">
        <v>172</v>
      </c>
      <c r="AO8" s="191">
        <v>198</v>
      </c>
      <c r="AP8" s="191">
        <v>115</v>
      </c>
      <c r="AQ8" s="191">
        <v>234</v>
      </c>
      <c r="AR8" s="191">
        <v>107</v>
      </c>
      <c r="AS8" s="196">
        <v>826</v>
      </c>
      <c r="AT8" s="195">
        <v>913</v>
      </c>
      <c r="AU8" s="190">
        <v>0</v>
      </c>
      <c r="AV8" s="191">
        <v>0</v>
      </c>
      <c r="AW8" s="196">
        <v>0</v>
      </c>
      <c r="AX8" s="193">
        <v>0</v>
      </c>
      <c r="AY8" s="191">
        <v>2098</v>
      </c>
      <c r="AZ8" s="191">
        <v>1554</v>
      </c>
      <c r="BA8" s="191">
        <v>800</v>
      </c>
      <c r="BB8" s="191">
        <v>446</v>
      </c>
      <c r="BC8" s="191">
        <v>252</v>
      </c>
      <c r="BD8" s="194">
        <v>5150</v>
      </c>
      <c r="BE8" s="195">
        <v>5150</v>
      </c>
      <c r="BF8" s="190">
        <v>0</v>
      </c>
      <c r="BG8" s="191">
        <v>0</v>
      </c>
      <c r="BH8" s="196">
        <v>0</v>
      </c>
      <c r="BI8" s="193">
        <v>0</v>
      </c>
      <c r="BJ8" s="191">
        <v>470</v>
      </c>
      <c r="BK8" s="191">
        <v>461</v>
      </c>
      <c r="BL8" s="191">
        <v>317</v>
      </c>
      <c r="BM8" s="191">
        <v>209</v>
      </c>
      <c r="BN8" s="191">
        <v>39</v>
      </c>
      <c r="BO8" s="196">
        <v>1496</v>
      </c>
      <c r="BP8" s="195">
        <v>1496</v>
      </c>
      <c r="BQ8" s="190">
        <v>0</v>
      </c>
      <c r="BR8" s="191">
        <v>12</v>
      </c>
      <c r="BS8" s="196">
        <v>12</v>
      </c>
      <c r="BT8" s="193">
        <v>0</v>
      </c>
      <c r="BU8" s="191">
        <v>131</v>
      </c>
      <c r="BV8" s="191">
        <v>243</v>
      </c>
      <c r="BW8" s="191">
        <v>369</v>
      </c>
      <c r="BX8" s="191">
        <v>204</v>
      </c>
      <c r="BY8" s="191">
        <v>120</v>
      </c>
      <c r="BZ8" s="196">
        <v>1067</v>
      </c>
      <c r="CA8" s="195">
        <v>1079</v>
      </c>
      <c r="CB8" s="190">
        <v>0</v>
      </c>
      <c r="CC8" s="191">
        <v>0</v>
      </c>
      <c r="CD8" s="196">
        <v>0</v>
      </c>
      <c r="CE8" s="193">
        <v>0</v>
      </c>
      <c r="CF8" s="191">
        <v>17</v>
      </c>
      <c r="CG8" s="191">
        <v>68</v>
      </c>
      <c r="CH8" s="191">
        <v>91</v>
      </c>
      <c r="CI8" s="191">
        <v>57</v>
      </c>
      <c r="CJ8" s="191">
        <v>29</v>
      </c>
      <c r="CK8" s="196">
        <v>262</v>
      </c>
      <c r="CL8" s="195">
        <v>262</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621</v>
      </c>
      <c r="H9" s="191">
        <v>1590</v>
      </c>
      <c r="I9" s="191">
        <v>1302</v>
      </c>
      <c r="J9" s="191">
        <v>774</v>
      </c>
      <c r="K9" s="191">
        <v>1801</v>
      </c>
      <c r="L9" s="194">
        <v>6088</v>
      </c>
      <c r="M9" s="195">
        <v>6088</v>
      </c>
      <c r="N9" s="190">
        <v>0</v>
      </c>
      <c r="O9" s="191">
        <v>0</v>
      </c>
      <c r="P9" s="196">
        <v>0</v>
      </c>
      <c r="Q9" s="193">
        <v>0</v>
      </c>
      <c r="R9" s="191">
        <v>2</v>
      </c>
      <c r="S9" s="191">
        <v>9</v>
      </c>
      <c r="T9" s="191">
        <v>20</v>
      </c>
      <c r="U9" s="191">
        <v>58</v>
      </c>
      <c r="V9" s="191">
        <v>56</v>
      </c>
      <c r="W9" s="196">
        <v>145</v>
      </c>
      <c r="X9" s="195">
        <v>145</v>
      </c>
      <c r="Y9" s="190">
        <v>68</v>
      </c>
      <c r="Z9" s="191">
        <v>138</v>
      </c>
      <c r="AA9" s="196">
        <v>206</v>
      </c>
      <c r="AB9" s="193">
        <v>0</v>
      </c>
      <c r="AC9" s="191">
        <v>328</v>
      </c>
      <c r="AD9" s="191">
        <v>805</v>
      </c>
      <c r="AE9" s="191">
        <v>458</v>
      </c>
      <c r="AF9" s="191">
        <v>370</v>
      </c>
      <c r="AG9" s="191">
        <v>358</v>
      </c>
      <c r="AH9" s="196">
        <v>2319</v>
      </c>
      <c r="AI9" s="195">
        <v>2525</v>
      </c>
      <c r="AJ9" s="190">
        <v>0</v>
      </c>
      <c r="AK9" s="191">
        <v>24</v>
      </c>
      <c r="AL9" s="196">
        <v>24</v>
      </c>
      <c r="AM9" s="193">
        <v>0</v>
      </c>
      <c r="AN9" s="191">
        <v>8</v>
      </c>
      <c r="AO9" s="191">
        <v>72</v>
      </c>
      <c r="AP9" s="191">
        <v>26</v>
      </c>
      <c r="AQ9" s="191">
        <v>0</v>
      </c>
      <c r="AR9" s="191">
        <v>8</v>
      </c>
      <c r="AS9" s="196">
        <v>114</v>
      </c>
      <c r="AT9" s="195">
        <v>138</v>
      </c>
      <c r="AU9" s="190">
        <v>0</v>
      </c>
      <c r="AV9" s="191">
        <v>0</v>
      </c>
      <c r="AW9" s="196">
        <v>0</v>
      </c>
      <c r="AX9" s="193">
        <v>0</v>
      </c>
      <c r="AY9" s="191">
        <v>718</v>
      </c>
      <c r="AZ9" s="191">
        <v>985</v>
      </c>
      <c r="BA9" s="191">
        <v>601</v>
      </c>
      <c r="BB9" s="191">
        <v>176</v>
      </c>
      <c r="BC9" s="191">
        <v>158</v>
      </c>
      <c r="BD9" s="194">
        <v>2638</v>
      </c>
      <c r="BE9" s="195">
        <v>2638</v>
      </c>
      <c r="BF9" s="190">
        <v>0</v>
      </c>
      <c r="BG9" s="191">
        <v>0</v>
      </c>
      <c r="BH9" s="196">
        <v>0</v>
      </c>
      <c r="BI9" s="193">
        <v>0</v>
      </c>
      <c r="BJ9" s="191">
        <v>58</v>
      </c>
      <c r="BK9" s="191">
        <v>146</v>
      </c>
      <c r="BL9" s="191">
        <v>107</v>
      </c>
      <c r="BM9" s="191">
        <v>80</v>
      </c>
      <c r="BN9" s="191">
        <v>10</v>
      </c>
      <c r="BO9" s="196">
        <v>401</v>
      </c>
      <c r="BP9" s="195">
        <v>401</v>
      </c>
      <c r="BQ9" s="190">
        <v>0</v>
      </c>
      <c r="BR9" s="191">
        <v>0</v>
      </c>
      <c r="BS9" s="196">
        <v>0</v>
      </c>
      <c r="BT9" s="193">
        <v>0</v>
      </c>
      <c r="BU9" s="191">
        <v>74</v>
      </c>
      <c r="BV9" s="191">
        <v>113</v>
      </c>
      <c r="BW9" s="191">
        <v>192</v>
      </c>
      <c r="BX9" s="191">
        <v>159</v>
      </c>
      <c r="BY9" s="191">
        <v>107</v>
      </c>
      <c r="BZ9" s="196">
        <v>645</v>
      </c>
      <c r="CA9" s="195">
        <v>645</v>
      </c>
      <c r="CB9" s="190">
        <v>0</v>
      </c>
      <c r="CC9" s="191">
        <v>0</v>
      </c>
      <c r="CD9" s="196">
        <v>0</v>
      </c>
      <c r="CE9" s="193">
        <v>0</v>
      </c>
      <c r="CF9" s="191">
        <v>3</v>
      </c>
      <c r="CG9" s="191">
        <v>0</v>
      </c>
      <c r="CH9" s="191">
        <v>0</v>
      </c>
      <c r="CI9" s="191">
        <v>0</v>
      </c>
      <c r="CJ9" s="191">
        <v>2</v>
      </c>
      <c r="CK9" s="196">
        <v>5</v>
      </c>
      <c r="CL9" s="195">
        <v>5</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655</v>
      </c>
      <c r="H10" s="191">
        <v>522</v>
      </c>
      <c r="I10" s="191">
        <v>592</v>
      </c>
      <c r="J10" s="191">
        <v>1144</v>
      </c>
      <c r="K10" s="191">
        <v>190</v>
      </c>
      <c r="L10" s="194">
        <v>3103</v>
      </c>
      <c r="M10" s="195">
        <v>3103</v>
      </c>
      <c r="N10" s="190">
        <v>0</v>
      </c>
      <c r="O10" s="191">
        <v>0</v>
      </c>
      <c r="P10" s="196">
        <v>0</v>
      </c>
      <c r="Q10" s="193">
        <v>0</v>
      </c>
      <c r="R10" s="191">
        <v>0</v>
      </c>
      <c r="S10" s="191">
        <v>0</v>
      </c>
      <c r="T10" s="191">
        <v>3</v>
      </c>
      <c r="U10" s="191">
        <v>28</v>
      </c>
      <c r="V10" s="191">
        <v>57</v>
      </c>
      <c r="W10" s="196">
        <v>88</v>
      </c>
      <c r="X10" s="195">
        <v>88</v>
      </c>
      <c r="Y10" s="190">
        <v>0</v>
      </c>
      <c r="Z10" s="191">
        <v>36</v>
      </c>
      <c r="AA10" s="196">
        <v>36</v>
      </c>
      <c r="AB10" s="193">
        <v>0</v>
      </c>
      <c r="AC10" s="191">
        <v>229</v>
      </c>
      <c r="AD10" s="191">
        <v>178</v>
      </c>
      <c r="AE10" s="191">
        <v>188</v>
      </c>
      <c r="AF10" s="191">
        <v>144</v>
      </c>
      <c r="AG10" s="191">
        <v>147</v>
      </c>
      <c r="AH10" s="196">
        <v>886</v>
      </c>
      <c r="AI10" s="195">
        <v>922</v>
      </c>
      <c r="AJ10" s="190">
        <v>8</v>
      </c>
      <c r="AK10" s="191">
        <v>0</v>
      </c>
      <c r="AL10" s="196">
        <v>8</v>
      </c>
      <c r="AM10" s="193">
        <v>0</v>
      </c>
      <c r="AN10" s="191">
        <v>16</v>
      </c>
      <c r="AO10" s="191">
        <v>34</v>
      </c>
      <c r="AP10" s="191">
        <v>8</v>
      </c>
      <c r="AQ10" s="191">
        <v>45</v>
      </c>
      <c r="AR10" s="191">
        <v>0</v>
      </c>
      <c r="AS10" s="196">
        <v>103</v>
      </c>
      <c r="AT10" s="195">
        <v>111</v>
      </c>
      <c r="AU10" s="190">
        <v>0</v>
      </c>
      <c r="AV10" s="191">
        <v>0</v>
      </c>
      <c r="AW10" s="196">
        <v>0</v>
      </c>
      <c r="AX10" s="193">
        <v>0</v>
      </c>
      <c r="AY10" s="191">
        <v>521</v>
      </c>
      <c r="AZ10" s="191">
        <v>310</v>
      </c>
      <c r="BA10" s="191">
        <v>178</v>
      </c>
      <c r="BB10" s="191">
        <v>106</v>
      </c>
      <c r="BC10" s="191">
        <v>25</v>
      </c>
      <c r="BD10" s="194">
        <v>1140</v>
      </c>
      <c r="BE10" s="195">
        <v>1140</v>
      </c>
      <c r="BF10" s="190">
        <v>0</v>
      </c>
      <c r="BG10" s="191">
        <v>0</v>
      </c>
      <c r="BH10" s="196">
        <v>0</v>
      </c>
      <c r="BI10" s="193">
        <v>0</v>
      </c>
      <c r="BJ10" s="191">
        <v>103</v>
      </c>
      <c r="BK10" s="191">
        <v>111</v>
      </c>
      <c r="BL10" s="191">
        <v>44</v>
      </c>
      <c r="BM10" s="191">
        <v>50</v>
      </c>
      <c r="BN10" s="191">
        <v>3</v>
      </c>
      <c r="BO10" s="196">
        <v>311</v>
      </c>
      <c r="BP10" s="195">
        <v>311</v>
      </c>
      <c r="BQ10" s="190">
        <v>0</v>
      </c>
      <c r="BR10" s="191">
        <v>0</v>
      </c>
      <c r="BS10" s="196">
        <v>0</v>
      </c>
      <c r="BT10" s="193">
        <v>0</v>
      </c>
      <c r="BU10" s="191">
        <v>57</v>
      </c>
      <c r="BV10" s="191">
        <v>37</v>
      </c>
      <c r="BW10" s="191">
        <v>71</v>
      </c>
      <c r="BX10" s="191">
        <v>128</v>
      </c>
      <c r="BY10" s="191">
        <v>21</v>
      </c>
      <c r="BZ10" s="196">
        <v>314</v>
      </c>
      <c r="CA10" s="195">
        <v>314</v>
      </c>
      <c r="CB10" s="190">
        <v>0</v>
      </c>
      <c r="CC10" s="191">
        <v>0</v>
      </c>
      <c r="CD10" s="196">
        <v>0</v>
      </c>
      <c r="CE10" s="193">
        <v>0</v>
      </c>
      <c r="CF10" s="191">
        <v>0</v>
      </c>
      <c r="CG10" s="191">
        <v>0</v>
      </c>
      <c r="CH10" s="191">
        <v>5</v>
      </c>
      <c r="CI10" s="191">
        <v>0</v>
      </c>
      <c r="CJ10" s="191">
        <v>0</v>
      </c>
      <c r="CK10" s="196">
        <v>5</v>
      </c>
      <c r="CL10" s="195">
        <v>5</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61</v>
      </c>
      <c r="H11" s="191">
        <v>381</v>
      </c>
      <c r="I11" s="191">
        <v>401</v>
      </c>
      <c r="J11" s="191">
        <v>362</v>
      </c>
      <c r="K11" s="191">
        <v>859</v>
      </c>
      <c r="L11" s="194">
        <v>2264</v>
      </c>
      <c r="M11" s="195">
        <v>2264</v>
      </c>
      <c r="N11" s="190">
        <v>0</v>
      </c>
      <c r="O11" s="191">
        <v>0</v>
      </c>
      <c r="P11" s="196">
        <v>0</v>
      </c>
      <c r="Q11" s="193">
        <v>0</v>
      </c>
      <c r="R11" s="191">
        <v>0</v>
      </c>
      <c r="S11" s="191">
        <v>0</v>
      </c>
      <c r="T11" s="191">
        <v>0</v>
      </c>
      <c r="U11" s="191">
        <v>5</v>
      </c>
      <c r="V11" s="191">
        <v>17</v>
      </c>
      <c r="W11" s="196">
        <v>22</v>
      </c>
      <c r="X11" s="195">
        <v>22</v>
      </c>
      <c r="Y11" s="190">
        <v>20</v>
      </c>
      <c r="Z11" s="191">
        <v>29</v>
      </c>
      <c r="AA11" s="196">
        <v>49</v>
      </c>
      <c r="AB11" s="193">
        <v>0</v>
      </c>
      <c r="AC11" s="191">
        <v>171</v>
      </c>
      <c r="AD11" s="191">
        <v>117</v>
      </c>
      <c r="AE11" s="191">
        <v>71</v>
      </c>
      <c r="AF11" s="191">
        <v>119</v>
      </c>
      <c r="AG11" s="191">
        <v>95</v>
      </c>
      <c r="AH11" s="196">
        <v>573</v>
      </c>
      <c r="AI11" s="195">
        <v>622</v>
      </c>
      <c r="AJ11" s="190">
        <v>0</v>
      </c>
      <c r="AK11" s="191">
        <v>34</v>
      </c>
      <c r="AL11" s="196">
        <v>34</v>
      </c>
      <c r="AM11" s="193">
        <v>0</v>
      </c>
      <c r="AN11" s="191">
        <v>84</v>
      </c>
      <c r="AO11" s="191">
        <v>98</v>
      </c>
      <c r="AP11" s="191">
        <v>14</v>
      </c>
      <c r="AQ11" s="191">
        <v>32</v>
      </c>
      <c r="AR11" s="191">
        <v>20</v>
      </c>
      <c r="AS11" s="196">
        <v>248</v>
      </c>
      <c r="AT11" s="195">
        <v>282</v>
      </c>
      <c r="AU11" s="190">
        <v>0</v>
      </c>
      <c r="AV11" s="191">
        <v>0</v>
      </c>
      <c r="AW11" s="196">
        <v>0</v>
      </c>
      <c r="AX11" s="193">
        <v>0</v>
      </c>
      <c r="AY11" s="191">
        <v>185</v>
      </c>
      <c r="AZ11" s="191">
        <v>333</v>
      </c>
      <c r="BA11" s="191">
        <v>152</v>
      </c>
      <c r="BB11" s="191">
        <v>78</v>
      </c>
      <c r="BC11" s="191">
        <v>44</v>
      </c>
      <c r="BD11" s="194">
        <v>792</v>
      </c>
      <c r="BE11" s="195">
        <v>792</v>
      </c>
      <c r="BF11" s="190">
        <v>0</v>
      </c>
      <c r="BG11" s="191">
        <v>0</v>
      </c>
      <c r="BH11" s="196">
        <v>0</v>
      </c>
      <c r="BI11" s="193">
        <v>0</v>
      </c>
      <c r="BJ11" s="191">
        <v>113</v>
      </c>
      <c r="BK11" s="191">
        <v>62</v>
      </c>
      <c r="BL11" s="191">
        <v>73</v>
      </c>
      <c r="BM11" s="191">
        <v>58</v>
      </c>
      <c r="BN11" s="191">
        <v>24</v>
      </c>
      <c r="BO11" s="196">
        <v>330</v>
      </c>
      <c r="BP11" s="195">
        <v>330</v>
      </c>
      <c r="BQ11" s="190">
        <v>0</v>
      </c>
      <c r="BR11" s="191">
        <v>0</v>
      </c>
      <c r="BS11" s="196">
        <v>0</v>
      </c>
      <c r="BT11" s="193">
        <v>0</v>
      </c>
      <c r="BU11" s="191">
        <v>50</v>
      </c>
      <c r="BV11" s="191">
        <v>88</v>
      </c>
      <c r="BW11" s="191">
        <v>192</v>
      </c>
      <c r="BX11" s="191">
        <v>15</v>
      </c>
      <c r="BY11" s="191">
        <v>80</v>
      </c>
      <c r="BZ11" s="196">
        <v>425</v>
      </c>
      <c r="CA11" s="195">
        <v>425</v>
      </c>
      <c r="CB11" s="190">
        <v>0</v>
      </c>
      <c r="CC11" s="191">
        <v>0</v>
      </c>
      <c r="CD11" s="196">
        <v>0</v>
      </c>
      <c r="CE11" s="193">
        <v>0</v>
      </c>
      <c r="CF11" s="191">
        <v>0</v>
      </c>
      <c r="CG11" s="191">
        <v>0</v>
      </c>
      <c r="CH11" s="191">
        <v>3</v>
      </c>
      <c r="CI11" s="191">
        <v>31</v>
      </c>
      <c r="CJ11" s="191">
        <v>6</v>
      </c>
      <c r="CK11" s="196">
        <v>40</v>
      </c>
      <c r="CL11" s="195">
        <v>40</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702</v>
      </c>
      <c r="H12" s="191">
        <v>573</v>
      </c>
      <c r="I12" s="191">
        <v>1307</v>
      </c>
      <c r="J12" s="191">
        <v>1584</v>
      </c>
      <c r="K12" s="191">
        <v>1034</v>
      </c>
      <c r="L12" s="194">
        <v>5200</v>
      </c>
      <c r="M12" s="195">
        <v>5200</v>
      </c>
      <c r="N12" s="190">
        <v>0</v>
      </c>
      <c r="O12" s="191">
        <v>0</v>
      </c>
      <c r="P12" s="196">
        <v>0</v>
      </c>
      <c r="Q12" s="193">
        <v>0</v>
      </c>
      <c r="R12" s="191">
        <v>2</v>
      </c>
      <c r="S12" s="191">
        <v>0</v>
      </c>
      <c r="T12" s="191">
        <v>4</v>
      </c>
      <c r="U12" s="191">
        <v>31</v>
      </c>
      <c r="V12" s="191">
        <v>42</v>
      </c>
      <c r="W12" s="196">
        <v>79</v>
      </c>
      <c r="X12" s="195">
        <v>79</v>
      </c>
      <c r="Y12" s="190">
        <v>99</v>
      </c>
      <c r="Z12" s="191">
        <v>114</v>
      </c>
      <c r="AA12" s="196">
        <v>213</v>
      </c>
      <c r="AB12" s="193">
        <v>0</v>
      </c>
      <c r="AC12" s="191">
        <v>799</v>
      </c>
      <c r="AD12" s="191">
        <v>567</v>
      </c>
      <c r="AE12" s="191">
        <v>367</v>
      </c>
      <c r="AF12" s="191">
        <v>323</v>
      </c>
      <c r="AG12" s="191">
        <v>204</v>
      </c>
      <c r="AH12" s="196">
        <v>2260</v>
      </c>
      <c r="AI12" s="195">
        <v>2473</v>
      </c>
      <c r="AJ12" s="190">
        <v>8</v>
      </c>
      <c r="AK12" s="191">
        <v>11</v>
      </c>
      <c r="AL12" s="196">
        <v>19</v>
      </c>
      <c r="AM12" s="193">
        <v>0</v>
      </c>
      <c r="AN12" s="191">
        <v>16</v>
      </c>
      <c r="AO12" s="191">
        <v>121</v>
      </c>
      <c r="AP12" s="191">
        <v>57</v>
      </c>
      <c r="AQ12" s="191">
        <v>54</v>
      </c>
      <c r="AR12" s="191">
        <v>62</v>
      </c>
      <c r="AS12" s="196">
        <v>310</v>
      </c>
      <c r="AT12" s="195">
        <v>329</v>
      </c>
      <c r="AU12" s="190">
        <v>0</v>
      </c>
      <c r="AV12" s="191">
        <v>0</v>
      </c>
      <c r="AW12" s="196">
        <v>0</v>
      </c>
      <c r="AX12" s="193">
        <v>0</v>
      </c>
      <c r="AY12" s="191">
        <v>500</v>
      </c>
      <c r="AZ12" s="191">
        <v>311</v>
      </c>
      <c r="BA12" s="191">
        <v>218</v>
      </c>
      <c r="BB12" s="191">
        <v>77</v>
      </c>
      <c r="BC12" s="191">
        <v>25</v>
      </c>
      <c r="BD12" s="194">
        <v>1131</v>
      </c>
      <c r="BE12" s="195">
        <v>1131</v>
      </c>
      <c r="BF12" s="190">
        <v>0</v>
      </c>
      <c r="BG12" s="191">
        <v>0</v>
      </c>
      <c r="BH12" s="196">
        <v>0</v>
      </c>
      <c r="BI12" s="193">
        <v>0</v>
      </c>
      <c r="BJ12" s="191">
        <v>123</v>
      </c>
      <c r="BK12" s="191">
        <v>106</v>
      </c>
      <c r="BL12" s="191">
        <v>82</v>
      </c>
      <c r="BM12" s="191">
        <v>50</v>
      </c>
      <c r="BN12" s="191">
        <v>29</v>
      </c>
      <c r="BO12" s="196">
        <v>390</v>
      </c>
      <c r="BP12" s="195">
        <v>390</v>
      </c>
      <c r="BQ12" s="190">
        <v>3</v>
      </c>
      <c r="BR12" s="191">
        <v>0</v>
      </c>
      <c r="BS12" s="196">
        <v>3</v>
      </c>
      <c r="BT12" s="193">
        <v>0</v>
      </c>
      <c r="BU12" s="191">
        <v>40</v>
      </c>
      <c r="BV12" s="191">
        <v>81</v>
      </c>
      <c r="BW12" s="191">
        <v>114</v>
      </c>
      <c r="BX12" s="191">
        <v>35</v>
      </c>
      <c r="BY12" s="191">
        <v>50</v>
      </c>
      <c r="BZ12" s="196">
        <v>320</v>
      </c>
      <c r="CA12" s="195">
        <v>323</v>
      </c>
      <c r="CB12" s="190">
        <v>0</v>
      </c>
      <c r="CC12" s="191">
        <v>0</v>
      </c>
      <c r="CD12" s="196">
        <v>0</v>
      </c>
      <c r="CE12" s="193">
        <v>0</v>
      </c>
      <c r="CF12" s="191">
        <v>0</v>
      </c>
      <c r="CG12" s="191">
        <v>15</v>
      </c>
      <c r="CH12" s="191">
        <v>30</v>
      </c>
      <c r="CI12" s="191">
        <v>57</v>
      </c>
      <c r="CJ12" s="191">
        <v>0</v>
      </c>
      <c r="CK12" s="196">
        <v>102</v>
      </c>
      <c r="CL12" s="195">
        <v>102</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192</v>
      </c>
      <c r="H13" s="191">
        <v>1499</v>
      </c>
      <c r="I13" s="191">
        <v>2261</v>
      </c>
      <c r="J13" s="191">
        <v>1505</v>
      </c>
      <c r="K13" s="191">
        <v>1029</v>
      </c>
      <c r="L13" s="194">
        <v>7486</v>
      </c>
      <c r="M13" s="195">
        <v>7486</v>
      </c>
      <c r="N13" s="190">
        <v>0</v>
      </c>
      <c r="O13" s="191">
        <v>0</v>
      </c>
      <c r="P13" s="196">
        <v>0</v>
      </c>
      <c r="Q13" s="193">
        <v>0</v>
      </c>
      <c r="R13" s="191">
        <v>0</v>
      </c>
      <c r="S13" s="191">
        <v>12</v>
      </c>
      <c r="T13" s="191">
        <v>19</v>
      </c>
      <c r="U13" s="191">
        <v>25</v>
      </c>
      <c r="V13" s="191">
        <v>25</v>
      </c>
      <c r="W13" s="196">
        <v>81</v>
      </c>
      <c r="X13" s="195">
        <v>81</v>
      </c>
      <c r="Y13" s="190">
        <v>124</v>
      </c>
      <c r="Z13" s="191">
        <v>209</v>
      </c>
      <c r="AA13" s="196">
        <v>333</v>
      </c>
      <c r="AB13" s="193">
        <v>0</v>
      </c>
      <c r="AC13" s="191">
        <v>639</v>
      </c>
      <c r="AD13" s="191">
        <v>581</v>
      </c>
      <c r="AE13" s="191">
        <v>282</v>
      </c>
      <c r="AF13" s="191">
        <v>276</v>
      </c>
      <c r="AG13" s="191">
        <v>154</v>
      </c>
      <c r="AH13" s="196">
        <v>1932</v>
      </c>
      <c r="AI13" s="195">
        <v>2265</v>
      </c>
      <c r="AJ13" s="190">
        <v>6</v>
      </c>
      <c r="AK13" s="191">
        <v>34</v>
      </c>
      <c r="AL13" s="196">
        <v>40</v>
      </c>
      <c r="AM13" s="193">
        <v>0</v>
      </c>
      <c r="AN13" s="191">
        <v>101</v>
      </c>
      <c r="AO13" s="191">
        <v>98</v>
      </c>
      <c r="AP13" s="191">
        <v>31</v>
      </c>
      <c r="AQ13" s="191">
        <v>8</v>
      </c>
      <c r="AR13" s="191">
        <v>24</v>
      </c>
      <c r="AS13" s="196">
        <v>262</v>
      </c>
      <c r="AT13" s="195">
        <v>302</v>
      </c>
      <c r="AU13" s="190">
        <v>0</v>
      </c>
      <c r="AV13" s="191">
        <v>0</v>
      </c>
      <c r="AW13" s="196">
        <v>0</v>
      </c>
      <c r="AX13" s="193">
        <v>0</v>
      </c>
      <c r="AY13" s="191">
        <v>1049</v>
      </c>
      <c r="AZ13" s="191">
        <v>463</v>
      </c>
      <c r="BA13" s="191">
        <v>482</v>
      </c>
      <c r="BB13" s="191">
        <v>161</v>
      </c>
      <c r="BC13" s="191">
        <v>54</v>
      </c>
      <c r="BD13" s="194">
        <v>2209</v>
      </c>
      <c r="BE13" s="195">
        <v>2209</v>
      </c>
      <c r="BF13" s="190">
        <v>0</v>
      </c>
      <c r="BG13" s="191">
        <v>0</v>
      </c>
      <c r="BH13" s="196">
        <v>0</v>
      </c>
      <c r="BI13" s="193">
        <v>0</v>
      </c>
      <c r="BJ13" s="191">
        <v>123</v>
      </c>
      <c r="BK13" s="191">
        <v>121</v>
      </c>
      <c r="BL13" s="191">
        <v>86</v>
      </c>
      <c r="BM13" s="191">
        <v>12</v>
      </c>
      <c r="BN13" s="191">
        <v>20</v>
      </c>
      <c r="BO13" s="196">
        <v>362</v>
      </c>
      <c r="BP13" s="195">
        <v>362</v>
      </c>
      <c r="BQ13" s="190">
        <v>0</v>
      </c>
      <c r="BR13" s="191">
        <v>23</v>
      </c>
      <c r="BS13" s="196">
        <v>23</v>
      </c>
      <c r="BT13" s="193">
        <v>0</v>
      </c>
      <c r="BU13" s="191">
        <v>65</v>
      </c>
      <c r="BV13" s="191">
        <v>81</v>
      </c>
      <c r="BW13" s="191">
        <v>154</v>
      </c>
      <c r="BX13" s="191">
        <v>128</v>
      </c>
      <c r="BY13" s="191">
        <v>36</v>
      </c>
      <c r="BZ13" s="196">
        <v>464</v>
      </c>
      <c r="CA13" s="195">
        <v>487</v>
      </c>
      <c r="CB13" s="190">
        <v>0</v>
      </c>
      <c r="CC13" s="191">
        <v>0</v>
      </c>
      <c r="CD13" s="196">
        <v>0</v>
      </c>
      <c r="CE13" s="193">
        <v>0</v>
      </c>
      <c r="CF13" s="191">
        <v>0</v>
      </c>
      <c r="CG13" s="191">
        <v>2</v>
      </c>
      <c r="CH13" s="191">
        <v>4</v>
      </c>
      <c r="CI13" s="191">
        <v>29</v>
      </c>
      <c r="CJ13" s="191">
        <v>4</v>
      </c>
      <c r="CK13" s="196">
        <v>39</v>
      </c>
      <c r="CL13" s="195">
        <v>39</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207</v>
      </c>
      <c r="H14" s="191">
        <v>116</v>
      </c>
      <c r="I14" s="191">
        <v>291</v>
      </c>
      <c r="J14" s="191">
        <v>303</v>
      </c>
      <c r="K14" s="191">
        <v>232</v>
      </c>
      <c r="L14" s="194">
        <v>1149</v>
      </c>
      <c r="M14" s="195">
        <v>1149</v>
      </c>
      <c r="N14" s="190">
        <v>0</v>
      </c>
      <c r="O14" s="191">
        <v>0</v>
      </c>
      <c r="P14" s="196">
        <v>0</v>
      </c>
      <c r="Q14" s="193">
        <v>0</v>
      </c>
      <c r="R14" s="191">
        <v>1</v>
      </c>
      <c r="S14" s="191">
        <v>0</v>
      </c>
      <c r="T14" s="191">
        <v>3</v>
      </c>
      <c r="U14" s="191">
        <v>17</v>
      </c>
      <c r="V14" s="191">
        <v>4</v>
      </c>
      <c r="W14" s="196">
        <v>25</v>
      </c>
      <c r="X14" s="195">
        <v>25</v>
      </c>
      <c r="Y14" s="190">
        <v>17</v>
      </c>
      <c r="Z14" s="191">
        <v>33</v>
      </c>
      <c r="AA14" s="196">
        <v>50</v>
      </c>
      <c r="AB14" s="193">
        <v>0</v>
      </c>
      <c r="AC14" s="191">
        <v>335</v>
      </c>
      <c r="AD14" s="191">
        <v>194</v>
      </c>
      <c r="AE14" s="191">
        <v>145</v>
      </c>
      <c r="AF14" s="191">
        <v>181</v>
      </c>
      <c r="AG14" s="191">
        <v>48</v>
      </c>
      <c r="AH14" s="196">
        <v>903</v>
      </c>
      <c r="AI14" s="195">
        <v>953</v>
      </c>
      <c r="AJ14" s="190">
        <v>0</v>
      </c>
      <c r="AK14" s="191">
        <v>6</v>
      </c>
      <c r="AL14" s="196">
        <v>6</v>
      </c>
      <c r="AM14" s="193">
        <v>0</v>
      </c>
      <c r="AN14" s="191">
        <v>8</v>
      </c>
      <c r="AO14" s="191">
        <v>43</v>
      </c>
      <c r="AP14" s="191">
        <v>32</v>
      </c>
      <c r="AQ14" s="191">
        <v>9</v>
      </c>
      <c r="AR14" s="191">
        <v>9</v>
      </c>
      <c r="AS14" s="196">
        <v>101</v>
      </c>
      <c r="AT14" s="195">
        <v>107</v>
      </c>
      <c r="AU14" s="190">
        <v>0</v>
      </c>
      <c r="AV14" s="191">
        <v>0</v>
      </c>
      <c r="AW14" s="196">
        <v>0</v>
      </c>
      <c r="AX14" s="193">
        <v>0</v>
      </c>
      <c r="AY14" s="191">
        <v>172</v>
      </c>
      <c r="AZ14" s="191">
        <v>132</v>
      </c>
      <c r="BA14" s="191">
        <v>129</v>
      </c>
      <c r="BB14" s="191">
        <v>59</v>
      </c>
      <c r="BC14" s="191">
        <v>17</v>
      </c>
      <c r="BD14" s="194">
        <v>509</v>
      </c>
      <c r="BE14" s="195">
        <v>509</v>
      </c>
      <c r="BF14" s="190">
        <v>0</v>
      </c>
      <c r="BG14" s="191">
        <v>0</v>
      </c>
      <c r="BH14" s="196">
        <v>0</v>
      </c>
      <c r="BI14" s="193">
        <v>0</v>
      </c>
      <c r="BJ14" s="191">
        <v>70</v>
      </c>
      <c r="BK14" s="191">
        <v>53</v>
      </c>
      <c r="BL14" s="191">
        <v>78</v>
      </c>
      <c r="BM14" s="191">
        <v>8</v>
      </c>
      <c r="BN14" s="191">
        <v>4</v>
      </c>
      <c r="BO14" s="196">
        <v>213</v>
      </c>
      <c r="BP14" s="195">
        <v>213</v>
      </c>
      <c r="BQ14" s="190">
        <v>0</v>
      </c>
      <c r="BR14" s="191">
        <v>0</v>
      </c>
      <c r="BS14" s="196">
        <v>0</v>
      </c>
      <c r="BT14" s="193">
        <v>0</v>
      </c>
      <c r="BU14" s="191">
        <v>14</v>
      </c>
      <c r="BV14" s="191">
        <v>8</v>
      </c>
      <c r="BW14" s="191">
        <v>2</v>
      </c>
      <c r="BX14" s="191">
        <v>8</v>
      </c>
      <c r="BY14" s="191">
        <v>8</v>
      </c>
      <c r="BZ14" s="196">
        <v>40</v>
      </c>
      <c r="CA14" s="195">
        <v>40</v>
      </c>
      <c r="CB14" s="190">
        <v>0</v>
      </c>
      <c r="CC14" s="191">
        <v>0</v>
      </c>
      <c r="CD14" s="196">
        <v>0</v>
      </c>
      <c r="CE14" s="193">
        <v>0</v>
      </c>
      <c r="CF14" s="191">
        <v>0</v>
      </c>
      <c r="CG14" s="191">
        <v>0</v>
      </c>
      <c r="CH14" s="191">
        <v>12</v>
      </c>
      <c r="CI14" s="191">
        <v>15</v>
      </c>
      <c r="CJ14" s="191">
        <v>44</v>
      </c>
      <c r="CK14" s="196">
        <v>71</v>
      </c>
      <c r="CL14" s="195">
        <v>71</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499</v>
      </c>
      <c r="H15" s="191">
        <v>802</v>
      </c>
      <c r="I15" s="191">
        <v>474</v>
      </c>
      <c r="J15" s="191">
        <v>895</v>
      </c>
      <c r="K15" s="191">
        <v>819</v>
      </c>
      <c r="L15" s="194">
        <v>3489</v>
      </c>
      <c r="M15" s="195">
        <v>3489</v>
      </c>
      <c r="N15" s="190">
        <v>0</v>
      </c>
      <c r="O15" s="191">
        <v>0</v>
      </c>
      <c r="P15" s="196">
        <v>0</v>
      </c>
      <c r="Q15" s="193">
        <v>0</v>
      </c>
      <c r="R15" s="191">
        <v>0</v>
      </c>
      <c r="S15" s="191">
        <v>4</v>
      </c>
      <c r="T15" s="191">
        <v>4</v>
      </c>
      <c r="U15" s="191">
        <v>20</v>
      </c>
      <c r="V15" s="191">
        <v>8</v>
      </c>
      <c r="W15" s="196">
        <v>36</v>
      </c>
      <c r="X15" s="195">
        <v>36</v>
      </c>
      <c r="Y15" s="190">
        <v>45</v>
      </c>
      <c r="Z15" s="191">
        <v>193</v>
      </c>
      <c r="AA15" s="196">
        <v>238</v>
      </c>
      <c r="AB15" s="193">
        <v>0</v>
      </c>
      <c r="AC15" s="191">
        <v>171</v>
      </c>
      <c r="AD15" s="191">
        <v>295</v>
      </c>
      <c r="AE15" s="191">
        <v>77</v>
      </c>
      <c r="AF15" s="191">
        <v>217</v>
      </c>
      <c r="AG15" s="191">
        <v>71</v>
      </c>
      <c r="AH15" s="196">
        <v>831</v>
      </c>
      <c r="AI15" s="195">
        <v>1069</v>
      </c>
      <c r="AJ15" s="190">
        <v>12</v>
      </c>
      <c r="AK15" s="191">
        <v>28</v>
      </c>
      <c r="AL15" s="196">
        <v>40</v>
      </c>
      <c r="AM15" s="193">
        <v>0</v>
      </c>
      <c r="AN15" s="191">
        <v>8</v>
      </c>
      <c r="AO15" s="191">
        <v>6</v>
      </c>
      <c r="AP15" s="191">
        <v>0</v>
      </c>
      <c r="AQ15" s="191">
        <v>38</v>
      </c>
      <c r="AR15" s="191">
        <v>0</v>
      </c>
      <c r="AS15" s="196">
        <v>52</v>
      </c>
      <c r="AT15" s="195">
        <v>92</v>
      </c>
      <c r="AU15" s="190">
        <v>0</v>
      </c>
      <c r="AV15" s="191">
        <v>0</v>
      </c>
      <c r="AW15" s="196">
        <v>0</v>
      </c>
      <c r="AX15" s="193">
        <v>0</v>
      </c>
      <c r="AY15" s="191">
        <v>366</v>
      </c>
      <c r="AZ15" s="191">
        <v>335</v>
      </c>
      <c r="BA15" s="191">
        <v>100</v>
      </c>
      <c r="BB15" s="191">
        <v>96</v>
      </c>
      <c r="BC15" s="191">
        <v>59</v>
      </c>
      <c r="BD15" s="194">
        <v>956</v>
      </c>
      <c r="BE15" s="195">
        <v>956</v>
      </c>
      <c r="BF15" s="190">
        <v>0</v>
      </c>
      <c r="BG15" s="191">
        <v>0</v>
      </c>
      <c r="BH15" s="196">
        <v>0</v>
      </c>
      <c r="BI15" s="193">
        <v>0</v>
      </c>
      <c r="BJ15" s="191">
        <v>70</v>
      </c>
      <c r="BK15" s="191">
        <v>63</v>
      </c>
      <c r="BL15" s="191">
        <v>54</v>
      </c>
      <c r="BM15" s="191">
        <v>52</v>
      </c>
      <c r="BN15" s="191">
        <v>8</v>
      </c>
      <c r="BO15" s="196">
        <v>247</v>
      </c>
      <c r="BP15" s="195">
        <v>247</v>
      </c>
      <c r="BQ15" s="190">
        <v>0</v>
      </c>
      <c r="BR15" s="191">
        <v>7</v>
      </c>
      <c r="BS15" s="196">
        <v>7</v>
      </c>
      <c r="BT15" s="193">
        <v>0</v>
      </c>
      <c r="BU15" s="191">
        <v>60</v>
      </c>
      <c r="BV15" s="191">
        <v>76</v>
      </c>
      <c r="BW15" s="191">
        <v>77</v>
      </c>
      <c r="BX15" s="191">
        <v>129</v>
      </c>
      <c r="BY15" s="191">
        <v>42</v>
      </c>
      <c r="BZ15" s="196">
        <v>384</v>
      </c>
      <c r="CA15" s="195">
        <v>391</v>
      </c>
      <c r="CB15" s="190">
        <v>0</v>
      </c>
      <c r="CC15" s="191">
        <v>0</v>
      </c>
      <c r="CD15" s="196">
        <v>0</v>
      </c>
      <c r="CE15" s="193">
        <v>0</v>
      </c>
      <c r="CF15" s="191">
        <v>27</v>
      </c>
      <c r="CG15" s="191">
        <v>0</v>
      </c>
      <c r="CH15" s="191">
        <v>0</v>
      </c>
      <c r="CI15" s="191">
        <v>4</v>
      </c>
      <c r="CJ15" s="191">
        <v>0</v>
      </c>
      <c r="CK15" s="196">
        <v>31</v>
      </c>
      <c r="CL15" s="195">
        <v>31</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117</v>
      </c>
      <c r="H16" s="191">
        <v>346</v>
      </c>
      <c r="I16" s="191">
        <v>285</v>
      </c>
      <c r="J16" s="191">
        <v>547</v>
      </c>
      <c r="K16" s="191">
        <v>527</v>
      </c>
      <c r="L16" s="194">
        <v>1822</v>
      </c>
      <c r="M16" s="195">
        <v>1822</v>
      </c>
      <c r="N16" s="190">
        <v>0</v>
      </c>
      <c r="O16" s="191">
        <v>0</v>
      </c>
      <c r="P16" s="196">
        <v>0</v>
      </c>
      <c r="Q16" s="193">
        <v>0</v>
      </c>
      <c r="R16" s="191">
        <v>0</v>
      </c>
      <c r="S16" s="191">
        <v>4</v>
      </c>
      <c r="T16" s="191">
        <v>0</v>
      </c>
      <c r="U16" s="191">
        <v>4</v>
      </c>
      <c r="V16" s="191">
        <v>12</v>
      </c>
      <c r="W16" s="196">
        <v>20</v>
      </c>
      <c r="X16" s="195">
        <v>20</v>
      </c>
      <c r="Y16" s="190">
        <v>19</v>
      </c>
      <c r="Z16" s="191">
        <v>39</v>
      </c>
      <c r="AA16" s="196">
        <v>58</v>
      </c>
      <c r="AB16" s="193">
        <v>0</v>
      </c>
      <c r="AC16" s="191">
        <v>178</v>
      </c>
      <c r="AD16" s="191">
        <v>128</v>
      </c>
      <c r="AE16" s="191">
        <v>179</v>
      </c>
      <c r="AF16" s="191">
        <v>45</v>
      </c>
      <c r="AG16" s="191">
        <v>38</v>
      </c>
      <c r="AH16" s="196">
        <v>568</v>
      </c>
      <c r="AI16" s="195">
        <v>626</v>
      </c>
      <c r="AJ16" s="190">
        <v>4</v>
      </c>
      <c r="AK16" s="191">
        <v>0</v>
      </c>
      <c r="AL16" s="196">
        <v>4</v>
      </c>
      <c r="AM16" s="193">
        <v>0</v>
      </c>
      <c r="AN16" s="191">
        <v>8</v>
      </c>
      <c r="AO16" s="191">
        <v>32</v>
      </c>
      <c r="AP16" s="191">
        <v>12</v>
      </c>
      <c r="AQ16" s="191">
        <v>8</v>
      </c>
      <c r="AR16" s="191">
        <v>48</v>
      </c>
      <c r="AS16" s="196">
        <v>108</v>
      </c>
      <c r="AT16" s="195">
        <v>112</v>
      </c>
      <c r="AU16" s="190">
        <v>0</v>
      </c>
      <c r="AV16" s="191">
        <v>0</v>
      </c>
      <c r="AW16" s="196">
        <v>0</v>
      </c>
      <c r="AX16" s="193">
        <v>0</v>
      </c>
      <c r="AY16" s="191">
        <v>130</v>
      </c>
      <c r="AZ16" s="191">
        <v>87</v>
      </c>
      <c r="BA16" s="191">
        <v>76</v>
      </c>
      <c r="BB16" s="191">
        <v>13</v>
      </c>
      <c r="BC16" s="191">
        <v>3</v>
      </c>
      <c r="BD16" s="194">
        <v>309</v>
      </c>
      <c r="BE16" s="195">
        <v>309</v>
      </c>
      <c r="BF16" s="190">
        <v>0</v>
      </c>
      <c r="BG16" s="191">
        <v>0</v>
      </c>
      <c r="BH16" s="196">
        <v>0</v>
      </c>
      <c r="BI16" s="193">
        <v>0</v>
      </c>
      <c r="BJ16" s="191">
        <v>18</v>
      </c>
      <c r="BK16" s="191">
        <v>30</v>
      </c>
      <c r="BL16" s="191">
        <v>15</v>
      </c>
      <c r="BM16" s="191">
        <v>46</v>
      </c>
      <c r="BN16" s="191">
        <v>8</v>
      </c>
      <c r="BO16" s="196">
        <v>117</v>
      </c>
      <c r="BP16" s="195">
        <v>117</v>
      </c>
      <c r="BQ16" s="190">
        <v>0</v>
      </c>
      <c r="BR16" s="191">
        <v>0</v>
      </c>
      <c r="BS16" s="196">
        <v>0</v>
      </c>
      <c r="BT16" s="193">
        <v>0</v>
      </c>
      <c r="BU16" s="191">
        <v>0</v>
      </c>
      <c r="BV16" s="191">
        <v>10</v>
      </c>
      <c r="BW16" s="191">
        <v>8</v>
      </c>
      <c r="BX16" s="191">
        <v>10</v>
      </c>
      <c r="BY16" s="191">
        <v>6</v>
      </c>
      <c r="BZ16" s="196">
        <v>34</v>
      </c>
      <c r="CA16" s="195">
        <v>34</v>
      </c>
      <c r="CB16" s="190">
        <v>0</v>
      </c>
      <c r="CC16" s="191">
        <v>0</v>
      </c>
      <c r="CD16" s="196">
        <v>0</v>
      </c>
      <c r="CE16" s="193">
        <v>0</v>
      </c>
      <c r="CF16" s="191">
        <v>0</v>
      </c>
      <c r="CG16" s="191">
        <v>0</v>
      </c>
      <c r="CH16" s="191">
        <v>3</v>
      </c>
      <c r="CI16" s="191">
        <v>0</v>
      </c>
      <c r="CJ16" s="191">
        <v>0</v>
      </c>
      <c r="CK16" s="196">
        <v>3</v>
      </c>
      <c r="CL16" s="195">
        <v>3</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49</v>
      </c>
      <c r="H17" s="191">
        <v>97</v>
      </c>
      <c r="I17" s="191">
        <v>8</v>
      </c>
      <c r="J17" s="191">
        <v>168</v>
      </c>
      <c r="K17" s="191">
        <v>22</v>
      </c>
      <c r="L17" s="194">
        <v>344</v>
      </c>
      <c r="M17" s="195">
        <v>344</v>
      </c>
      <c r="N17" s="190">
        <v>0</v>
      </c>
      <c r="O17" s="191">
        <v>0</v>
      </c>
      <c r="P17" s="196">
        <v>0</v>
      </c>
      <c r="Q17" s="193">
        <v>0</v>
      </c>
      <c r="R17" s="191">
        <v>0</v>
      </c>
      <c r="S17" s="191">
        <v>0</v>
      </c>
      <c r="T17" s="191">
        <v>4</v>
      </c>
      <c r="U17" s="191">
        <v>2</v>
      </c>
      <c r="V17" s="191">
        <v>12</v>
      </c>
      <c r="W17" s="196">
        <v>18</v>
      </c>
      <c r="X17" s="195">
        <v>18</v>
      </c>
      <c r="Y17" s="190">
        <v>0</v>
      </c>
      <c r="Z17" s="191">
        <v>7</v>
      </c>
      <c r="AA17" s="196">
        <v>7</v>
      </c>
      <c r="AB17" s="193">
        <v>0</v>
      </c>
      <c r="AC17" s="191">
        <v>12</v>
      </c>
      <c r="AD17" s="191">
        <v>22</v>
      </c>
      <c r="AE17" s="191">
        <v>16</v>
      </c>
      <c r="AF17" s="191">
        <v>22</v>
      </c>
      <c r="AG17" s="191">
        <v>42</v>
      </c>
      <c r="AH17" s="196">
        <v>114</v>
      </c>
      <c r="AI17" s="195">
        <v>121</v>
      </c>
      <c r="AJ17" s="190">
        <v>0</v>
      </c>
      <c r="AK17" s="191">
        <v>0</v>
      </c>
      <c r="AL17" s="196">
        <v>0</v>
      </c>
      <c r="AM17" s="193">
        <v>0</v>
      </c>
      <c r="AN17" s="191">
        <v>0</v>
      </c>
      <c r="AO17" s="191">
        <v>12</v>
      </c>
      <c r="AP17" s="191">
        <v>0</v>
      </c>
      <c r="AQ17" s="191">
        <v>0</v>
      </c>
      <c r="AR17" s="191">
        <v>9</v>
      </c>
      <c r="AS17" s="196">
        <v>21</v>
      </c>
      <c r="AT17" s="195">
        <v>21</v>
      </c>
      <c r="AU17" s="190">
        <v>0</v>
      </c>
      <c r="AV17" s="191">
        <v>0</v>
      </c>
      <c r="AW17" s="196">
        <v>0</v>
      </c>
      <c r="AX17" s="193">
        <v>0</v>
      </c>
      <c r="AY17" s="191">
        <v>15</v>
      </c>
      <c r="AZ17" s="191">
        <v>21</v>
      </c>
      <c r="BA17" s="191">
        <v>39</v>
      </c>
      <c r="BB17" s="191">
        <v>3</v>
      </c>
      <c r="BC17" s="191">
        <v>0</v>
      </c>
      <c r="BD17" s="194">
        <v>78</v>
      </c>
      <c r="BE17" s="195">
        <v>78</v>
      </c>
      <c r="BF17" s="190">
        <v>0</v>
      </c>
      <c r="BG17" s="191">
        <v>0</v>
      </c>
      <c r="BH17" s="196">
        <v>0</v>
      </c>
      <c r="BI17" s="193">
        <v>0</v>
      </c>
      <c r="BJ17" s="191">
        <v>1</v>
      </c>
      <c r="BK17" s="191">
        <v>16</v>
      </c>
      <c r="BL17" s="191">
        <v>16</v>
      </c>
      <c r="BM17" s="191">
        <v>7</v>
      </c>
      <c r="BN17" s="191">
        <v>9</v>
      </c>
      <c r="BO17" s="196">
        <v>49</v>
      </c>
      <c r="BP17" s="195">
        <v>49</v>
      </c>
      <c r="BQ17" s="190">
        <v>0</v>
      </c>
      <c r="BR17" s="191">
        <v>0</v>
      </c>
      <c r="BS17" s="196">
        <v>0</v>
      </c>
      <c r="BT17" s="193">
        <v>0</v>
      </c>
      <c r="BU17" s="191">
        <v>0</v>
      </c>
      <c r="BV17" s="191">
        <v>11</v>
      </c>
      <c r="BW17" s="191">
        <v>18</v>
      </c>
      <c r="BX17" s="191">
        <v>65</v>
      </c>
      <c r="BY17" s="191">
        <v>7</v>
      </c>
      <c r="BZ17" s="196">
        <v>101</v>
      </c>
      <c r="CA17" s="195">
        <v>101</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43</v>
      </c>
      <c r="H18" s="191">
        <v>518</v>
      </c>
      <c r="I18" s="191">
        <v>90</v>
      </c>
      <c r="J18" s="191">
        <v>141</v>
      </c>
      <c r="K18" s="191">
        <v>82</v>
      </c>
      <c r="L18" s="194">
        <v>874</v>
      </c>
      <c r="M18" s="195">
        <v>874</v>
      </c>
      <c r="N18" s="190">
        <v>0</v>
      </c>
      <c r="O18" s="191">
        <v>0</v>
      </c>
      <c r="P18" s="196">
        <v>0</v>
      </c>
      <c r="Q18" s="193">
        <v>0</v>
      </c>
      <c r="R18" s="191">
        <v>1</v>
      </c>
      <c r="S18" s="191">
        <v>0</v>
      </c>
      <c r="T18" s="191">
        <v>0</v>
      </c>
      <c r="U18" s="191">
        <v>1</v>
      </c>
      <c r="V18" s="191">
        <v>9</v>
      </c>
      <c r="W18" s="196">
        <v>11</v>
      </c>
      <c r="X18" s="195">
        <v>11</v>
      </c>
      <c r="Y18" s="190">
        <v>5</v>
      </c>
      <c r="Z18" s="191">
        <v>50</v>
      </c>
      <c r="AA18" s="196">
        <v>55</v>
      </c>
      <c r="AB18" s="193">
        <v>0</v>
      </c>
      <c r="AC18" s="191">
        <v>25</v>
      </c>
      <c r="AD18" s="191">
        <v>128</v>
      </c>
      <c r="AE18" s="191">
        <v>84</v>
      </c>
      <c r="AF18" s="191">
        <v>88</v>
      </c>
      <c r="AG18" s="191">
        <v>32</v>
      </c>
      <c r="AH18" s="196">
        <v>357</v>
      </c>
      <c r="AI18" s="195">
        <v>412</v>
      </c>
      <c r="AJ18" s="190">
        <v>24</v>
      </c>
      <c r="AK18" s="191">
        <v>0</v>
      </c>
      <c r="AL18" s="196">
        <v>24</v>
      </c>
      <c r="AM18" s="193">
        <v>0</v>
      </c>
      <c r="AN18" s="191">
        <v>0</v>
      </c>
      <c r="AO18" s="191">
        <v>12</v>
      </c>
      <c r="AP18" s="191">
        <v>3</v>
      </c>
      <c r="AQ18" s="191">
        <v>0</v>
      </c>
      <c r="AR18" s="191">
        <v>6</v>
      </c>
      <c r="AS18" s="196">
        <v>21</v>
      </c>
      <c r="AT18" s="195">
        <v>45</v>
      </c>
      <c r="AU18" s="190">
        <v>0</v>
      </c>
      <c r="AV18" s="191">
        <v>0</v>
      </c>
      <c r="AW18" s="196">
        <v>0</v>
      </c>
      <c r="AX18" s="193">
        <v>0</v>
      </c>
      <c r="AY18" s="191">
        <v>147</v>
      </c>
      <c r="AZ18" s="191">
        <v>172</v>
      </c>
      <c r="BA18" s="191">
        <v>42</v>
      </c>
      <c r="BB18" s="191">
        <v>75</v>
      </c>
      <c r="BC18" s="191">
        <v>13</v>
      </c>
      <c r="BD18" s="194">
        <v>449</v>
      </c>
      <c r="BE18" s="195">
        <v>449</v>
      </c>
      <c r="BF18" s="190">
        <v>0</v>
      </c>
      <c r="BG18" s="191">
        <v>0</v>
      </c>
      <c r="BH18" s="196">
        <v>0</v>
      </c>
      <c r="BI18" s="193">
        <v>0</v>
      </c>
      <c r="BJ18" s="191">
        <v>48</v>
      </c>
      <c r="BK18" s="191">
        <v>129</v>
      </c>
      <c r="BL18" s="191">
        <v>45</v>
      </c>
      <c r="BM18" s="191">
        <v>18</v>
      </c>
      <c r="BN18" s="191">
        <v>8</v>
      </c>
      <c r="BO18" s="196">
        <v>248</v>
      </c>
      <c r="BP18" s="195">
        <v>248</v>
      </c>
      <c r="BQ18" s="190">
        <v>10</v>
      </c>
      <c r="BR18" s="191">
        <v>5</v>
      </c>
      <c r="BS18" s="196">
        <v>15</v>
      </c>
      <c r="BT18" s="193">
        <v>0</v>
      </c>
      <c r="BU18" s="191">
        <v>2</v>
      </c>
      <c r="BV18" s="191">
        <v>27</v>
      </c>
      <c r="BW18" s="191">
        <v>8</v>
      </c>
      <c r="BX18" s="191">
        <v>12</v>
      </c>
      <c r="BY18" s="191">
        <v>0</v>
      </c>
      <c r="BZ18" s="196">
        <v>49</v>
      </c>
      <c r="CA18" s="195">
        <v>64</v>
      </c>
      <c r="CB18" s="190">
        <v>0</v>
      </c>
      <c r="CC18" s="191">
        <v>0</v>
      </c>
      <c r="CD18" s="196">
        <v>0</v>
      </c>
      <c r="CE18" s="193">
        <v>0</v>
      </c>
      <c r="CF18" s="191">
        <v>0</v>
      </c>
      <c r="CG18" s="191">
        <v>9</v>
      </c>
      <c r="CH18" s="191">
        <v>0</v>
      </c>
      <c r="CI18" s="191">
        <v>0</v>
      </c>
      <c r="CJ18" s="191">
        <v>0</v>
      </c>
      <c r="CK18" s="196">
        <v>9</v>
      </c>
      <c r="CL18" s="195">
        <v>9</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89</v>
      </c>
      <c r="H19" s="191">
        <v>400</v>
      </c>
      <c r="I19" s="191">
        <v>501</v>
      </c>
      <c r="J19" s="191">
        <v>241</v>
      </c>
      <c r="K19" s="191">
        <v>313</v>
      </c>
      <c r="L19" s="194">
        <v>1544</v>
      </c>
      <c r="M19" s="195">
        <v>1544</v>
      </c>
      <c r="N19" s="190">
        <v>0</v>
      </c>
      <c r="O19" s="191">
        <v>0</v>
      </c>
      <c r="P19" s="196">
        <v>0</v>
      </c>
      <c r="Q19" s="193">
        <v>0</v>
      </c>
      <c r="R19" s="191">
        <v>0</v>
      </c>
      <c r="S19" s="191">
        <v>0</v>
      </c>
      <c r="T19" s="191">
        <v>3</v>
      </c>
      <c r="U19" s="191">
        <v>15</v>
      </c>
      <c r="V19" s="191">
        <v>8</v>
      </c>
      <c r="W19" s="196">
        <v>26</v>
      </c>
      <c r="X19" s="195">
        <v>26</v>
      </c>
      <c r="Y19" s="190">
        <v>28</v>
      </c>
      <c r="Z19" s="191">
        <v>34</v>
      </c>
      <c r="AA19" s="196">
        <v>62</v>
      </c>
      <c r="AB19" s="193">
        <v>0</v>
      </c>
      <c r="AC19" s="191">
        <v>106</v>
      </c>
      <c r="AD19" s="191">
        <v>214</v>
      </c>
      <c r="AE19" s="191">
        <v>171</v>
      </c>
      <c r="AF19" s="191">
        <v>107</v>
      </c>
      <c r="AG19" s="191">
        <v>38</v>
      </c>
      <c r="AH19" s="196">
        <v>636</v>
      </c>
      <c r="AI19" s="195">
        <v>698</v>
      </c>
      <c r="AJ19" s="190">
        <v>12</v>
      </c>
      <c r="AK19" s="191">
        <v>0</v>
      </c>
      <c r="AL19" s="196">
        <v>12</v>
      </c>
      <c r="AM19" s="193">
        <v>0</v>
      </c>
      <c r="AN19" s="191">
        <v>15</v>
      </c>
      <c r="AO19" s="191">
        <v>43</v>
      </c>
      <c r="AP19" s="191">
        <v>54</v>
      </c>
      <c r="AQ19" s="191">
        <v>51</v>
      </c>
      <c r="AR19" s="191">
        <v>0</v>
      </c>
      <c r="AS19" s="196">
        <v>163</v>
      </c>
      <c r="AT19" s="195">
        <v>175</v>
      </c>
      <c r="AU19" s="190">
        <v>0</v>
      </c>
      <c r="AV19" s="191">
        <v>0</v>
      </c>
      <c r="AW19" s="196">
        <v>0</v>
      </c>
      <c r="AX19" s="193">
        <v>0</v>
      </c>
      <c r="AY19" s="191">
        <v>115</v>
      </c>
      <c r="AZ19" s="191">
        <v>218</v>
      </c>
      <c r="BA19" s="191">
        <v>93</v>
      </c>
      <c r="BB19" s="191">
        <v>92</v>
      </c>
      <c r="BC19" s="191">
        <v>24</v>
      </c>
      <c r="BD19" s="194">
        <v>542</v>
      </c>
      <c r="BE19" s="195">
        <v>542</v>
      </c>
      <c r="BF19" s="190">
        <v>0</v>
      </c>
      <c r="BG19" s="191">
        <v>0</v>
      </c>
      <c r="BH19" s="196">
        <v>0</v>
      </c>
      <c r="BI19" s="193">
        <v>0</v>
      </c>
      <c r="BJ19" s="191">
        <v>28</v>
      </c>
      <c r="BK19" s="191">
        <v>95</v>
      </c>
      <c r="BL19" s="191">
        <v>61</v>
      </c>
      <c r="BM19" s="191">
        <v>29</v>
      </c>
      <c r="BN19" s="191">
        <v>6</v>
      </c>
      <c r="BO19" s="196">
        <v>219</v>
      </c>
      <c r="BP19" s="195">
        <v>219</v>
      </c>
      <c r="BQ19" s="190">
        <v>0</v>
      </c>
      <c r="BR19" s="191">
        <v>4</v>
      </c>
      <c r="BS19" s="196">
        <v>4</v>
      </c>
      <c r="BT19" s="193">
        <v>0</v>
      </c>
      <c r="BU19" s="191">
        <v>8</v>
      </c>
      <c r="BV19" s="191">
        <v>46</v>
      </c>
      <c r="BW19" s="191">
        <v>49</v>
      </c>
      <c r="BX19" s="191">
        <v>19</v>
      </c>
      <c r="BY19" s="191">
        <v>14</v>
      </c>
      <c r="BZ19" s="196">
        <v>136</v>
      </c>
      <c r="CA19" s="195">
        <v>140</v>
      </c>
      <c r="CB19" s="190">
        <v>0</v>
      </c>
      <c r="CC19" s="191">
        <v>0</v>
      </c>
      <c r="CD19" s="196">
        <v>0</v>
      </c>
      <c r="CE19" s="193">
        <v>0</v>
      </c>
      <c r="CF19" s="191">
        <v>6</v>
      </c>
      <c r="CG19" s="191">
        <v>3</v>
      </c>
      <c r="CH19" s="191">
        <v>0</v>
      </c>
      <c r="CI19" s="191">
        <v>4</v>
      </c>
      <c r="CJ19" s="191">
        <v>0</v>
      </c>
      <c r="CK19" s="196">
        <v>13</v>
      </c>
      <c r="CL19" s="195">
        <v>13</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293</v>
      </c>
      <c r="H20" s="191">
        <v>240</v>
      </c>
      <c r="I20" s="191">
        <v>680</v>
      </c>
      <c r="J20" s="191">
        <v>761</v>
      </c>
      <c r="K20" s="191">
        <v>696</v>
      </c>
      <c r="L20" s="194">
        <v>2670</v>
      </c>
      <c r="M20" s="195">
        <v>2670</v>
      </c>
      <c r="N20" s="190">
        <v>0</v>
      </c>
      <c r="O20" s="191">
        <v>0</v>
      </c>
      <c r="P20" s="196">
        <v>0</v>
      </c>
      <c r="Q20" s="193">
        <v>0</v>
      </c>
      <c r="R20" s="191">
        <v>0</v>
      </c>
      <c r="S20" s="191">
        <v>0</v>
      </c>
      <c r="T20" s="191">
        <v>5</v>
      </c>
      <c r="U20" s="191">
        <v>23</v>
      </c>
      <c r="V20" s="191">
        <v>13</v>
      </c>
      <c r="W20" s="196">
        <v>41</v>
      </c>
      <c r="X20" s="195">
        <v>41</v>
      </c>
      <c r="Y20" s="190">
        <v>40</v>
      </c>
      <c r="Z20" s="191">
        <v>15</v>
      </c>
      <c r="AA20" s="196">
        <v>55</v>
      </c>
      <c r="AB20" s="193">
        <v>0</v>
      </c>
      <c r="AC20" s="191">
        <v>215</v>
      </c>
      <c r="AD20" s="191">
        <v>298</v>
      </c>
      <c r="AE20" s="191">
        <v>202</v>
      </c>
      <c r="AF20" s="191">
        <v>229</v>
      </c>
      <c r="AG20" s="191">
        <v>87</v>
      </c>
      <c r="AH20" s="196">
        <v>1031</v>
      </c>
      <c r="AI20" s="195">
        <v>1086</v>
      </c>
      <c r="AJ20" s="190">
        <v>18</v>
      </c>
      <c r="AK20" s="191">
        <v>8</v>
      </c>
      <c r="AL20" s="196">
        <v>26</v>
      </c>
      <c r="AM20" s="193">
        <v>0</v>
      </c>
      <c r="AN20" s="191">
        <v>12</v>
      </c>
      <c r="AO20" s="191">
        <v>44</v>
      </c>
      <c r="AP20" s="191">
        <v>90</v>
      </c>
      <c r="AQ20" s="191">
        <v>15</v>
      </c>
      <c r="AR20" s="191">
        <v>4</v>
      </c>
      <c r="AS20" s="196">
        <v>165</v>
      </c>
      <c r="AT20" s="195">
        <v>191</v>
      </c>
      <c r="AU20" s="190">
        <v>0</v>
      </c>
      <c r="AV20" s="191">
        <v>0</v>
      </c>
      <c r="AW20" s="196">
        <v>0</v>
      </c>
      <c r="AX20" s="193">
        <v>0</v>
      </c>
      <c r="AY20" s="191">
        <v>233</v>
      </c>
      <c r="AZ20" s="191">
        <v>447</v>
      </c>
      <c r="BA20" s="191">
        <v>216</v>
      </c>
      <c r="BB20" s="191">
        <v>122</v>
      </c>
      <c r="BC20" s="191">
        <v>76</v>
      </c>
      <c r="BD20" s="194">
        <v>1094</v>
      </c>
      <c r="BE20" s="195">
        <v>1094</v>
      </c>
      <c r="BF20" s="190">
        <v>0</v>
      </c>
      <c r="BG20" s="191">
        <v>0</v>
      </c>
      <c r="BH20" s="196">
        <v>0</v>
      </c>
      <c r="BI20" s="193">
        <v>0</v>
      </c>
      <c r="BJ20" s="191">
        <v>76</v>
      </c>
      <c r="BK20" s="191">
        <v>107</v>
      </c>
      <c r="BL20" s="191">
        <v>44</v>
      </c>
      <c r="BM20" s="191">
        <v>33</v>
      </c>
      <c r="BN20" s="191">
        <v>12</v>
      </c>
      <c r="BO20" s="196">
        <v>272</v>
      </c>
      <c r="BP20" s="195">
        <v>272</v>
      </c>
      <c r="BQ20" s="190">
        <v>0</v>
      </c>
      <c r="BR20" s="191">
        <v>0</v>
      </c>
      <c r="BS20" s="196">
        <v>0</v>
      </c>
      <c r="BT20" s="193">
        <v>0</v>
      </c>
      <c r="BU20" s="191">
        <v>8</v>
      </c>
      <c r="BV20" s="191">
        <v>69</v>
      </c>
      <c r="BW20" s="191">
        <v>134</v>
      </c>
      <c r="BX20" s="191">
        <v>103</v>
      </c>
      <c r="BY20" s="191">
        <v>61</v>
      </c>
      <c r="BZ20" s="196">
        <v>375</v>
      </c>
      <c r="CA20" s="195">
        <v>375</v>
      </c>
      <c r="CB20" s="190">
        <v>0</v>
      </c>
      <c r="CC20" s="191">
        <v>0</v>
      </c>
      <c r="CD20" s="196">
        <v>0</v>
      </c>
      <c r="CE20" s="193">
        <v>0</v>
      </c>
      <c r="CF20" s="191">
        <v>0</v>
      </c>
      <c r="CG20" s="191">
        <v>10</v>
      </c>
      <c r="CH20" s="191">
        <v>3</v>
      </c>
      <c r="CI20" s="191">
        <v>0</v>
      </c>
      <c r="CJ20" s="191">
        <v>0</v>
      </c>
      <c r="CK20" s="196">
        <v>13</v>
      </c>
      <c r="CL20" s="195">
        <v>13</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60</v>
      </c>
      <c r="H21" s="191">
        <v>199</v>
      </c>
      <c r="I21" s="191">
        <v>159</v>
      </c>
      <c r="J21" s="191">
        <v>65</v>
      </c>
      <c r="K21" s="191">
        <v>230</v>
      </c>
      <c r="L21" s="194">
        <v>713</v>
      </c>
      <c r="M21" s="195">
        <v>713</v>
      </c>
      <c r="N21" s="190">
        <v>0</v>
      </c>
      <c r="O21" s="191">
        <v>0</v>
      </c>
      <c r="P21" s="196">
        <v>0</v>
      </c>
      <c r="Q21" s="193">
        <v>0</v>
      </c>
      <c r="R21" s="191">
        <v>0</v>
      </c>
      <c r="S21" s="191">
        <v>2</v>
      </c>
      <c r="T21" s="191">
        <v>7</v>
      </c>
      <c r="U21" s="191">
        <v>0</v>
      </c>
      <c r="V21" s="191">
        <v>5</v>
      </c>
      <c r="W21" s="196">
        <v>14</v>
      </c>
      <c r="X21" s="195">
        <v>14</v>
      </c>
      <c r="Y21" s="190">
        <v>20</v>
      </c>
      <c r="Z21" s="191">
        <v>17</v>
      </c>
      <c r="AA21" s="196">
        <v>37</v>
      </c>
      <c r="AB21" s="193">
        <v>0</v>
      </c>
      <c r="AC21" s="191">
        <v>127</v>
      </c>
      <c r="AD21" s="191">
        <v>118</v>
      </c>
      <c r="AE21" s="191">
        <v>60</v>
      </c>
      <c r="AF21" s="191">
        <v>74</v>
      </c>
      <c r="AG21" s="191">
        <v>38</v>
      </c>
      <c r="AH21" s="196">
        <v>417</v>
      </c>
      <c r="AI21" s="195">
        <v>454</v>
      </c>
      <c r="AJ21" s="190">
        <v>0</v>
      </c>
      <c r="AK21" s="191">
        <v>0</v>
      </c>
      <c r="AL21" s="196">
        <v>0</v>
      </c>
      <c r="AM21" s="193">
        <v>0</v>
      </c>
      <c r="AN21" s="191">
        <v>6</v>
      </c>
      <c r="AO21" s="191">
        <v>0</v>
      </c>
      <c r="AP21" s="191">
        <v>0</v>
      </c>
      <c r="AQ21" s="191">
        <v>24</v>
      </c>
      <c r="AR21" s="191">
        <v>0</v>
      </c>
      <c r="AS21" s="196">
        <v>30</v>
      </c>
      <c r="AT21" s="195">
        <v>30</v>
      </c>
      <c r="AU21" s="190">
        <v>0</v>
      </c>
      <c r="AV21" s="191">
        <v>0</v>
      </c>
      <c r="AW21" s="196">
        <v>0</v>
      </c>
      <c r="AX21" s="193">
        <v>0</v>
      </c>
      <c r="AY21" s="191">
        <v>101</v>
      </c>
      <c r="AZ21" s="191">
        <v>85</v>
      </c>
      <c r="BA21" s="191">
        <v>20</v>
      </c>
      <c r="BB21" s="191">
        <v>11</v>
      </c>
      <c r="BC21" s="191">
        <v>53</v>
      </c>
      <c r="BD21" s="194">
        <v>270</v>
      </c>
      <c r="BE21" s="195">
        <v>270</v>
      </c>
      <c r="BF21" s="190">
        <v>0</v>
      </c>
      <c r="BG21" s="191">
        <v>0</v>
      </c>
      <c r="BH21" s="196">
        <v>0</v>
      </c>
      <c r="BI21" s="193">
        <v>0</v>
      </c>
      <c r="BJ21" s="191">
        <v>85</v>
      </c>
      <c r="BK21" s="191">
        <v>43</v>
      </c>
      <c r="BL21" s="191">
        <v>56</v>
      </c>
      <c r="BM21" s="191">
        <v>32</v>
      </c>
      <c r="BN21" s="191">
        <v>12</v>
      </c>
      <c r="BO21" s="196">
        <v>228</v>
      </c>
      <c r="BP21" s="195">
        <v>228</v>
      </c>
      <c r="BQ21" s="190">
        <v>0</v>
      </c>
      <c r="BR21" s="191">
        <v>0</v>
      </c>
      <c r="BS21" s="196">
        <v>0</v>
      </c>
      <c r="BT21" s="193">
        <v>0</v>
      </c>
      <c r="BU21" s="191">
        <v>17</v>
      </c>
      <c r="BV21" s="191">
        <v>6</v>
      </c>
      <c r="BW21" s="191">
        <v>3</v>
      </c>
      <c r="BX21" s="191">
        <v>89</v>
      </c>
      <c r="BY21" s="191">
        <v>0</v>
      </c>
      <c r="BZ21" s="196">
        <v>115</v>
      </c>
      <c r="CA21" s="195">
        <v>115</v>
      </c>
      <c r="CB21" s="190">
        <v>0</v>
      </c>
      <c r="CC21" s="191">
        <v>0</v>
      </c>
      <c r="CD21" s="196">
        <v>0</v>
      </c>
      <c r="CE21" s="193">
        <v>0</v>
      </c>
      <c r="CF21" s="191">
        <v>0</v>
      </c>
      <c r="CG21" s="191">
        <v>0</v>
      </c>
      <c r="CH21" s="191">
        <v>0</v>
      </c>
      <c r="CI21" s="191">
        <v>14</v>
      </c>
      <c r="CJ21" s="191">
        <v>0</v>
      </c>
      <c r="CK21" s="196">
        <v>14</v>
      </c>
      <c r="CL21" s="195">
        <v>14</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178</v>
      </c>
      <c r="H22" s="191">
        <v>280</v>
      </c>
      <c r="I22" s="191">
        <v>114</v>
      </c>
      <c r="J22" s="191">
        <v>401</v>
      </c>
      <c r="K22" s="191">
        <v>326</v>
      </c>
      <c r="L22" s="194">
        <v>1299</v>
      </c>
      <c r="M22" s="195">
        <v>1299</v>
      </c>
      <c r="N22" s="190">
        <v>0</v>
      </c>
      <c r="O22" s="191">
        <v>0</v>
      </c>
      <c r="P22" s="196">
        <v>0</v>
      </c>
      <c r="Q22" s="193">
        <v>0</v>
      </c>
      <c r="R22" s="191">
        <v>0</v>
      </c>
      <c r="S22" s="191">
        <v>0</v>
      </c>
      <c r="T22" s="191">
        <v>0</v>
      </c>
      <c r="U22" s="191">
        <v>20</v>
      </c>
      <c r="V22" s="191">
        <v>9</v>
      </c>
      <c r="W22" s="196">
        <v>29</v>
      </c>
      <c r="X22" s="195">
        <v>29</v>
      </c>
      <c r="Y22" s="190">
        <v>32</v>
      </c>
      <c r="Z22" s="191">
        <v>18</v>
      </c>
      <c r="AA22" s="196">
        <v>50</v>
      </c>
      <c r="AB22" s="193">
        <v>0</v>
      </c>
      <c r="AC22" s="191">
        <v>126</v>
      </c>
      <c r="AD22" s="191">
        <v>153</v>
      </c>
      <c r="AE22" s="191">
        <v>118</v>
      </c>
      <c r="AF22" s="191">
        <v>58</v>
      </c>
      <c r="AG22" s="191">
        <v>11</v>
      </c>
      <c r="AH22" s="196">
        <v>466</v>
      </c>
      <c r="AI22" s="195">
        <v>516</v>
      </c>
      <c r="AJ22" s="190">
        <v>0</v>
      </c>
      <c r="AK22" s="191">
        <v>44</v>
      </c>
      <c r="AL22" s="196">
        <v>44</v>
      </c>
      <c r="AM22" s="193">
        <v>0</v>
      </c>
      <c r="AN22" s="191">
        <v>64</v>
      </c>
      <c r="AO22" s="191">
        <v>52</v>
      </c>
      <c r="AP22" s="191">
        <v>0</v>
      </c>
      <c r="AQ22" s="191">
        <v>22</v>
      </c>
      <c r="AR22" s="191">
        <v>17</v>
      </c>
      <c r="AS22" s="196">
        <v>155</v>
      </c>
      <c r="AT22" s="195">
        <v>199</v>
      </c>
      <c r="AU22" s="190">
        <v>0</v>
      </c>
      <c r="AV22" s="191">
        <v>0</v>
      </c>
      <c r="AW22" s="196">
        <v>0</v>
      </c>
      <c r="AX22" s="193">
        <v>0</v>
      </c>
      <c r="AY22" s="191">
        <v>116</v>
      </c>
      <c r="AZ22" s="191">
        <v>131</v>
      </c>
      <c r="BA22" s="191">
        <v>94</v>
      </c>
      <c r="BB22" s="191">
        <v>33</v>
      </c>
      <c r="BC22" s="191">
        <v>34</v>
      </c>
      <c r="BD22" s="194">
        <v>408</v>
      </c>
      <c r="BE22" s="195">
        <v>408</v>
      </c>
      <c r="BF22" s="190">
        <v>0</v>
      </c>
      <c r="BG22" s="191">
        <v>0</v>
      </c>
      <c r="BH22" s="196">
        <v>0</v>
      </c>
      <c r="BI22" s="193">
        <v>0</v>
      </c>
      <c r="BJ22" s="191">
        <v>36</v>
      </c>
      <c r="BK22" s="191">
        <v>86</v>
      </c>
      <c r="BL22" s="191">
        <v>36</v>
      </c>
      <c r="BM22" s="191">
        <v>36</v>
      </c>
      <c r="BN22" s="191">
        <v>0</v>
      </c>
      <c r="BO22" s="196">
        <v>194</v>
      </c>
      <c r="BP22" s="195">
        <v>194</v>
      </c>
      <c r="BQ22" s="190">
        <v>0</v>
      </c>
      <c r="BR22" s="191">
        <v>0</v>
      </c>
      <c r="BS22" s="196">
        <v>0</v>
      </c>
      <c r="BT22" s="193">
        <v>0</v>
      </c>
      <c r="BU22" s="191">
        <v>10</v>
      </c>
      <c r="BV22" s="191">
        <v>53</v>
      </c>
      <c r="BW22" s="191">
        <v>41</v>
      </c>
      <c r="BX22" s="191">
        <v>31</v>
      </c>
      <c r="BY22" s="191">
        <v>6</v>
      </c>
      <c r="BZ22" s="196">
        <v>141</v>
      </c>
      <c r="CA22" s="195">
        <v>141</v>
      </c>
      <c r="CB22" s="190">
        <v>0</v>
      </c>
      <c r="CC22" s="191">
        <v>0</v>
      </c>
      <c r="CD22" s="196">
        <v>0</v>
      </c>
      <c r="CE22" s="193">
        <v>0</v>
      </c>
      <c r="CF22" s="191">
        <v>4</v>
      </c>
      <c r="CG22" s="191">
        <v>6</v>
      </c>
      <c r="CH22" s="191">
        <v>0</v>
      </c>
      <c r="CI22" s="191">
        <v>0</v>
      </c>
      <c r="CJ22" s="191">
        <v>0</v>
      </c>
      <c r="CK22" s="196">
        <v>10</v>
      </c>
      <c r="CL22" s="195">
        <v>10</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49</v>
      </c>
      <c r="H23" s="191">
        <v>229</v>
      </c>
      <c r="I23" s="191">
        <v>43</v>
      </c>
      <c r="J23" s="191">
        <v>270</v>
      </c>
      <c r="K23" s="191">
        <v>34</v>
      </c>
      <c r="L23" s="194">
        <v>725</v>
      </c>
      <c r="M23" s="195">
        <v>725</v>
      </c>
      <c r="N23" s="190">
        <v>0</v>
      </c>
      <c r="O23" s="191">
        <v>0</v>
      </c>
      <c r="P23" s="196">
        <v>0</v>
      </c>
      <c r="Q23" s="193">
        <v>0</v>
      </c>
      <c r="R23" s="191">
        <v>0</v>
      </c>
      <c r="S23" s="191">
        <v>0</v>
      </c>
      <c r="T23" s="191">
        <v>0</v>
      </c>
      <c r="U23" s="191">
        <v>3</v>
      </c>
      <c r="V23" s="191">
        <v>17</v>
      </c>
      <c r="W23" s="196">
        <v>20</v>
      </c>
      <c r="X23" s="195">
        <v>20</v>
      </c>
      <c r="Y23" s="190">
        <v>0</v>
      </c>
      <c r="Z23" s="191">
        <v>-26</v>
      </c>
      <c r="AA23" s="196">
        <v>-26</v>
      </c>
      <c r="AB23" s="193">
        <v>0</v>
      </c>
      <c r="AC23" s="191">
        <v>101</v>
      </c>
      <c r="AD23" s="191">
        <v>86</v>
      </c>
      <c r="AE23" s="191">
        <v>53</v>
      </c>
      <c r="AF23" s="191">
        <v>27</v>
      </c>
      <c r="AG23" s="191">
        <v>71</v>
      </c>
      <c r="AH23" s="196">
        <v>338</v>
      </c>
      <c r="AI23" s="195">
        <v>312</v>
      </c>
      <c r="AJ23" s="190">
        <v>0</v>
      </c>
      <c r="AK23" s="191">
        <v>24</v>
      </c>
      <c r="AL23" s="196">
        <v>24</v>
      </c>
      <c r="AM23" s="193">
        <v>0</v>
      </c>
      <c r="AN23" s="191">
        <v>0</v>
      </c>
      <c r="AO23" s="191">
        <v>0</v>
      </c>
      <c r="AP23" s="191">
        <v>16</v>
      </c>
      <c r="AQ23" s="191">
        <v>0</v>
      </c>
      <c r="AR23" s="191">
        <v>8</v>
      </c>
      <c r="AS23" s="196">
        <v>24</v>
      </c>
      <c r="AT23" s="195">
        <v>48</v>
      </c>
      <c r="AU23" s="190">
        <v>0</v>
      </c>
      <c r="AV23" s="191">
        <v>0</v>
      </c>
      <c r="AW23" s="196">
        <v>0</v>
      </c>
      <c r="AX23" s="193">
        <v>0</v>
      </c>
      <c r="AY23" s="191">
        <v>98</v>
      </c>
      <c r="AZ23" s="191">
        <v>92</v>
      </c>
      <c r="BA23" s="191">
        <v>58</v>
      </c>
      <c r="BB23" s="191">
        <v>20</v>
      </c>
      <c r="BC23" s="191">
        <v>11</v>
      </c>
      <c r="BD23" s="194">
        <v>279</v>
      </c>
      <c r="BE23" s="195">
        <v>279</v>
      </c>
      <c r="BF23" s="190">
        <v>0</v>
      </c>
      <c r="BG23" s="191">
        <v>0</v>
      </c>
      <c r="BH23" s="196">
        <v>0</v>
      </c>
      <c r="BI23" s="193">
        <v>0</v>
      </c>
      <c r="BJ23" s="191">
        <v>19</v>
      </c>
      <c r="BK23" s="191">
        <v>25</v>
      </c>
      <c r="BL23" s="191">
        <v>12</v>
      </c>
      <c r="BM23" s="191">
        <v>0</v>
      </c>
      <c r="BN23" s="191">
        <v>12</v>
      </c>
      <c r="BO23" s="196">
        <v>68</v>
      </c>
      <c r="BP23" s="195">
        <v>68</v>
      </c>
      <c r="BQ23" s="190">
        <v>0</v>
      </c>
      <c r="BR23" s="191">
        <v>0</v>
      </c>
      <c r="BS23" s="196">
        <v>0</v>
      </c>
      <c r="BT23" s="193">
        <v>0</v>
      </c>
      <c r="BU23" s="191">
        <v>33</v>
      </c>
      <c r="BV23" s="191">
        <v>6</v>
      </c>
      <c r="BW23" s="191">
        <v>17</v>
      </c>
      <c r="BX23" s="191">
        <v>0</v>
      </c>
      <c r="BY23" s="191">
        <v>0</v>
      </c>
      <c r="BZ23" s="196">
        <v>56</v>
      </c>
      <c r="CA23" s="195">
        <v>56</v>
      </c>
      <c r="CB23" s="190">
        <v>0</v>
      </c>
      <c r="CC23" s="191">
        <v>0</v>
      </c>
      <c r="CD23" s="196">
        <v>0</v>
      </c>
      <c r="CE23" s="193">
        <v>0</v>
      </c>
      <c r="CF23" s="191">
        <v>0</v>
      </c>
      <c r="CG23" s="191">
        <v>0</v>
      </c>
      <c r="CH23" s="191">
        <v>10</v>
      </c>
      <c r="CI23" s="191">
        <v>0</v>
      </c>
      <c r="CJ23" s="191">
        <v>0</v>
      </c>
      <c r="CK23" s="196">
        <v>10</v>
      </c>
      <c r="CL23" s="195">
        <v>1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5</v>
      </c>
      <c r="H24" s="191">
        <v>12</v>
      </c>
      <c r="I24" s="191">
        <v>31</v>
      </c>
      <c r="J24" s="191">
        <v>19</v>
      </c>
      <c r="K24" s="191">
        <v>93</v>
      </c>
      <c r="L24" s="194">
        <v>180</v>
      </c>
      <c r="M24" s="195">
        <v>180</v>
      </c>
      <c r="N24" s="190">
        <v>0</v>
      </c>
      <c r="O24" s="191">
        <v>0</v>
      </c>
      <c r="P24" s="196">
        <v>0</v>
      </c>
      <c r="Q24" s="193">
        <v>0</v>
      </c>
      <c r="R24" s="191">
        <v>0</v>
      </c>
      <c r="S24" s="191">
        <v>0</v>
      </c>
      <c r="T24" s="191">
        <v>0</v>
      </c>
      <c r="U24" s="191">
        <v>2</v>
      </c>
      <c r="V24" s="191">
        <v>41</v>
      </c>
      <c r="W24" s="196">
        <v>43</v>
      </c>
      <c r="X24" s="195">
        <v>43</v>
      </c>
      <c r="Y24" s="190">
        <v>0</v>
      </c>
      <c r="Z24" s="191">
        <v>0</v>
      </c>
      <c r="AA24" s="196">
        <v>0</v>
      </c>
      <c r="AB24" s="193">
        <v>0</v>
      </c>
      <c r="AC24" s="191">
        <v>28</v>
      </c>
      <c r="AD24" s="191">
        <v>15</v>
      </c>
      <c r="AE24" s="191">
        <v>5</v>
      </c>
      <c r="AF24" s="191">
        <v>1</v>
      </c>
      <c r="AG24" s="191">
        <v>84</v>
      </c>
      <c r="AH24" s="196">
        <v>133</v>
      </c>
      <c r="AI24" s="195">
        <v>133</v>
      </c>
      <c r="AJ24" s="190">
        <v>0</v>
      </c>
      <c r="AK24" s="191">
        <v>0</v>
      </c>
      <c r="AL24" s="196">
        <v>0</v>
      </c>
      <c r="AM24" s="193">
        <v>0</v>
      </c>
      <c r="AN24" s="191">
        <v>18</v>
      </c>
      <c r="AO24" s="191">
        <v>12</v>
      </c>
      <c r="AP24" s="191">
        <v>0</v>
      </c>
      <c r="AQ24" s="191">
        <v>16</v>
      </c>
      <c r="AR24" s="191">
        <v>0</v>
      </c>
      <c r="AS24" s="196">
        <v>46</v>
      </c>
      <c r="AT24" s="195">
        <v>46</v>
      </c>
      <c r="AU24" s="190">
        <v>0</v>
      </c>
      <c r="AV24" s="191">
        <v>0</v>
      </c>
      <c r="AW24" s="196">
        <v>0</v>
      </c>
      <c r="AX24" s="193">
        <v>0</v>
      </c>
      <c r="AY24" s="191">
        <v>40</v>
      </c>
      <c r="AZ24" s="191">
        <v>44</v>
      </c>
      <c r="BA24" s="191">
        <v>30</v>
      </c>
      <c r="BB24" s="191">
        <v>71</v>
      </c>
      <c r="BC24" s="191">
        <v>18</v>
      </c>
      <c r="BD24" s="194">
        <v>203</v>
      </c>
      <c r="BE24" s="195">
        <v>203</v>
      </c>
      <c r="BF24" s="190">
        <v>0</v>
      </c>
      <c r="BG24" s="191">
        <v>0</v>
      </c>
      <c r="BH24" s="196">
        <v>0</v>
      </c>
      <c r="BI24" s="193">
        <v>0</v>
      </c>
      <c r="BJ24" s="191">
        <v>25</v>
      </c>
      <c r="BK24" s="191">
        <v>26</v>
      </c>
      <c r="BL24" s="191">
        <v>0</v>
      </c>
      <c r="BM24" s="191">
        <v>0</v>
      </c>
      <c r="BN24" s="191">
        <v>0</v>
      </c>
      <c r="BO24" s="196">
        <v>51</v>
      </c>
      <c r="BP24" s="195">
        <v>51</v>
      </c>
      <c r="BQ24" s="190">
        <v>0</v>
      </c>
      <c r="BR24" s="191">
        <v>0</v>
      </c>
      <c r="BS24" s="196">
        <v>0</v>
      </c>
      <c r="BT24" s="193">
        <v>0</v>
      </c>
      <c r="BU24" s="191">
        <v>0</v>
      </c>
      <c r="BV24" s="191">
        <v>15</v>
      </c>
      <c r="BW24" s="191">
        <v>25</v>
      </c>
      <c r="BX24" s="191">
        <v>15</v>
      </c>
      <c r="BY24" s="191">
        <v>0</v>
      </c>
      <c r="BZ24" s="196">
        <v>55</v>
      </c>
      <c r="CA24" s="195">
        <v>55</v>
      </c>
      <c r="CB24" s="190">
        <v>0</v>
      </c>
      <c r="CC24" s="191">
        <v>0</v>
      </c>
      <c r="CD24" s="196">
        <v>0</v>
      </c>
      <c r="CE24" s="193">
        <v>0</v>
      </c>
      <c r="CF24" s="191">
        <v>2</v>
      </c>
      <c r="CG24" s="191">
        <v>0</v>
      </c>
      <c r="CH24" s="191">
        <v>7</v>
      </c>
      <c r="CI24" s="191">
        <v>0</v>
      </c>
      <c r="CJ24" s="191">
        <v>0</v>
      </c>
      <c r="CK24" s="196">
        <v>9</v>
      </c>
      <c r="CL24" s="195">
        <v>9</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13</v>
      </c>
      <c r="H25" s="191">
        <v>68</v>
      </c>
      <c r="I25" s="191">
        <v>228</v>
      </c>
      <c r="J25" s="191">
        <v>20</v>
      </c>
      <c r="K25" s="191">
        <v>166</v>
      </c>
      <c r="L25" s="194">
        <v>495</v>
      </c>
      <c r="M25" s="195">
        <v>495</v>
      </c>
      <c r="N25" s="190">
        <v>0</v>
      </c>
      <c r="O25" s="191">
        <v>0</v>
      </c>
      <c r="P25" s="196">
        <v>0</v>
      </c>
      <c r="Q25" s="193">
        <v>0</v>
      </c>
      <c r="R25" s="191">
        <v>0</v>
      </c>
      <c r="S25" s="191">
        <v>9</v>
      </c>
      <c r="T25" s="191">
        <v>1</v>
      </c>
      <c r="U25" s="191">
        <v>0</v>
      </c>
      <c r="V25" s="191">
        <v>0</v>
      </c>
      <c r="W25" s="196">
        <v>10</v>
      </c>
      <c r="X25" s="195">
        <v>10</v>
      </c>
      <c r="Y25" s="190">
        <v>17</v>
      </c>
      <c r="Z25" s="191">
        <v>26</v>
      </c>
      <c r="AA25" s="196">
        <v>43</v>
      </c>
      <c r="AB25" s="193">
        <v>0</v>
      </c>
      <c r="AC25" s="191">
        <v>19</v>
      </c>
      <c r="AD25" s="191">
        <v>105</v>
      </c>
      <c r="AE25" s="191">
        <v>29</v>
      </c>
      <c r="AF25" s="191">
        <v>11</v>
      </c>
      <c r="AG25" s="191">
        <v>34</v>
      </c>
      <c r="AH25" s="196">
        <v>198</v>
      </c>
      <c r="AI25" s="195">
        <v>241</v>
      </c>
      <c r="AJ25" s="190">
        <v>4</v>
      </c>
      <c r="AK25" s="191">
        <v>12</v>
      </c>
      <c r="AL25" s="196">
        <v>16</v>
      </c>
      <c r="AM25" s="193">
        <v>0</v>
      </c>
      <c r="AN25" s="191">
        <v>0</v>
      </c>
      <c r="AO25" s="191">
        <v>45</v>
      </c>
      <c r="AP25" s="191">
        <v>0</v>
      </c>
      <c r="AQ25" s="191">
        <v>0</v>
      </c>
      <c r="AR25" s="191">
        <v>0</v>
      </c>
      <c r="AS25" s="196">
        <v>45</v>
      </c>
      <c r="AT25" s="195">
        <v>61</v>
      </c>
      <c r="AU25" s="190">
        <v>0</v>
      </c>
      <c r="AV25" s="191">
        <v>0</v>
      </c>
      <c r="AW25" s="196">
        <v>0</v>
      </c>
      <c r="AX25" s="193">
        <v>0</v>
      </c>
      <c r="AY25" s="191">
        <v>79</v>
      </c>
      <c r="AZ25" s="191">
        <v>72</v>
      </c>
      <c r="BA25" s="191">
        <v>41</v>
      </c>
      <c r="BB25" s="191">
        <v>9</v>
      </c>
      <c r="BC25" s="191">
        <v>12</v>
      </c>
      <c r="BD25" s="194">
        <v>213</v>
      </c>
      <c r="BE25" s="195">
        <v>213</v>
      </c>
      <c r="BF25" s="190">
        <v>0</v>
      </c>
      <c r="BG25" s="191">
        <v>0</v>
      </c>
      <c r="BH25" s="196">
        <v>0</v>
      </c>
      <c r="BI25" s="193">
        <v>0</v>
      </c>
      <c r="BJ25" s="191">
        <v>7</v>
      </c>
      <c r="BK25" s="191">
        <v>0</v>
      </c>
      <c r="BL25" s="191">
        <v>21</v>
      </c>
      <c r="BM25" s="191">
        <v>8</v>
      </c>
      <c r="BN25" s="191">
        <v>8</v>
      </c>
      <c r="BO25" s="196">
        <v>44</v>
      </c>
      <c r="BP25" s="195">
        <v>44</v>
      </c>
      <c r="BQ25" s="190">
        <v>0</v>
      </c>
      <c r="BR25" s="191">
        <v>0</v>
      </c>
      <c r="BS25" s="196">
        <v>0</v>
      </c>
      <c r="BT25" s="193">
        <v>0</v>
      </c>
      <c r="BU25" s="191">
        <v>19</v>
      </c>
      <c r="BV25" s="191">
        <v>74</v>
      </c>
      <c r="BW25" s="191">
        <v>21</v>
      </c>
      <c r="BX25" s="191">
        <v>0</v>
      </c>
      <c r="BY25" s="191">
        <v>2</v>
      </c>
      <c r="BZ25" s="196">
        <v>116</v>
      </c>
      <c r="CA25" s="195">
        <v>116</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73</v>
      </c>
      <c r="H26" s="191">
        <v>98</v>
      </c>
      <c r="I26" s="191">
        <v>109</v>
      </c>
      <c r="J26" s="191">
        <v>98</v>
      </c>
      <c r="K26" s="191">
        <v>51</v>
      </c>
      <c r="L26" s="194">
        <v>429</v>
      </c>
      <c r="M26" s="195">
        <v>429</v>
      </c>
      <c r="N26" s="190">
        <v>0</v>
      </c>
      <c r="O26" s="191">
        <v>0</v>
      </c>
      <c r="P26" s="196">
        <v>0</v>
      </c>
      <c r="Q26" s="193">
        <v>0</v>
      </c>
      <c r="R26" s="191">
        <v>0</v>
      </c>
      <c r="S26" s="191">
        <v>0</v>
      </c>
      <c r="T26" s="191">
        <v>4</v>
      </c>
      <c r="U26" s="191">
        <v>3</v>
      </c>
      <c r="V26" s="191">
        <v>8</v>
      </c>
      <c r="W26" s="196">
        <v>15</v>
      </c>
      <c r="X26" s="195">
        <v>15</v>
      </c>
      <c r="Y26" s="190">
        <v>12</v>
      </c>
      <c r="Z26" s="191">
        <v>35</v>
      </c>
      <c r="AA26" s="196">
        <v>47</v>
      </c>
      <c r="AB26" s="193">
        <v>0</v>
      </c>
      <c r="AC26" s="191">
        <v>26</v>
      </c>
      <c r="AD26" s="191">
        <v>83</v>
      </c>
      <c r="AE26" s="191">
        <v>23</v>
      </c>
      <c r="AF26" s="191">
        <v>85</v>
      </c>
      <c r="AG26" s="191">
        <v>27</v>
      </c>
      <c r="AH26" s="196">
        <v>244</v>
      </c>
      <c r="AI26" s="195">
        <v>291</v>
      </c>
      <c r="AJ26" s="190">
        <v>0</v>
      </c>
      <c r="AK26" s="191">
        <v>0</v>
      </c>
      <c r="AL26" s="196">
        <v>0</v>
      </c>
      <c r="AM26" s="193">
        <v>0</v>
      </c>
      <c r="AN26" s="191">
        <v>0</v>
      </c>
      <c r="AO26" s="191">
        <v>0</v>
      </c>
      <c r="AP26" s="191">
        <v>0</v>
      </c>
      <c r="AQ26" s="191">
        <v>0</v>
      </c>
      <c r="AR26" s="191">
        <v>12</v>
      </c>
      <c r="AS26" s="196">
        <v>12</v>
      </c>
      <c r="AT26" s="195">
        <v>12</v>
      </c>
      <c r="AU26" s="190">
        <v>0</v>
      </c>
      <c r="AV26" s="191">
        <v>0</v>
      </c>
      <c r="AW26" s="196">
        <v>0</v>
      </c>
      <c r="AX26" s="193">
        <v>0</v>
      </c>
      <c r="AY26" s="191">
        <v>51</v>
      </c>
      <c r="AZ26" s="191">
        <v>52</v>
      </c>
      <c r="BA26" s="191">
        <v>19</v>
      </c>
      <c r="BB26" s="191">
        <v>19</v>
      </c>
      <c r="BC26" s="191">
        <v>0</v>
      </c>
      <c r="BD26" s="194">
        <v>141</v>
      </c>
      <c r="BE26" s="195">
        <v>141</v>
      </c>
      <c r="BF26" s="190">
        <v>0</v>
      </c>
      <c r="BG26" s="191">
        <v>0</v>
      </c>
      <c r="BH26" s="196">
        <v>0</v>
      </c>
      <c r="BI26" s="193">
        <v>0</v>
      </c>
      <c r="BJ26" s="191">
        <v>25</v>
      </c>
      <c r="BK26" s="191">
        <v>21</v>
      </c>
      <c r="BL26" s="191">
        <v>12</v>
      </c>
      <c r="BM26" s="191">
        <v>0</v>
      </c>
      <c r="BN26" s="191">
        <v>25</v>
      </c>
      <c r="BO26" s="196">
        <v>83</v>
      </c>
      <c r="BP26" s="195">
        <v>83</v>
      </c>
      <c r="BQ26" s="190">
        <v>0</v>
      </c>
      <c r="BR26" s="191">
        <v>0</v>
      </c>
      <c r="BS26" s="196">
        <v>0</v>
      </c>
      <c r="BT26" s="193">
        <v>0</v>
      </c>
      <c r="BU26" s="191">
        <v>0</v>
      </c>
      <c r="BV26" s="191">
        <v>0</v>
      </c>
      <c r="BW26" s="191">
        <v>7</v>
      </c>
      <c r="BX26" s="191">
        <v>17</v>
      </c>
      <c r="BY26" s="191">
        <v>8</v>
      </c>
      <c r="BZ26" s="196">
        <v>32</v>
      </c>
      <c r="CA26" s="195">
        <v>32</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38</v>
      </c>
      <c r="H27" s="191">
        <v>0</v>
      </c>
      <c r="I27" s="191">
        <v>23</v>
      </c>
      <c r="J27" s="191">
        <v>-39</v>
      </c>
      <c r="K27" s="191">
        <v>0</v>
      </c>
      <c r="L27" s="194">
        <v>22</v>
      </c>
      <c r="M27" s="195">
        <v>22</v>
      </c>
      <c r="N27" s="190">
        <v>0</v>
      </c>
      <c r="O27" s="191">
        <v>0</v>
      </c>
      <c r="P27" s="196">
        <v>0</v>
      </c>
      <c r="Q27" s="193">
        <v>0</v>
      </c>
      <c r="R27" s="191">
        <v>0</v>
      </c>
      <c r="S27" s="191">
        <v>0</v>
      </c>
      <c r="T27" s="191">
        <v>8</v>
      </c>
      <c r="U27" s="191">
        <v>0</v>
      </c>
      <c r="V27" s="191">
        <v>7</v>
      </c>
      <c r="W27" s="196">
        <v>15</v>
      </c>
      <c r="X27" s="195">
        <v>15</v>
      </c>
      <c r="Y27" s="190">
        <v>22</v>
      </c>
      <c r="Z27" s="191">
        <v>40</v>
      </c>
      <c r="AA27" s="196">
        <v>62</v>
      </c>
      <c r="AB27" s="193">
        <v>0</v>
      </c>
      <c r="AC27" s="191">
        <v>1</v>
      </c>
      <c r="AD27" s="191">
        <v>0</v>
      </c>
      <c r="AE27" s="191">
        <v>25</v>
      </c>
      <c r="AF27" s="191">
        <v>0</v>
      </c>
      <c r="AG27" s="191">
        <v>23</v>
      </c>
      <c r="AH27" s="196">
        <v>49</v>
      </c>
      <c r="AI27" s="195">
        <v>111</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1</v>
      </c>
      <c r="AZ27" s="191">
        <v>31</v>
      </c>
      <c r="BA27" s="191">
        <v>19</v>
      </c>
      <c r="BB27" s="191">
        <v>0</v>
      </c>
      <c r="BC27" s="191">
        <v>0</v>
      </c>
      <c r="BD27" s="194">
        <v>61</v>
      </c>
      <c r="BE27" s="195">
        <v>61</v>
      </c>
      <c r="BF27" s="190">
        <v>0</v>
      </c>
      <c r="BG27" s="191">
        <v>0</v>
      </c>
      <c r="BH27" s="196">
        <v>0</v>
      </c>
      <c r="BI27" s="193">
        <v>0</v>
      </c>
      <c r="BJ27" s="191">
        <v>21</v>
      </c>
      <c r="BK27" s="191">
        <v>15</v>
      </c>
      <c r="BL27" s="191">
        <v>12</v>
      </c>
      <c r="BM27" s="191">
        <v>0</v>
      </c>
      <c r="BN27" s="191">
        <v>0</v>
      </c>
      <c r="BO27" s="196">
        <v>48</v>
      </c>
      <c r="BP27" s="195">
        <v>48</v>
      </c>
      <c r="BQ27" s="190">
        <v>0</v>
      </c>
      <c r="BR27" s="191">
        <v>0</v>
      </c>
      <c r="BS27" s="196">
        <v>0</v>
      </c>
      <c r="BT27" s="193">
        <v>0</v>
      </c>
      <c r="BU27" s="191">
        <v>15</v>
      </c>
      <c r="BV27" s="191">
        <v>0</v>
      </c>
      <c r="BW27" s="191">
        <v>61</v>
      </c>
      <c r="BX27" s="191">
        <v>0</v>
      </c>
      <c r="BY27" s="191">
        <v>0</v>
      </c>
      <c r="BZ27" s="196">
        <v>76</v>
      </c>
      <c r="CA27" s="195">
        <v>76</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21</v>
      </c>
      <c r="H28" s="191">
        <v>81</v>
      </c>
      <c r="I28" s="191">
        <v>35</v>
      </c>
      <c r="J28" s="191">
        <v>0</v>
      </c>
      <c r="K28" s="191">
        <v>136</v>
      </c>
      <c r="L28" s="194">
        <v>273</v>
      </c>
      <c r="M28" s="195">
        <v>273</v>
      </c>
      <c r="N28" s="190">
        <v>0</v>
      </c>
      <c r="O28" s="191">
        <v>0</v>
      </c>
      <c r="P28" s="196">
        <v>0</v>
      </c>
      <c r="Q28" s="193">
        <v>0</v>
      </c>
      <c r="R28" s="191">
        <v>0</v>
      </c>
      <c r="S28" s="191">
        <v>0</v>
      </c>
      <c r="T28" s="191">
        <v>0</v>
      </c>
      <c r="U28" s="191">
        <v>0</v>
      </c>
      <c r="V28" s="191">
        <v>8</v>
      </c>
      <c r="W28" s="196">
        <v>8</v>
      </c>
      <c r="X28" s="195">
        <v>8</v>
      </c>
      <c r="Y28" s="190">
        <v>0</v>
      </c>
      <c r="Z28" s="191">
        <v>9</v>
      </c>
      <c r="AA28" s="196">
        <v>9</v>
      </c>
      <c r="AB28" s="193">
        <v>0</v>
      </c>
      <c r="AC28" s="191">
        <v>37</v>
      </c>
      <c r="AD28" s="191">
        <v>52</v>
      </c>
      <c r="AE28" s="191">
        <v>0</v>
      </c>
      <c r="AF28" s="191">
        <v>0</v>
      </c>
      <c r="AG28" s="191">
        <v>39</v>
      </c>
      <c r="AH28" s="196">
        <v>128</v>
      </c>
      <c r="AI28" s="195">
        <v>137</v>
      </c>
      <c r="AJ28" s="190">
        <v>12</v>
      </c>
      <c r="AK28" s="191">
        <v>0</v>
      </c>
      <c r="AL28" s="196">
        <v>12</v>
      </c>
      <c r="AM28" s="193">
        <v>0</v>
      </c>
      <c r="AN28" s="191">
        <v>24</v>
      </c>
      <c r="AO28" s="191">
        <v>0</v>
      </c>
      <c r="AP28" s="191">
        <v>6</v>
      </c>
      <c r="AQ28" s="191">
        <v>0</v>
      </c>
      <c r="AR28" s="191">
        <v>0</v>
      </c>
      <c r="AS28" s="196">
        <v>30</v>
      </c>
      <c r="AT28" s="195">
        <v>42</v>
      </c>
      <c r="AU28" s="190">
        <v>0</v>
      </c>
      <c r="AV28" s="191">
        <v>0</v>
      </c>
      <c r="AW28" s="196">
        <v>0</v>
      </c>
      <c r="AX28" s="193">
        <v>0</v>
      </c>
      <c r="AY28" s="191">
        <v>54</v>
      </c>
      <c r="AZ28" s="191">
        <v>19</v>
      </c>
      <c r="BA28" s="191">
        <v>25</v>
      </c>
      <c r="BB28" s="191">
        <v>0</v>
      </c>
      <c r="BC28" s="191">
        <v>9</v>
      </c>
      <c r="BD28" s="194">
        <v>107</v>
      </c>
      <c r="BE28" s="195">
        <v>107</v>
      </c>
      <c r="BF28" s="190">
        <v>0</v>
      </c>
      <c r="BG28" s="191">
        <v>0</v>
      </c>
      <c r="BH28" s="196">
        <v>0</v>
      </c>
      <c r="BI28" s="193">
        <v>0</v>
      </c>
      <c r="BJ28" s="191">
        <v>0</v>
      </c>
      <c r="BK28" s="191">
        <v>38</v>
      </c>
      <c r="BL28" s="191">
        <v>8</v>
      </c>
      <c r="BM28" s="191">
        <v>0</v>
      </c>
      <c r="BN28" s="191">
        <v>0</v>
      </c>
      <c r="BO28" s="196">
        <v>46</v>
      </c>
      <c r="BP28" s="195">
        <v>46</v>
      </c>
      <c r="BQ28" s="190">
        <v>0</v>
      </c>
      <c r="BR28" s="191">
        <v>0</v>
      </c>
      <c r="BS28" s="196">
        <v>0</v>
      </c>
      <c r="BT28" s="193">
        <v>0</v>
      </c>
      <c r="BU28" s="191">
        <v>2</v>
      </c>
      <c r="BV28" s="191">
        <v>6</v>
      </c>
      <c r="BW28" s="191">
        <v>0</v>
      </c>
      <c r="BX28" s="191">
        <v>0</v>
      </c>
      <c r="BY28" s="191">
        <v>0</v>
      </c>
      <c r="BZ28" s="196">
        <v>8</v>
      </c>
      <c r="CA28" s="195">
        <v>8</v>
      </c>
      <c r="CB28" s="190">
        <v>0</v>
      </c>
      <c r="CC28" s="191">
        <v>0</v>
      </c>
      <c r="CD28" s="196">
        <v>0</v>
      </c>
      <c r="CE28" s="193">
        <v>0</v>
      </c>
      <c r="CF28" s="191">
        <v>0</v>
      </c>
      <c r="CG28" s="191">
        <v>0</v>
      </c>
      <c r="CH28" s="191">
        <v>0</v>
      </c>
      <c r="CI28" s="191">
        <v>0</v>
      </c>
      <c r="CJ28" s="191">
        <v>2</v>
      </c>
      <c r="CK28" s="196">
        <v>2</v>
      </c>
      <c r="CL28" s="195">
        <v>2</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11</v>
      </c>
      <c r="H29" s="191">
        <v>178</v>
      </c>
      <c r="I29" s="191">
        <v>138</v>
      </c>
      <c r="J29" s="191">
        <v>48</v>
      </c>
      <c r="K29" s="191">
        <v>39</v>
      </c>
      <c r="L29" s="194">
        <v>414</v>
      </c>
      <c r="M29" s="195">
        <v>414</v>
      </c>
      <c r="N29" s="190">
        <v>0</v>
      </c>
      <c r="O29" s="191">
        <v>0</v>
      </c>
      <c r="P29" s="196">
        <v>0</v>
      </c>
      <c r="Q29" s="193">
        <v>0</v>
      </c>
      <c r="R29" s="191">
        <v>0</v>
      </c>
      <c r="S29" s="191">
        <v>0</v>
      </c>
      <c r="T29" s="191">
        <v>0</v>
      </c>
      <c r="U29" s="191">
        <v>5</v>
      </c>
      <c r="V29" s="191">
        <v>4</v>
      </c>
      <c r="W29" s="196">
        <v>9</v>
      </c>
      <c r="X29" s="195">
        <v>9</v>
      </c>
      <c r="Y29" s="190">
        <v>4</v>
      </c>
      <c r="Z29" s="191">
        <v>36</v>
      </c>
      <c r="AA29" s="196">
        <v>40</v>
      </c>
      <c r="AB29" s="193">
        <v>0</v>
      </c>
      <c r="AC29" s="191">
        <v>0</v>
      </c>
      <c r="AD29" s="191">
        <v>26</v>
      </c>
      <c r="AE29" s="191">
        <v>21</v>
      </c>
      <c r="AF29" s="191">
        <v>33</v>
      </c>
      <c r="AG29" s="191">
        <v>0</v>
      </c>
      <c r="AH29" s="196">
        <v>80</v>
      </c>
      <c r="AI29" s="195">
        <v>120</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19</v>
      </c>
      <c r="AZ29" s="191">
        <v>29</v>
      </c>
      <c r="BA29" s="191">
        <v>12</v>
      </c>
      <c r="BB29" s="191">
        <v>11</v>
      </c>
      <c r="BC29" s="191">
        <v>0</v>
      </c>
      <c r="BD29" s="194">
        <v>71</v>
      </c>
      <c r="BE29" s="195">
        <v>71</v>
      </c>
      <c r="BF29" s="190">
        <v>0</v>
      </c>
      <c r="BG29" s="191">
        <v>0</v>
      </c>
      <c r="BH29" s="196">
        <v>0</v>
      </c>
      <c r="BI29" s="193">
        <v>0</v>
      </c>
      <c r="BJ29" s="191">
        <v>16</v>
      </c>
      <c r="BK29" s="191">
        <v>14</v>
      </c>
      <c r="BL29" s="191">
        <v>8</v>
      </c>
      <c r="BM29" s="191">
        <v>0</v>
      </c>
      <c r="BN29" s="191">
        <v>0</v>
      </c>
      <c r="BO29" s="196">
        <v>38</v>
      </c>
      <c r="BP29" s="195">
        <v>38</v>
      </c>
      <c r="BQ29" s="190">
        <v>0</v>
      </c>
      <c r="BR29" s="191">
        <v>0</v>
      </c>
      <c r="BS29" s="196">
        <v>0</v>
      </c>
      <c r="BT29" s="193">
        <v>0</v>
      </c>
      <c r="BU29" s="191">
        <v>9</v>
      </c>
      <c r="BV29" s="191">
        <v>0</v>
      </c>
      <c r="BW29" s="191">
        <v>12</v>
      </c>
      <c r="BX29" s="191">
        <v>18</v>
      </c>
      <c r="BY29" s="191">
        <v>0</v>
      </c>
      <c r="BZ29" s="196">
        <v>39</v>
      </c>
      <c r="CA29" s="195">
        <v>39</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8</v>
      </c>
      <c r="H30" s="191">
        <v>13</v>
      </c>
      <c r="I30" s="191">
        <v>0</v>
      </c>
      <c r="J30" s="191">
        <v>28</v>
      </c>
      <c r="K30" s="191">
        <v>0</v>
      </c>
      <c r="L30" s="194">
        <v>49</v>
      </c>
      <c r="M30" s="195">
        <v>49</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4</v>
      </c>
      <c r="AE30" s="191">
        <v>2</v>
      </c>
      <c r="AF30" s="191">
        <v>0</v>
      </c>
      <c r="AG30" s="191">
        <v>0</v>
      </c>
      <c r="AH30" s="196">
        <v>16</v>
      </c>
      <c r="AI30" s="195">
        <v>1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8</v>
      </c>
      <c r="BA30" s="191">
        <v>29</v>
      </c>
      <c r="BB30" s="191">
        <v>0</v>
      </c>
      <c r="BC30" s="191">
        <v>0</v>
      </c>
      <c r="BD30" s="194">
        <v>37</v>
      </c>
      <c r="BE30" s="195">
        <v>37</v>
      </c>
      <c r="BF30" s="190">
        <v>0</v>
      </c>
      <c r="BG30" s="191">
        <v>0</v>
      </c>
      <c r="BH30" s="196">
        <v>0</v>
      </c>
      <c r="BI30" s="193">
        <v>0</v>
      </c>
      <c r="BJ30" s="191">
        <v>0</v>
      </c>
      <c r="BK30" s="191">
        <v>0</v>
      </c>
      <c r="BL30" s="191">
        <v>8</v>
      </c>
      <c r="BM30" s="191">
        <v>0</v>
      </c>
      <c r="BN30" s="191">
        <v>0</v>
      </c>
      <c r="BO30" s="196">
        <v>8</v>
      </c>
      <c r="BP30" s="195">
        <v>8</v>
      </c>
      <c r="BQ30" s="190">
        <v>0</v>
      </c>
      <c r="BR30" s="191">
        <v>0</v>
      </c>
      <c r="BS30" s="196">
        <v>0</v>
      </c>
      <c r="BT30" s="193">
        <v>0</v>
      </c>
      <c r="BU30" s="191">
        <v>0</v>
      </c>
      <c r="BV30" s="191">
        <v>0</v>
      </c>
      <c r="BW30" s="191">
        <v>9</v>
      </c>
      <c r="BX30" s="191">
        <v>0</v>
      </c>
      <c r="BY30" s="191">
        <v>0</v>
      </c>
      <c r="BZ30" s="196">
        <v>9</v>
      </c>
      <c r="CA30" s="195">
        <v>9</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6</v>
      </c>
      <c r="H31" s="191">
        <v>50</v>
      </c>
      <c r="I31" s="191">
        <v>0</v>
      </c>
      <c r="J31" s="191">
        <v>36</v>
      </c>
      <c r="K31" s="191">
        <v>0</v>
      </c>
      <c r="L31" s="194">
        <v>102</v>
      </c>
      <c r="M31" s="195">
        <v>102</v>
      </c>
      <c r="N31" s="190">
        <v>0</v>
      </c>
      <c r="O31" s="191">
        <v>0</v>
      </c>
      <c r="P31" s="196">
        <v>0</v>
      </c>
      <c r="Q31" s="193">
        <v>0</v>
      </c>
      <c r="R31" s="191">
        <v>0</v>
      </c>
      <c r="S31" s="191">
        <v>0</v>
      </c>
      <c r="T31" s="191">
        <v>0</v>
      </c>
      <c r="U31" s="191">
        <v>0</v>
      </c>
      <c r="V31" s="191">
        <v>0</v>
      </c>
      <c r="W31" s="196">
        <v>0</v>
      </c>
      <c r="X31" s="195">
        <v>0</v>
      </c>
      <c r="Y31" s="190">
        <v>2</v>
      </c>
      <c r="Z31" s="191">
        <v>8</v>
      </c>
      <c r="AA31" s="196">
        <v>10</v>
      </c>
      <c r="AB31" s="193">
        <v>0</v>
      </c>
      <c r="AC31" s="191">
        <v>35</v>
      </c>
      <c r="AD31" s="191">
        <v>19</v>
      </c>
      <c r="AE31" s="191">
        <v>55</v>
      </c>
      <c r="AF31" s="191">
        <v>0</v>
      </c>
      <c r="AG31" s="191">
        <v>0</v>
      </c>
      <c r="AH31" s="196">
        <v>109</v>
      </c>
      <c r="AI31" s="195">
        <v>119</v>
      </c>
      <c r="AJ31" s="190">
        <v>0</v>
      </c>
      <c r="AK31" s="191">
        <v>4</v>
      </c>
      <c r="AL31" s="196">
        <v>4</v>
      </c>
      <c r="AM31" s="193">
        <v>0</v>
      </c>
      <c r="AN31" s="191">
        <v>0</v>
      </c>
      <c r="AO31" s="191">
        <v>0</v>
      </c>
      <c r="AP31" s="191">
        <v>0</v>
      </c>
      <c r="AQ31" s="191">
        <v>6</v>
      </c>
      <c r="AR31" s="191">
        <v>0</v>
      </c>
      <c r="AS31" s="196">
        <v>6</v>
      </c>
      <c r="AT31" s="195">
        <v>10</v>
      </c>
      <c r="AU31" s="190">
        <v>0</v>
      </c>
      <c r="AV31" s="191">
        <v>0</v>
      </c>
      <c r="AW31" s="196">
        <v>0</v>
      </c>
      <c r="AX31" s="193">
        <v>0</v>
      </c>
      <c r="AY31" s="191">
        <v>20</v>
      </c>
      <c r="AZ31" s="191">
        <v>0</v>
      </c>
      <c r="BA31" s="191">
        <v>0</v>
      </c>
      <c r="BB31" s="191">
        <v>0</v>
      </c>
      <c r="BC31" s="191">
        <v>0</v>
      </c>
      <c r="BD31" s="194">
        <v>20</v>
      </c>
      <c r="BE31" s="195">
        <v>20</v>
      </c>
      <c r="BF31" s="190">
        <v>0</v>
      </c>
      <c r="BG31" s="191">
        <v>0</v>
      </c>
      <c r="BH31" s="196">
        <v>0</v>
      </c>
      <c r="BI31" s="193">
        <v>0</v>
      </c>
      <c r="BJ31" s="191">
        <v>8</v>
      </c>
      <c r="BK31" s="191">
        <v>0</v>
      </c>
      <c r="BL31" s="191">
        <v>13</v>
      </c>
      <c r="BM31" s="191">
        <v>8</v>
      </c>
      <c r="BN31" s="191">
        <v>0</v>
      </c>
      <c r="BO31" s="196">
        <v>29</v>
      </c>
      <c r="BP31" s="195">
        <v>29</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8</v>
      </c>
      <c r="H32" s="191">
        <v>17</v>
      </c>
      <c r="I32" s="191">
        <v>56</v>
      </c>
      <c r="J32" s="191">
        <v>0</v>
      </c>
      <c r="K32" s="191">
        <v>0</v>
      </c>
      <c r="L32" s="194">
        <v>81</v>
      </c>
      <c r="M32" s="195">
        <v>81</v>
      </c>
      <c r="N32" s="190">
        <v>0</v>
      </c>
      <c r="O32" s="191">
        <v>0</v>
      </c>
      <c r="P32" s="196">
        <v>0</v>
      </c>
      <c r="Q32" s="193">
        <v>0</v>
      </c>
      <c r="R32" s="191">
        <v>0</v>
      </c>
      <c r="S32" s="191">
        <v>0</v>
      </c>
      <c r="T32" s="191">
        <v>4</v>
      </c>
      <c r="U32" s="191">
        <v>0</v>
      </c>
      <c r="V32" s="191">
        <v>0</v>
      </c>
      <c r="W32" s="196">
        <v>4</v>
      </c>
      <c r="X32" s="195">
        <v>4</v>
      </c>
      <c r="Y32" s="190">
        <v>0</v>
      </c>
      <c r="Z32" s="191">
        <v>0</v>
      </c>
      <c r="AA32" s="196">
        <v>0</v>
      </c>
      <c r="AB32" s="193">
        <v>0</v>
      </c>
      <c r="AC32" s="191">
        <v>4</v>
      </c>
      <c r="AD32" s="191">
        <v>12</v>
      </c>
      <c r="AE32" s="191">
        <v>5</v>
      </c>
      <c r="AF32" s="191">
        <v>0</v>
      </c>
      <c r="AG32" s="191">
        <v>0</v>
      </c>
      <c r="AH32" s="196">
        <v>21</v>
      </c>
      <c r="AI32" s="195">
        <v>21</v>
      </c>
      <c r="AJ32" s="190">
        <v>0</v>
      </c>
      <c r="AK32" s="191">
        <v>0</v>
      </c>
      <c r="AL32" s="196">
        <v>0</v>
      </c>
      <c r="AM32" s="193">
        <v>0</v>
      </c>
      <c r="AN32" s="191">
        <v>0</v>
      </c>
      <c r="AO32" s="191">
        <v>16</v>
      </c>
      <c r="AP32" s="191">
        <v>0</v>
      </c>
      <c r="AQ32" s="191">
        <v>0</v>
      </c>
      <c r="AR32" s="191">
        <v>0</v>
      </c>
      <c r="AS32" s="196">
        <v>16</v>
      </c>
      <c r="AT32" s="195">
        <v>16</v>
      </c>
      <c r="AU32" s="190">
        <v>0</v>
      </c>
      <c r="AV32" s="191">
        <v>0</v>
      </c>
      <c r="AW32" s="196">
        <v>0</v>
      </c>
      <c r="AX32" s="193">
        <v>0</v>
      </c>
      <c r="AY32" s="191">
        <v>6</v>
      </c>
      <c r="AZ32" s="191">
        <v>4</v>
      </c>
      <c r="BA32" s="191">
        <v>4</v>
      </c>
      <c r="BB32" s="191">
        <v>0</v>
      </c>
      <c r="BC32" s="191">
        <v>0</v>
      </c>
      <c r="BD32" s="194">
        <v>14</v>
      </c>
      <c r="BE32" s="195">
        <v>14</v>
      </c>
      <c r="BF32" s="190">
        <v>0</v>
      </c>
      <c r="BG32" s="191">
        <v>0</v>
      </c>
      <c r="BH32" s="196">
        <v>0</v>
      </c>
      <c r="BI32" s="193">
        <v>0</v>
      </c>
      <c r="BJ32" s="191">
        <v>7</v>
      </c>
      <c r="BK32" s="191">
        <v>0</v>
      </c>
      <c r="BL32" s="191">
        <v>0</v>
      </c>
      <c r="BM32" s="191">
        <v>0</v>
      </c>
      <c r="BN32" s="191">
        <v>0</v>
      </c>
      <c r="BO32" s="196">
        <v>7</v>
      </c>
      <c r="BP32" s="195">
        <v>7</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4</v>
      </c>
      <c r="H33" s="191">
        <v>0</v>
      </c>
      <c r="I33" s="191">
        <v>0</v>
      </c>
      <c r="J33" s="191">
        <v>0</v>
      </c>
      <c r="K33" s="191">
        <v>0</v>
      </c>
      <c r="L33" s="194">
        <v>4</v>
      </c>
      <c r="M33" s="195">
        <v>4</v>
      </c>
      <c r="N33" s="190">
        <v>0</v>
      </c>
      <c r="O33" s="191">
        <v>0</v>
      </c>
      <c r="P33" s="196">
        <v>0</v>
      </c>
      <c r="Q33" s="193">
        <v>0</v>
      </c>
      <c r="R33" s="191">
        <v>0</v>
      </c>
      <c r="S33" s="191">
        <v>0</v>
      </c>
      <c r="T33" s="191">
        <v>0</v>
      </c>
      <c r="U33" s="191">
        <v>0</v>
      </c>
      <c r="V33" s="191">
        <v>7</v>
      </c>
      <c r="W33" s="196">
        <v>7</v>
      </c>
      <c r="X33" s="195">
        <v>7</v>
      </c>
      <c r="Y33" s="190">
        <v>0</v>
      </c>
      <c r="Z33" s="191">
        <v>0</v>
      </c>
      <c r="AA33" s="196">
        <v>0</v>
      </c>
      <c r="AB33" s="193">
        <v>0</v>
      </c>
      <c r="AC33" s="191">
        <v>24</v>
      </c>
      <c r="AD33" s="191">
        <v>0</v>
      </c>
      <c r="AE33" s="191">
        <v>20</v>
      </c>
      <c r="AF33" s="191">
        <v>0</v>
      </c>
      <c r="AG33" s="191">
        <v>27</v>
      </c>
      <c r="AH33" s="196">
        <v>71</v>
      </c>
      <c r="AI33" s="195">
        <v>71</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5</v>
      </c>
      <c r="AZ33" s="191">
        <v>18</v>
      </c>
      <c r="BA33" s="191">
        <v>30</v>
      </c>
      <c r="BB33" s="191">
        <v>0</v>
      </c>
      <c r="BC33" s="191">
        <v>0</v>
      </c>
      <c r="BD33" s="194">
        <v>63</v>
      </c>
      <c r="BE33" s="195">
        <v>63</v>
      </c>
      <c r="BF33" s="190">
        <v>0</v>
      </c>
      <c r="BG33" s="191">
        <v>0</v>
      </c>
      <c r="BH33" s="196">
        <v>0</v>
      </c>
      <c r="BI33" s="193">
        <v>0</v>
      </c>
      <c r="BJ33" s="191">
        <v>4</v>
      </c>
      <c r="BK33" s="191">
        <v>0</v>
      </c>
      <c r="BL33" s="191">
        <v>17</v>
      </c>
      <c r="BM33" s="191">
        <v>0</v>
      </c>
      <c r="BN33" s="191">
        <v>0</v>
      </c>
      <c r="BO33" s="196">
        <v>21</v>
      </c>
      <c r="BP33" s="195">
        <v>21</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8</v>
      </c>
      <c r="H34" s="191">
        <v>0</v>
      </c>
      <c r="I34" s="191">
        <v>0</v>
      </c>
      <c r="J34" s="191">
        <v>0</v>
      </c>
      <c r="K34" s="191">
        <v>0</v>
      </c>
      <c r="L34" s="194">
        <v>8</v>
      </c>
      <c r="M34" s="195">
        <v>8</v>
      </c>
      <c r="N34" s="190">
        <v>0</v>
      </c>
      <c r="O34" s="191">
        <v>0</v>
      </c>
      <c r="P34" s="196">
        <v>0</v>
      </c>
      <c r="Q34" s="193">
        <v>0</v>
      </c>
      <c r="R34" s="191">
        <v>0</v>
      </c>
      <c r="S34" s="191">
        <v>0</v>
      </c>
      <c r="T34" s="191">
        <v>0</v>
      </c>
      <c r="U34" s="191">
        <v>0</v>
      </c>
      <c r="V34" s="191">
        <v>0</v>
      </c>
      <c r="W34" s="196">
        <v>0</v>
      </c>
      <c r="X34" s="195">
        <v>0</v>
      </c>
      <c r="Y34" s="190">
        <v>8</v>
      </c>
      <c r="Z34" s="191">
        <v>13</v>
      </c>
      <c r="AA34" s="196">
        <v>21</v>
      </c>
      <c r="AB34" s="193">
        <v>0</v>
      </c>
      <c r="AC34" s="191">
        <v>13</v>
      </c>
      <c r="AD34" s="191">
        <v>0</v>
      </c>
      <c r="AE34" s="191">
        <v>6</v>
      </c>
      <c r="AF34" s="191">
        <v>0</v>
      </c>
      <c r="AG34" s="191">
        <v>13</v>
      </c>
      <c r="AH34" s="196">
        <v>32</v>
      </c>
      <c r="AI34" s="195">
        <v>53</v>
      </c>
      <c r="AJ34" s="190">
        <v>0</v>
      </c>
      <c r="AK34" s="191">
        <v>0</v>
      </c>
      <c r="AL34" s="196">
        <v>0</v>
      </c>
      <c r="AM34" s="193">
        <v>0</v>
      </c>
      <c r="AN34" s="191">
        <v>0</v>
      </c>
      <c r="AO34" s="191">
        <v>-3</v>
      </c>
      <c r="AP34" s="191">
        <v>0</v>
      </c>
      <c r="AQ34" s="191">
        <v>-3</v>
      </c>
      <c r="AR34" s="191">
        <v>0</v>
      </c>
      <c r="AS34" s="196">
        <v>-6</v>
      </c>
      <c r="AT34" s="195">
        <v>-6</v>
      </c>
      <c r="AU34" s="190">
        <v>0</v>
      </c>
      <c r="AV34" s="191">
        <v>0</v>
      </c>
      <c r="AW34" s="196">
        <v>0</v>
      </c>
      <c r="AX34" s="193">
        <v>0</v>
      </c>
      <c r="AY34" s="191">
        <v>21</v>
      </c>
      <c r="AZ34" s="191">
        <v>56</v>
      </c>
      <c r="BA34" s="191">
        <v>0</v>
      </c>
      <c r="BB34" s="191">
        <v>17</v>
      </c>
      <c r="BC34" s="191">
        <v>6</v>
      </c>
      <c r="BD34" s="194">
        <v>100</v>
      </c>
      <c r="BE34" s="195">
        <v>100</v>
      </c>
      <c r="BF34" s="190">
        <v>0</v>
      </c>
      <c r="BG34" s="191">
        <v>0</v>
      </c>
      <c r="BH34" s="196">
        <v>0</v>
      </c>
      <c r="BI34" s="193">
        <v>0</v>
      </c>
      <c r="BJ34" s="191">
        <v>0</v>
      </c>
      <c r="BK34" s="191">
        <v>10</v>
      </c>
      <c r="BL34" s="191">
        <v>0</v>
      </c>
      <c r="BM34" s="191">
        <v>13</v>
      </c>
      <c r="BN34" s="191">
        <v>4</v>
      </c>
      <c r="BO34" s="196">
        <v>27</v>
      </c>
      <c r="BP34" s="195">
        <v>27</v>
      </c>
      <c r="BQ34" s="190">
        <v>0</v>
      </c>
      <c r="BR34" s="191">
        <v>0</v>
      </c>
      <c r="BS34" s="196">
        <v>0</v>
      </c>
      <c r="BT34" s="193">
        <v>0</v>
      </c>
      <c r="BU34" s="191">
        <v>0</v>
      </c>
      <c r="BV34" s="191">
        <v>3</v>
      </c>
      <c r="BW34" s="191">
        <v>0</v>
      </c>
      <c r="BX34" s="191">
        <v>7</v>
      </c>
      <c r="BY34" s="191">
        <v>2</v>
      </c>
      <c r="BZ34" s="196">
        <v>12</v>
      </c>
      <c r="CA34" s="195">
        <v>12</v>
      </c>
      <c r="CB34" s="190">
        <v>0</v>
      </c>
      <c r="CC34" s="191">
        <v>0</v>
      </c>
      <c r="CD34" s="196">
        <v>0</v>
      </c>
      <c r="CE34" s="193">
        <v>0</v>
      </c>
      <c r="CF34" s="191">
        <v>0</v>
      </c>
      <c r="CG34" s="191">
        <v>0</v>
      </c>
      <c r="CH34" s="191">
        <v>0</v>
      </c>
      <c r="CI34" s="191">
        <v>0</v>
      </c>
      <c r="CJ34" s="191">
        <v>3</v>
      </c>
      <c r="CK34" s="196">
        <v>3</v>
      </c>
      <c r="CL34" s="195">
        <v>3</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68</v>
      </c>
      <c r="H35" s="191">
        <v>0</v>
      </c>
      <c r="I35" s="191">
        <v>23</v>
      </c>
      <c r="J35" s="191">
        <v>0</v>
      </c>
      <c r="K35" s="191">
        <v>94</v>
      </c>
      <c r="L35" s="194">
        <v>185</v>
      </c>
      <c r="M35" s="195">
        <v>185</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7</v>
      </c>
      <c r="AD35" s="191">
        <v>23</v>
      </c>
      <c r="AE35" s="191">
        <v>0</v>
      </c>
      <c r="AF35" s="191">
        <v>0</v>
      </c>
      <c r="AG35" s="191">
        <v>2</v>
      </c>
      <c r="AH35" s="196">
        <v>52</v>
      </c>
      <c r="AI35" s="195">
        <v>52</v>
      </c>
      <c r="AJ35" s="190">
        <v>0</v>
      </c>
      <c r="AK35" s="191">
        <v>9</v>
      </c>
      <c r="AL35" s="196">
        <v>9</v>
      </c>
      <c r="AM35" s="193">
        <v>0</v>
      </c>
      <c r="AN35" s="191">
        <v>18</v>
      </c>
      <c r="AO35" s="191">
        <v>15</v>
      </c>
      <c r="AP35" s="191">
        <v>54</v>
      </c>
      <c r="AQ35" s="191">
        <v>18</v>
      </c>
      <c r="AR35" s="191">
        <v>0</v>
      </c>
      <c r="AS35" s="196">
        <v>105</v>
      </c>
      <c r="AT35" s="195">
        <v>114</v>
      </c>
      <c r="AU35" s="190">
        <v>0</v>
      </c>
      <c r="AV35" s="191">
        <v>0</v>
      </c>
      <c r="AW35" s="196">
        <v>0</v>
      </c>
      <c r="AX35" s="193">
        <v>0</v>
      </c>
      <c r="AY35" s="191">
        <v>8</v>
      </c>
      <c r="AZ35" s="191">
        <v>0</v>
      </c>
      <c r="BA35" s="191">
        <v>0</v>
      </c>
      <c r="BB35" s="191">
        <v>0</v>
      </c>
      <c r="BC35" s="191">
        <v>13</v>
      </c>
      <c r="BD35" s="194">
        <v>21</v>
      </c>
      <c r="BE35" s="195">
        <v>21</v>
      </c>
      <c r="BF35" s="190">
        <v>0</v>
      </c>
      <c r="BG35" s="191">
        <v>0</v>
      </c>
      <c r="BH35" s="196">
        <v>0</v>
      </c>
      <c r="BI35" s="193">
        <v>0</v>
      </c>
      <c r="BJ35" s="191">
        <v>4</v>
      </c>
      <c r="BK35" s="191">
        <v>0</v>
      </c>
      <c r="BL35" s="191">
        <v>3</v>
      </c>
      <c r="BM35" s="191">
        <v>0</v>
      </c>
      <c r="BN35" s="191">
        <v>0</v>
      </c>
      <c r="BO35" s="196">
        <v>7</v>
      </c>
      <c r="BP35" s="195">
        <v>7</v>
      </c>
      <c r="BQ35" s="190">
        <v>0</v>
      </c>
      <c r="BR35" s="191">
        <v>0</v>
      </c>
      <c r="BS35" s="196">
        <v>0</v>
      </c>
      <c r="BT35" s="193">
        <v>0</v>
      </c>
      <c r="BU35" s="191">
        <v>0</v>
      </c>
      <c r="BV35" s="191">
        <v>0</v>
      </c>
      <c r="BW35" s="191">
        <v>9</v>
      </c>
      <c r="BX35" s="191">
        <v>4</v>
      </c>
      <c r="BY35" s="191">
        <v>0</v>
      </c>
      <c r="BZ35" s="196">
        <v>13</v>
      </c>
      <c r="CA35" s="195">
        <v>13</v>
      </c>
      <c r="CB35" s="190">
        <v>0</v>
      </c>
      <c r="CC35" s="191">
        <v>0</v>
      </c>
      <c r="CD35" s="196">
        <v>0</v>
      </c>
      <c r="CE35" s="193">
        <v>0</v>
      </c>
      <c r="CF35" s="191">
        <v>10</v>
      </c>
      <c r="CG35" s="191">
        <v>0</v>
      </c>
      <c r="CH35" s="191">
        <v>0</v>
      </c>
      <c r="CI35" s="191">
        <v>0</v>
      </c>
      <c r="CJ35" s="191">
        <v>0</v>
      </c>
      <c r="CK35" s="196">
        <v>10</v>
      </c>
      <c r="CL35" s="195">
        <v>1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2</v>
      </c>
      <c r="H36" s="191">
        <v>0</v>
      </c>
      <c r="I36" s="191">
        <v>0</v>
      </c>
      <c r="J36" s="191">
        <v>0</v>
      </c>
      <c r="K36" s="191">
        <v>0</v>
      </c>
      <c r="L36" s="194">
        <v>12</v>
      </c>
      <c r="M36" s="195">
        <v>12</v>
      </c>
      <c r="N36" s="190">
        <v>0</v>
      </c>
      <c r="O36" s="191">
        <v>0</v>
      </c>
      <c r="P36" s="196">
        <v>0</v>
      </c>
      <c r="Q36" s="193">
        <v>0</v>
      </c>
      <c r="R36" s="191">
        <v>0</v>
      </c>
      <c r="S36" s="191">
        <v>0</v>
      </c>
      <c r="T36" s="191">
        <v>0</v>
      </c>
      <c r="U36" s="191">
        <v>0</v>
      </c>
      <c r="V36" s="191">
        <v>0</v>
      </c>
      <c r="W36" s="196">
        <v>0</v>
      </c>
      <c r="X36" s="195">
        <v>0</v>
      </c>
      <c r="Y36" s="190">
        <v>0</v>
      </c>
      <c r="Z36" s="191">
        <v>17</v>
      </c>
      <c r="AA36" s="196">
        <v>17</v>
      </c>
      <c r="AB36" s="193">
        <v>0</v>
      </c>
      <c r="AC36" s="191">
        <v>12</v>
      </c>
      <c r="AD36" s="191">
        <v>0</v>
      </c>
      <c r="AE36" s="191">
        <v>0</v>
      </c>
      <c r="AF36" s="191">
        <v>0</v>
      </c>
      <c r="AG36" s="191">
        <v>0</v>
      </c>
      <c r="AH36" s="196">
        <v>12</v>
      </c>
      <c r="AI36" s="195">
        <v>29</v>
      </c>
      <c r="AJ36" s="190">
        <v>0</v>
      </c>
      <c r="AK36" s="191">
        <v>0</v>
      </c>
      <c r="AL36" s="196">
        <v>0</v>
      </c>
      <c r="AM36" s="193">
        <v>0</v>
      </c>
      <c r="AN36" s="191">
        <v>0</v>
      </c>
      <c r="AO36" s="191">
        <v>20</v>
      </c>
      <c r="AP36" s="191">
        <v>0</v>
      </c>
      <c r="AQ36" s="191">
        <v>0</v>
      </c>
      <c r="AR36" s="191">
        <v>0</v>
      </c>
      <c r="AS36" s="196">
        <v>20</v>
      </c>
      <c r="AT36" s="195">
        <v>20</v>
      </c>
      <c r="AU36" s="190">
        <v>0</v>
      </c>
      <c r="AV36" s="191">
        <v>0</v>
      </c>
      <c r="AW36" s="196">
        <v>0</v>
      </c>
      <c r="AX36" s="193">
        <v>0</v>
      </c>
      <c r="AY36" s="191">
        <v>0</v>
      </c>
      <c r="AZ36" s="191">
        <v>7</v>
      </c>
      <c r="BA36" s="191">
        <v>23</v>
      </c>
      <c r="BB36" s="191">
        <v>12</v>
      </c>
      <c r="BC36" s="191">
        <v>0</v>
      </c>
      <c r="BD36" s="194">
        <v>42</v>
      </c>
      <c r="BE36" s="195">
        <v>42</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26</v>
      </c>
      <c r="H37" s="191">
        <v>52</v>
      </c>
      <c r="I37" s="191">
        <v>13</v>
      </c>
      <c r="J37" s="191">
        <v>0</v>
      </c>
      <c r="K37" s="191">
        <v>0</v>
      </c>
      <c r="L37" s="194">
        <v>91</v>
      </c>
      <c r="M37" s="195">
        <v>91</v>
      </c>
      <c r="N37" s="190">
        <v>0</v>
      </c>
      <c r="O37" s="191">
        <v>0</v>
      </c>
      <c r="P37" s="196">
        <v>0</v>
      </c>
      <c r="Q37" s="193">
        <v>0</v>
      </c>
      <c r="R37" s="191">
        <v>0</v>
      </c>
      <c r="S37" s="191">
        <v>0</v>
      </c>
      <c r="T37" s="191">
        <v>0</v>
      </c>
      <c r="U37" s="191">
        <v>0</v>
      </c>
      <c r="V37" s="191">
        <v>0</v>
      </c>
      <c r="W37" s="196">
        <v>0</v>
      </c>
      <c r="X37" s="195">
        <v>0</v>
      </c>
      <c r="Y37" s="190">
        <v>15</v>
      </c>
      <c r="Z37" s="191">
        <v>9</v>
      </c>
      <c r="AA37" s="196">
        <v>24</v>
      </c>
      <c r="AB37" s="193">
        <v>0</v>
      </c>
      <c r="AC37" s="191">
        <v>15</v>
      </c>
      <c r="AD37" s="191">
        <v>28</v>
      </c>
      <c r="AE37" s="191">
        <v>31</v>
      </c>
      <c r="AF37" s="191">
        <v>0</v>
      </c>
      <c r="AG37" s="191">
        <v>4</v>
      </c>
      <c r="AH37" s="196">
        <v>78</v>
      </c>
      <c r="AI37" s="195">
        <v>102</v>
      </c>
      <c r="AJ37" s="190">
        <v>8</v>
      </c>
      <c r="AK37" s="191">
        <v>12</v>
      </c>
      <c r="AL37" s="196">
        <v>20</v>
      </c>
      <c r="AM37" s="193">
        <v>0</v>
      </c>
      <c r="AN37" s="191">
        <v>12</v>
      </c>
      <c r="AO37" s="191">
        <v>24</v>
      </c>
      <c r="AP37" s="191">
        <v>0</v>
      </c>
      <c r="AQ37" s="191">
        <v>0</v>
      </c>
      <c r="AR37" s="191">
        <v>0</v>
      </c>
      <c r="AS37" s="196">
        <v>36</v>
      </c>
      <c r="AT37" s="195">
        <v>56</v>
      </c>
      <c r="AU37" s="190">
        <v>0</v>
      </c>
      <c r="AV37" s="191">
        <v>0</v>
      </c>
      <c r="AW37" s="196">
        <v>0</v>
      </c>
      <c r="AX37" s="193">
        <v>0</v>
      </c>
      <c r="AY37" s="191">
        <v>26</v>
      </c>
      <c r="AZ37" s="191">
        <v>24</v>
      </c>
      <c r="BA37" s="191">
        <v>0</v>
      </c>
      <c r="BB37" s="191">
        <v>0</v>
      </c>
      <c r="BC37" s="191">
        <v>4</v>
      </c>
      <c r="BD37" s="194">
        <v>54</v>
      </c>
      <c r="BE37" s="195">
        <v>54</v>
      </c>
      <c r="BF37" s="190">
        <v>0</v>
      </c>
      <c r="BG37" s="191">
        <v>0</v>
      </c>
      <c r="BH37" s="196">
        <v>0</v>
      </c>
      <c r="BI37" s="193">
        <v>0</v>
      </c>
      <c r="BJ37" s="191">
        <v>15</v>
      </c>
      <c r="BK37" s="191">
        <v>11</v>
      </c>
      <c r="BL37" s="191">
        <v>23</v>
      </c>
      <c r="BM37" s="191">
        <v>0</v>
      </c>
      <c r="BN37" s="191">
        <v>0</v>
      </c>
      <c r="BO37" s="196">
        <v>49</v>
      </c>
      <c r="BP37" s="195">
        <v>49</v>
      </c>
      <c r="BQ37" s="190">
        <v>0</v>
      </c>
      <c r="BR37" s="191">
        <v>0</v>
      </c>
      <c r="BS37" s="196">
        <v>0</v>
      </c>
      <c r="BT37" s="193">
        <v>0</v>
      </c>
      <c r="BU37" s="191">
        <v>0</v>
      </c>
      <c r="BV37" s="191">
        <v>0</v>
      </c>
      <c r="BW37" s="191">
        <v>3</v>
      </c>
      <c r="BX37" s="191">
        <v>0</v>
      </c>
      <c r="BY37" s="191">
        <v>22</v>
      </c>
      <c r="BZ37" s="196">
        <v>25</v>
      </c>
      <c r="CA37" s="195">
        <v>25</v>
      </c>
      <c r="CB37" s="190">
        <v>0</v>
      </c>
      <c r="CC37" s="191">
        <v>5</v>
      </c>
      <c r="CD37" s="196">
        <v>5</v>
      </c>
      <c r="CE37" s="193">
        <v>0</v>
      </c>
      <c r="CF37" s="191">
        <v>0</v>
      </c>
      <c r="CG37" s="191">
        <v>0</v>
      </c>
      <c r="CH37" s="191">
        <v>0</v>
      </c>
      <c r="CI37" s="191">
        <v>0</v>
      </c>
      <c r="CJ37" s="191">
        <v>0</v>
      </c>
      <c r="CK37" s="196">
        <v>0</v>
      </c>
      <c r="CL37" s="195">
        <v>5</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11</v>
      </c>
      <c r="H38" s="191">
        <v>76</v>
      </c>
      <c r="I38" s="191">
        <v>9</v>
      </c>
      <c r="J38" s="191">
        <v>0</v>
      </c>
      <c r="K38" s="191">
        <v>0</v>
      </c>
      <c r="L38" s="194">
        <v>96</v>
      </c>
      <c r="M38" s="195">
        <v>96</v>
      </c>
      <c r="N38" s="190">
        <v>0</v>
      </c>
      <c r="O38" s="191">
        <v>0</v>
      </c>
      <c r="P38" s="196">
        <v>0</v>
      </c>
      <c r="Q38" s="193">
        <v>0</v>
      </c>
      <c r="R38" s="191">
        <v>0</v>
      </c>
      <c r="S38" s="191">
        <v>0</v>
      </c>
      <c r="T38" s="191">
        <v>0</v>
      </c>
      <c r="U38" s="191">
        <v>0</v>
      </c>
      <c r="V38" s="191">
        <v>0</v>
      </c>
      <c r="W38" s="196">
        <v>0</v>
      </c>
      <c r="X38" s="195">
        <v>0</v>
      </c>
      <c r="Y38" s="190">
        <v>4</v>
      </c>
      <c r="Z38" s="191">
        <v>11</v>
      </c>
      <c r="AA38" s="196">
        <v>15</v>
      </c>
      <c r="AB38" s="193">
        <v>0</v>
      </c>
      <c r="AC38" s="191">
        <v>0</v>
      </c>
      <c r="AD38" s="191">
        <v>9</v>
      </c>
      <c r="AE38" s="191">
        <v>0</v>
      </c>
      <c r="AF38" s="191">
        <v>1</v>
      </c>
      <c r="AG38" s="191">
        <v>0</v>
      </c>
      <c r="AH38" s="196">
        <v>10</v>
      </c>
      <c r="AI38" s="195">
        <v>25</v>
      </c>
      <c r="AJ38" s="190">
        <v>0</v>
      </c>
      <c r="AK38" s="191">
        <v>0</v>
      </c>
      <c r="AL38" s="196">
        <v>0</v>
      </c>
      <c r="AM38" s="193">
        <v>0</v>
      </c>
      <c r="AN38" s="191">
        <v>14</v>
      </c>
      <c r="AO38" s="191">
        <v>8</v>
      </c>
      <c r="AP38" s="191">
        <v>0</v>
      </c>
      <c r="AQ38" s="191">
        <v>0</v>
      </c>
      <c r="AR38" s="191">
        <v>0</v>
      </c>
      <c r="AS38" s="196">
        <v>22</v>
      </c>
      <c r="AT38" s="195">
        <v>22</v>
      </c>
      <c r="AU38" s="190">
        <v>0</v>
      </c>
      <c r="AV38" s="191">
        <v>0</v>
      </c>
      <c r="AW38" s="196">
        <v>0</v>
      </c>
      <c r="AX38" s="193">
        <v>0</v>
      </c>
      <c r="AY38" s="191">
        <v>7</v>
      </c>
      <c r="AZ38" s="191">
        <v>34</v>
      </c>
      <c r="BA38" s="191">
        <v>1</v>
      </c>
      <c r="BB38" s="191">
        <v>21</v>
      </c>
      <c r="BC38" s="191">
        <v>0</v>
      </c>
      <c r="BD38" s="194">
        <v>63</v>
      </c>
      <c r="BE38" s="195">
        <v>63</v>
      </c>
      <c r="BF38" s="190">
        <v>0</v>
      </c>
      <c r="BG38" s="191">
        <v>0</v>
      </c>
      <c r="BH38" s="196">
        <v>0</v>
      </c>
      <c r="BI38" s="193">
        <v>0</v>
      </c>
      <c r="BJ38" s="191">
        <v>0</v>
      </c>
      <c r="BK38" s="191">
        <v>0</v>
      </c>
      <c r="BL38" s="191">
        <v>0</v>
      </c>
      <c r="BM38" s="191">
        <v>12</v>
      </c>
      <c r="BN38" s="191">
        <v>0</v>
      </c>
      <c r="BO38" s="196">
        <v>12</v>
      </c>
      <c r="BP38" s="195">
        <v>12</v>
      </c>
      <c r="BQ38" s="190">
        <v>0</v>
      </c>
      <c r="BR38" s="191">
        <v>0</v>
      </c>
      <c r="BS38" s="196">
        <v>0</v>
      </c>
      <c r="BT38" s="193">
        <v>0</v>
      </c>
      <c r="BU38" s="191">
        <v>0</v>
      </c>
      <c r="BV38" s="191">
        <v>19</v>
      </c>
      <c r="BW38" s="191">
        <v>0</v>
      </c>
      <c r="BX38" s="191">
        <v>8</v>
      </c>
      <c r="BY38" s="191">
        <v>0</v>
      </c>
      <c r="BZ38" s="196">
        <v>27</v>
      </c>
      <c r="CA38" s="195">
        <v>27</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4</v>
      </c>
      <c r="L39" s="201">
        <v>24</v>
      </c>
      <c r="M39" s="202">
        <v>24</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24</v>
      </c>
      <c r="AG39" s="198">
        <v>4</v>
      </c>
      <c r="AH39" s="203">
        <v>28</v>
      </c>
      <c r="AI39" s="202">
        <v>28</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4</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2</v>
      </c>
      <c r="CK39" s="203">
        <v>2</v>
      </c>
      <c r="CL39" s="202">
        <v>2</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1">
        <f>第１表!F2</f>
        <v>6</v>
      </c>
      <c r="I1" s="441"/>
      <c r="J1" s="18">
        <f>第１表!G2</f>
        <v>8</v>
      </c>
      <c r="K1" s="445">
        <f>IF(J1&lt;3,J1-2+12,J1-2)</f>
        <v>6</v>
      </c>
      <c r="L1" s="445"/>
    </row>
    <row r="2" spans="2:35" ht="24" customHeight="1" thickBot="1" x14ac:dyDescent="0.25">
      <c r="J2" s="209"/>
      <c r="K2" s="209"/>
      <c r="L2" s="209"/>
      <c r="M2" s="209"/>
      <c r="N2" s="209"/>
      <c r="O2" s="209"/>
      <c r="P2" s="210"/>
      <c r="Q2" s="210"/>
      <c r="R2" s="210"/>
    </row>
    <row r="3" spans="2:35"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75</v>
      </c>
      <c r="D5" s="212">
        <v>315</v>
      </c>
      <c r="E5" s="213">
        <v>490</v>
      </c>
      <c r="F5" s="214">
        <v>0</v>
      </c>
      <c r="G5" s="212">
        <v>19450</v>
      </c>
      <c r="H5" s="212">
        <v>19829</v>
      </c>
      <c r="I5" s="212">
        <v>12996</v>
      </c>
      <c r="J5" s="212">
        <v>8161</v>
      </c>
      <c r="K5" s="212">
        <v>5025</v>
      </c>
      <c r="L5" s="213">
        <v>65461</v>
      </c>
      <c r="M5" s="215">
        <v>65951</v>
      </c>
      <c r="N5" s="216">
        <v>2</v>
      </c>
      <c r="O5" s="212">
        <v>3</v>
      </c>
      <c r="P5" s="213">
        <v>5</v>
      </c>
      <c r="Q5" s="214">
        <v>0</v>
      </c>
      <c r="R5" s="212">
        <v>209</v>
      </c>
      <c r="S5" s="212">
        <v>366</v>
      </c>
      <c r="T5" s="212">
        <v>224</v>
      </c>
      <c r="U5" s="212">
        <v>168</v>
      </c>
      <c r="V5" s="212">
        <v>152</v>
      </c>
      <c r="W5" s="213">
        <v>1119</v>
      </c>
      <c r="X5" s="215">
        <v>1124</v>
      </c>
      <c r="Y5" s="216">
        <v>177</v>
      </c>
      <c r="Z5" s="212">
        <v>318</v>
      </c>
      <c r="AA5" s="213">
        <v>495</v>
      </c>
      <c r="AB5" s="214">
        <v>0</v>
      </c>
      <c r="AC5" s="212">
        <v>19659</v>
      </c>
      <c r="AD5" s="212">
        <v>20195</v>
      </c>
      <c r="AE5" s="212">
        <v>13220</v>
      </c>
      <c r="AF5" s="212">
        <v>8329</v>
      </c>
      <c r="AG5" s="212">
        <v>5177</v>
      </c>
      <c r="AH5" s="213">
        <v>66580</v>
      </c>
      <c r="AI5" s="215">
        <v>67075</v>
      </c>
    </row>
    <row r="6" spans="2:35" ht="21" customHeight="1" x14ac:dyDescent="0.2">
      <c r="B6" s="95" t="s">
        <v>5</v>
      </c>
      <c r="C6" s="217">
        <v>65</v>
      </c>
      <c r="D6" s="218">
        <v>123</v>
      </c>
      <c r="E6" s="219">
        <v>188</v>
      </c>
      <c r="F6" s="220">
        <v>0</v>
      </c>
      <c r="G6" s="218">
        <v>7286</v>
      </c>
      <c r="H6" s="218">
        <v>9446</v>
      </c>
      <c r="I6" s="218">
        <v>5802</v>
      </c>
      <c r="J6" s="218">
        <v>3570</v>
      </c>
      <c r="K6" s="218">
        <v>2308</v>
      </c>
      <c r="L6" s="219">
        <v>28412</v>
      </c>
      <c r="M6" s="221">
        <v>28600</v>
      </c>
      <c r="N6" s="222">
        <v>1</v>
      </c>
      <c r="O6" s="218">
        <v>1</v>
      </c>
      <c r="P6" s="219">
        <v>2</v>
      </c>
      <c r="Q6" s="220">
        <v>0</v>
      </c>
      <c r="R6" s="218">
        <v>72</v>
      </c>
      <c r="S6" s="218">
        <v>182</v>
      </c>
      <c r="T6" s="218">
        <v>111</v>
      </c>
      <c r="U6" s="218">
        <v>89</v>
      </c>
      <c r="V6" s="218">
        <v>79</v>
      </c>
      <c r="W6" s="219">
        <v>533</v>
      </c>
      <c r="X6" s="221">
        <v>535</v>
      </c>
      <c r="Y6" s="222">
        <v>66</v>
      </c>
      <c r="Z6" s="218">
        <v>124</v>
      </c>
      <c r="AA6" s="219">
        <v>190</v>
      </c>
      <c r="AB6" s="220">
        <v>0</v>
      </c>
      <c r="AC6" s="218">
        <v>7358</v>
      </c>
      <c r="AD6" s="218">
        <v>9628</v>
      </c>
      <c r="AE6" s="218">
        <v>5913</v>
      </c>
      <c r="AF6" s="218">
        <v>3659</v>
      </c>
      <c r="AG6" s="218">
        <v>2387</v>
      </c>
      <c r="AH6" s="219">
        <v>28945</v>
      </c>
      <c r="AI6" s="221">
        <v>29135</v>
      </c>
    </row>
    <row r="7" spans="2:35" ht="21" customHeight="1" x14ac:dyDescent="0.2">
      <c r="B7" s="106" t="s">
        <v>6</v>
      </c>
      <c r="C7" s="217">
        <v>28</v>
      </c>
      <c r="D7" s="218">
        <v>44</v>
      </c>
      <c r="E7" s="219">
        <v>72</v>
      </c>
      <c r="F7" s="220">
        <v>0</v>
      </c>
      <c r="G7" s="218">
        <v>2925</v>
      </c>
      <c r="H7" s="218">
        <v>2704</v>
      </c>
      <c r="I7" s="218">
        <v>1940</v>
      </c>
      <c r="J7" s="218">
        <v>1329</v>
      </c>
      <c r="K7" s="218">
        <v>924</v>
      </c>
      <c r="L7" s="219">
        <v>9822</v>
      </c>
      <c r="M7" s="221">
        <v>9894</v>
      </c>
      <c r="N7" s="222">
        <v>0</v>
      </c>
      <c r="O7" s="218">
        <v>0</v>
      </c>
      <c r="P7" s="219">
        <v>0</v>
      </c>
      <c r="Q7" s="220">
        <v>0</v>
      </c>
      <c r="R7" s="218">
        <v>24</v>
      </c>
      <c r="S7" s="218">
        <v>27</v>
      </c>
      <c r="T7" s="218">
        <v>24</v>
      </c>
      <c r="U7" s="218">
        <v>19</v>
      </c>
      <c r="V7" s="218">
        <v>27</v>
      </c>
      <c r="W7" s="219">
        <v>121</v>
      </c>
      <c r="X7" s="221">
        <v>121</v>
      </c>
      <c r="Y7" s="222">
        <v>28</v>
      </c>
      <c r="Z7" s="218">
        <v>44</v>
      </c>
      <c r="AA7" s="219">
        <v>72</v>
      </c>
      <c r="AB7" s="220">
        <v>0</v>
      </c>
      <c r="AC7" s="218">
        <v>2949</v>
      </c>
      <c r="AD7" s="218">
        <v>2731</v>
      </c>
      <c r="AE7" s="218">
        <v>1964</v>
      </c>
      <c r="AF7" s="218">
        <v>1348</v>
      </c>
      <c r="AG7" s="218">
        <v>951</v>
      </c>
      <c r="AH7" s="219">
        <v>9943</v>
      </c>
      <c r="AI7" s="221">
        <v>10015</v>
      </c>
    </row>
    <row r="8" spans="2:35" ht="21" customHeight="1" x14ac:dyDescent="0.2">
      <c r="B8" s="106" t="s">
        <v>14</v>
      </c>
      <c r="C8" s="217">
        <v>17</v>
      </c>
      <c r="D8" s="218">
        <v>25</v>
      </c>
      <c r="E8" s="219">
        <v>42</v>
      </c>
      <c r="F8" s="220">
        <v>0</v>
      </c>
      <c r="G8" s="218">
        <v>1506</v>
      </c>
      <c r="H8" s="218">
        <v>1687</v>
      </c>
      <c r="I8" s="218">
        <v>1179</v>
      </c>
      <c r="J8" s="218">
        <v>670</v>
      </c>
      <c r="K8" s="218">
        <v>336</v>
      </c>
      <c r="L8" s="219">
        <v>5378</v>
      </c>
      <c r="M8" s="221">
        <v>5420</v>
      </c>
      <c r="N8" s="222">
        <v>0</v>
      </c>
      <c r="O8" s="218">
        <v>0</v>
      </c>
      <c r="P8" s="219">
        <v>0</v>
      </c>
      <c r="Q8" s="220">
        <v>0</v>
      </c>
      <c r="R8" s="218">
        <v>10</v>
      </c>
      <c r="S8" s="218">
        <v>38</v>
      </c>
      <c r="T8" s="218">
        <v>17</v>
      </c>
      <c r="U8" s="218">
        <v>10</v>
      </c>
      <c r="V8" s="218">
        <v>8</v>
      </c>
      <c r="W8" s="219">
        <v>83</v>
      </c>
      <c r="X8" s="221">
        <v>83</v>
      </c>
      <c r="Y8" s="222">
        <v>17</v>
      </c>
      <c r="Z8" s="218">
        <v>25</v>
      </c>
      <c r="AA8" s="219">
        <v>42</v>
      </c>
      <c r="AB8" s="220">
        <v>0</v>
      </c>
      <c r="AC8" s="218">
        <v>1516</v>
      </c>
      <c r="AD8" s="218">
        <v>1725</v>
      </c>
      <c r="AE8" s="218">
        <v>1196</v>
      </c>
      <c r="AF8" s="218">
        <v>680</v>
      </c>
      <c r="AG8" s="218">
        <v>344</v>
      </c>
      <c r="AH8" s="219">
        <v>5461</v>
      </c>
      <c r="AI8" s="221">
        <v>5503</v>
      </c>
    </row>
    <row r="9" spans="2:35" ht="21" customHeight="1" x14ac:dyDescent="0.2">
      <c r="B9" s="106" t="s">
        <v>7</v>
      </c>
      <c r="C9" s="217">
        <v>2</v>
      </c>
      <c r="D9" s="218">
        <v>5</v>
      </c>
      <c r="E9" s="219">
        <v>7</v>
      </c>
      <c r="F9" s="220">
        <v>0</v>
      </c>
      <c r="G9" s="218">
        <v>1469</v>
      </c>
      <c r="H9" s="218">
        <v>991</v>
      </c>
      <c r="I9" s="218">
        <v>539</v>
      </c>
      <c r="J9" s="218">
        <v>316</v>
      </c>
      <c r="K9" s="218">
        <v>165</v>
      </c>
      <c r="L9" s="219">
        <v>3480</v>
      </c>
      <c r="M9" s="221">
        <v>3487</v>
      </c>
      <c r="N9" s="222">
        <v>0</v>
      </c>
      <c r="O9" s="218">
        <v>0</v>
      </c>
      <c r="P9" s="219">
        <v>0</v>
      </c>
      <c r="Q9" s="220">
        <v>0</v>
      </c>
      <c r="R9" s="218">
        <v>24</v>
      </c>
      <c r="S9" s="218">
        <v>17</v>
      </c>
      <c r="T9" s="218">
        <v>9</v>
      </c>
      <c r="U9" s="218">
        <v>6</v>
      </c>
      <c r="V9" s="218">
        <v>4</v>
      </c>
      <c r="W9" s="219">
        <v>60</v>
      </c>
      <c r="X9" s="221">
        <v>60</v>
      </c>
      <c r="Y9" s="222">
        <v>2</v>
      </c>
      <c r="Z9" s="218">
        <v>5</v>
      </c>
      <c r="AA9" s="219">
        <v>7</v>
      </c>
      <c r="AB9" s="220">
        <v>0</v>
      </c>
      <c r="AC9" s="218">
        <v>1493</v>
      </c>
      <c r="AD9" s="218">
        <v>1008</v>
      </c>
      <c r="AE9" s="218">
        <v>548</v>
      </c>
      <c r="AF9" s="218">
        <v>322</v>
      </c>
      <c r="AG9" s="218">
        <v>169</v>
      </c>
      <c r="AH9" s="219">
        <v>3540</v>
      </c>
      <c r="AI9" s="221">
        <v>3547</v>
      </c>
    </row>
    <row r="10" spans="2:35" ht="21" customHeight="1" x14ac:dyDescent="0.2">
      <c r="B10" s="106" t="s">
        <v>8</v>
      </c>
      <c r="C10" s="217">
        <v>12</v>
      </c>
      <c r="D10" s="218">
        <v>12</v>
      </c>
      <c r="E10" s="219">
        <v>24</v>
      </c>
      <c r="F10" s="220">
        <v>0</v>
      </c>
      <c r="G10" s="218">
        <v>775</v>
      </c>
      <c r="H10" s="218">
        <v>663</v>
      </c>
      <c r="I10" s="218">
        <v>404</v>
      </c>
      <c r="J10" s="218">
        <v>238</v>
      </c>
      <c r="K10" s="218">
        <v>141</v>
      </c>
      <c r="L10" s="219">
        <v>2221</v>
      </c>
      <c r="M10" s="221">
        <v>2245</v>
      </c>
      <c r="N10" s="222">
        <v>0</v>
      </c>
      <c r="O10" s="218">
        <v>0</v>
      </c>
      <c r="P10" s="219">
        <v>0</v>
      </c>
      <c r="Q10" s="220">
        <v>0</v>
      </c>
      <c r="R10" s="218">
        <v>15</v>
      </c>
      <c r="S10" s="218">
        <v>27</v>
      </c>
      <c r="T10" s="218">
        <v>7</v>
      </c>
      <c r="U10" s="218">
        <v>5</v>
      </c>
      <c r="V10" s="218">
        <v>3</v>
      </c>
      <c r="W10" s="219">
        <v>57</v>
      </c>
      <c r="X10" s="221">
        <v>57</v>
      </c>
      <c r="Y10" s="222">
        <v>12</v>
      </c>
      <c r="Z10" s="218">
        <v>12</v>
      </c>
      <c r="AA10" s="219">
        <v>24</v>
      </c>
      <c r="AB10" s="220">
        <v>0</v>
      </c>
      <c r="AC10" s="218">
        <v>790</v>
      </c>
      <c r="AD10" s="218">
        <v>690</v>
      </c>
      <c r="AE10" s="218">
        <v>411</v>
      </c>
      <c r="AF10" s="218">
        <v>243</v>
      </c>
      <c r="AG10" s="218">
        <v>144</v>
      </c>
      <c r="AH10" s="219">
        <v>2278</v>
      </c>
      <c r="AI10" s="221">
        <v>2302</v>
      </c>
    </row>
    <row r="11" spans="2:35" ht="21" customHeight="1" x14ac:dyDescent="0.2">
      <c r="B11" s="106" t="s">
        <v>9</v>
      </c>
      <c r="C11" s="217">
        <v>5</v>
      </c>
      <c r="D11" s="218">
        <v>7</v>
      </c>
      <c r="E11" s="219">
        <v>12</v>
      </c>
      <c r="F11" s="220">
        <v>0</v>
      </c>
      <c r="G11" s="218">
        <v>528</v>
      </c>
      <c r="H11" s="218">
        <v>372</v>
      </c>
      <c r="I11" s="218">
        <v>273</v>
      </c>
      <c r="J11" s="218">
        <v>208</v>
      </c>
      <c r="K11" s="218">
        <v>100</v>
      </c>
      <c r="L11" s="219">
        <v>1481</v>
      </c>
      <c r="M11" s="221">
        <v>1493</v>
      </c>
      <c r="N11" s="222">
        <v>0</v>
      </c>
      <c r="O11" s="218">
        <v>0</v>
      </c>
      <c r="P11" s="219">
        <v>0</v>
      </c>
      <c r="Q11" s="220">
        <v>0</v>
      </c>
      <c r="R11" s="218">
        <v>14</v>
      </c>
      <c r="S11" s="218">
        <v>11</v>
      </c>
      <c r="T11" s="218">
        <v>6</v>
      </c>
      <c r="U11" s="218">
        <v>5</v>
      </c>
      <c r="V11" s="218">
        <v>2</v>
      </c>
      <c r="W11" s="219">
        <v>38</v>
      </c>
      <c r="X11" s="221">
        <v>38</v>
      </c>
      <c r="Y11" s="222">
        <v>5</v>
      </c>
      <c r="Z11" s="218">
        <v>7</v>
      </c>
      <c r="AA11" s="219">
        <v>12</v>
      </c>
      <c r="AB11" s="220">
        <v>0</v>
      </c>
      <c r="AC11" s="218">
        <v>542</v>
      </c>
      <c r="AD11" s="218">
        <v>383</v>
      </c>
      <c r="AE11" s="218">
        <v>279</v>
      </c>
      <c r="AF11" s="218">
        <v>213</v>
      </c>
      <c r="AG11" s="218">
        <v>102</v>
      </c>
      <c r="AH11" s="219">
        <v>1519</v>
      </c>
      <c r="AI11" s="221">
        <v>1531</v>
      </c>
    </row>
    <row r="12" spans="2:35" ht="21" customHeight="1" x14ac:dyDescent="0.2">
      <c r="B12" s="106" t="s">
        <v>10</v>
      </c>
      <c r="C12" s="217">
        <v>12</v>
      </c>
      <c r="D12" s="218">
        <v>20</v>
      </c>
      <c r="E12" s="219">
        <v>32</v>
      </c>
      <c r="F12" s="220">
        <v>0</v>
      </c>
      <c r="G12" s="218">
        <v>865</v>
      </c>
      <c r="H12" s="218">
        <v>491</v>
      </c>
      <c r="I12" s="218">
        <v>402</v>
      </c>
      <c r="J12" s="218">
        <v>325</v>
      </c>
      <c r="K12" s="218">
        <v>233</v>
      </c>
      <c r="L12" s="219">
        <v>2316</v>
      </c>
      <c r="M12" s="221">
        <v>2348</v>
      </c>
      <c r="N12" s="222">
        <v>0</v>
      </c>
      <c r="O12" s="218">
        <v>1</v>
      </c>
      <c r="P12" s="219">
        <v>1</v>
      </c>
      <c r="Q12" s="220">
        <v>0</v>
      </c>
      <c r="R12" s="218">
        <v>12</v>
      </c>
      <c r="S12" s="218">
        <v>7</v>
      </c>
      <c r="T12" s="218">
        <v>7</v>
      </c>
      <c r="U12" s="218">
        <v>7</v>
      </c>
      <c r="V12" s="218">
        <v>5</v>
      </c>
      <c r="W12" s="219">
        <v>38</v>
      </c>
      <c r="X12" s="221">
        <v>39</v>
      </c>
      <c r="Y12" s="222">
        <v>12</v>
      </c>
      <c r="Z12" s="218">
        <v>21</v>
      </c>
      <c r="AA12" s="219">
        <v>33</v>
      </c>
      <c r="AB12" s="220">
        <v>0</v>
      </c>
      <c r="AC12" s="218">
        <v>877</v>
      </c>
      <c r="AD12" s="218">
        <v>498</v>
      </c>
      <c r="AE12" s="218">
        <v>409</v>
      </c>
      <c r="AF12" s="218">
        <v>332</v>
      </c>
      <c r="AG12" s="218">
        <v>238</v>
      </c>
      <c r="AH12" s="219">
        <v>2354</v>
      </c>
      <c r="AI12" s="221">
        <v>2387</v>
      </c>
    </row>
    <row r="13" spans="2:35" ht="21" customHeight="1" x14ac:dyDescent="0.2">
      <c r="B13" s="106" t="s">
        <v>11</v>
      </c>
      <c r="C13" s="217">
        <v>1</v>
      </c>
      <c r="D13" s="218">
        <v>6</v>
      </c>
      <c r="E13" s="219">
        <v>7</v>
      </c>
      <c r="F13" s="220">
        <v>0</v>
      </c>
      <c r="G13" s="218">
        <v>625</v>
      </c>
      <c r="H13" s="218">
        <v>385</v>
      </c>
      <c r="I13" s="218">
        <v>285</v>
      </c>
      <c r="J13" s="218">
        <v>172</v>
      </c>
      <c r="K13" s="218">
        <v>76</v>
      </c>
      <c r="L13" s="219">
        <v>1543</v>
      </c>
      <c r="M13" s="221">
        <v>1550</v>
      </c>
      <c r="N13" s="222">
        <v>1</v>
      </c>
      <c r="O13" s="218">
        <v>0</v>
      </c>
      <c r="P13" s="219">
        <v>1</v>
      </c>
      <c r="Q13" s="220">
        <v>0</v>
      </c>
      <c r="R13" s="218">
        <v>7</v>
      </c>
      <c r="S13" s="218">
        <v>2</v>
      </c>
      <c r="T13" s="218">
        <v>5</v>
      </c>
      <c r="U13" s="218">
        <v>5</v>
      </c>
      <c r="V13" s="218">
        <v>2</v>
      </c>
      <c r="W13" s="219">
        <v>21</v>
      </c>
      <c r="X13" s="221">
        <v>22</v>
      </c>
      <c r="Y13" s="222">
        <v>2</v>
      </c>
      <c r="Z13" s="218">
        <v>6</v>
      </c>
      <c r="AA13" s="219">
        <v>8</v>
      </c>
      <c r="AB13" s="220">
        <v>0</v>
      </c>
      <c r="AC13" s="218">
        <v>632</v>
      </c>
      <c r="AD13" s="218">
        <v>387</v>
      </c>
      <c r="AE13" s="218">
        <v>290</v>
      </c>
      <c r="AF13" s="218">
        <v>177</v>
      </c>
      <c r="AG13" s="218">
        <v>78</v>
      </c>
      <c r="AH13" s="219">
        <v>1564</v>
      </c>
      <c r="AI13" s="221">
        <v>1572</v>
      </c>
    </row>
    <row r="14" spans="2:35" ht="21" customHeight="1" x14ac:dyDescent="0.2">
      <c r="B14" s="106" t="s">
        <v>12</v>
      </c>
      <c r="C14" s="217">
        <v>0</v>
      </c>
      <c r="D14" s="218">
        <v>1</v>
      </c>
      <c r="E14" s="219">
        <v>1</v>
      </c>
      <c r="F14" s="220">
        <v>0</v>
      </c>
      <c r="G14" s="218">
        <v>457</v>
      </c>
      <c r="H14" s="218">
        <v>347</v>
      </c>
      <c r="I14" s="218">
        <v>276</v>
      </c>
      <c r="J14" s="218">
        <v>190</v>
      </c>
      <c r="K14" s="218">
        <v>118</v>
      </c>
      <c r="L14" s="219">
        <v>1388</v>
      </c>
      <c r="M14" s="221">
        <v>1389</v>
      </c>
      <c r="N14" s="222">
        <v>0</v>
      </c>
      <c r="O14" s="218">
        <v>0</v>
      </c>
      <c r="P14" s="219">
        <v>0</v>
      </c>
      <c r="Q14" s="220">
        <v>0</v>
      </c>
      <c r="R14" s="218">
        <v>5</v>
      </c>
      <c r="S14" s="218">
        <v>8</v>
      </c>
      <c r="T14" s="218">
        <v>3</v>
      </c>
      <c r="U14" s="218">
        <v>1</v>
      </c>
      <c r="V14" s="218">
        <v>3</v>
      </c>
      <c r="W14" s="219">
        <v>20</v>
      </c>
      <c r="X14" s="221">
        <v>20</v>
      </c>
      <c r="Y14" s="222">
        <v>0</v>
      </c>
      <c r="Z14" s="218">
        <v>1</v>
      </c>
      <c r="AA14" s="219">
        <v>1</v>
      </c>
      <c r="AB14" s="220">
        <v>0</v>
      </c>
      <c r="AC14" s="218">
        <v>462</v>
      </c>
      <c r="AD14" s="218">
        <v>355</v>
      </c>
      <c r="AE14" s="218">
        <v>279</v>
      </c>
      <c r="AF14" s="218">
        <v>191</v>
      </c>
      <c r="AG14" s="218">
        <v>121</v>
      </c>
      <c r="AH14" s="219">
        <v>1408</v>
      </c>
      <c r="AI14" s="221">
        <v>1409</v>
      </c>
    </row>
    <row r="15" spans="2:35" ht="21" customHeight="1" x14ac:dyDescent="0.2">
      <c r="B15" s="106" t="s">
        <v>13</v>
      </c>
      <c r="C15" s="217">
        <v>3</v>
      </c>
      <c r="D15" s="218">
        <v>1</v>
      </c>
      <c r="E15" s="219">
        <v>4</v>
      </c>
      <c r="F15" s="220">
        <v>0</v>
      </c>
      <c r="G15" s="218">
        <v>198</v>
      </c>
      <c r="H15" s="218">
        <v>193</v>
      </c>
      <c r="I15" s="218">
        <v>103</v>
      </c>
      <c r="J15" s="218">
        <v>74</v>
      </c>
      <c r="K15" s="218">
        <v>42</v>
      </c>
      <c r="L15" s="219">
        <v>610</v>
      </c>
      <c r="M15" s="221">
        <v>614</v>
      </c>
      <c r="N15" s="222">
        <v>0</v>
      </c>
      <c r="O15" s="218">
        <v>0</v>
      </c>
      <c r="P15" s="219">
        <v>0</v>
      </c>
      <c r="Q15" s="220">
        <v>0</v>
      </c>
      <c r="R15" s="218">
        <v>1</v>
      </c>
      <c r="S15" s="218">
        <v>2</v>
      </c>
      <c r="T15" s="218">
        <v>3</v>
      </c>
      <c r="U15" s="218">
        <v>0</v>
      </c>
      <c r="V15" s="218">
        <v>0</v>
      </c>
      <c r="W15" s="219">
        <v>6</v>
      </c>
      <c r="X15" s="221">
        <v>6</v>
      </c>
      <c r="Y15" s="222">
        <v>3</v>
      </c>
      <c r="Z15" s="218">
        <v>1</v>
      </c>
      <c r="AA15" s="219">
        <v>4</v>
      </c>
      <c r="AB15" s="220">
        <v>0</v>
      </c>
      <c r="AC15" s="218">
        <v>199</v>
      </c>
      <c r="AD15" s="218">
        <v>195</v>
      </c>
      <c r="AE15" s="218">
        <v>106</v>
      </c>
      <c r="AF15" s="218">
        <v>74</v>
      </c>
      <c r="AG15" s="218">
        <v>42</v>
      </c>
      <c r="AH15" s="219">
        <v>616</v>
      </c>
      <c r="AI15" s="221">
        <v>620</v>
      </c>
    </row>
    <row r="16" spans="2:35" ht="21" customHeight="1" x14ac:dyDescent="0.2">
      <c r="B16" s="106" t="s">
        <v>15</v>
      </c>
      <c r="C16" s="217">
        <v>2</v>
      </c>
      <c r="D16" s="218">
        <v>13</v>
      </c>
      <c r="E16" s="219">
        <v>15</v>
      </c>
      <c r="F16" s="220">
        <v>0</v>
      </c>
      <c r="G16" s="218">
        <v>264</v>
      </c>
      <c r="H16" s="218">
        <v>272</v>
      </c>
      <c r="I16" s="218">
        <v>144</v>
      </c>
      <c r="J16" s="218">
        <v>79</v>
      </c>
      <c r="K16" s="218">
        <v>57</v>
      </c>
      <c r="L16" s="219">
        <v>816</v>
      </c>
      <c r="M16" s="221">
        <v>831</v>
      </c>
      <c r="N16" s="222">
        <v>0</v>
      </c>
      <c r="O16" s="218">
        <v>1</v>
      </c>
      <c r="P16" s="219">
        <v>1</v>
      </c>
      <c r="Q16" s="220">
        <v>0</v>
      </c>
      <c r="R16" s="218">
        <v>4</v>
      </c>
      <c r="S16" s="218">
        <v>5</v>
      </c>
      <c r="T16" s="218">
        <v>1</v>
      </c>
      <c r="U16" s="218">
        <v>0</v>
      </c>
      <c r="V16" s="218">
        <v>0</v>
      </c>
      <c r="W16" s="219">
        <v>10</v>
      </c>
      <c r="X16" s="221">
        <v>11</v>
      </c>
      <c r="Y16" s="222">
        <v>2</v>
      </c>
      <c r="Z16" s="218">
        <v>14</v>
      </c>
      <c r="AA16" s="219">
        <v>16</v>
      </c>
      <c r="AB16" s="220">
        <v>0</v>
      </c>
      <c r="AC16" s="218">
        <v>268</v>
      </c>
      <c r="AD16" s="218">
        <v>277</v>
      </c>
      <c r="AE16" s="218">
        <v>145</v>
      </c>
      <c r="AF16" s="218">
        <v>79</v>
      </c>
      <c r="AG16" s="218">
        <v>57</v>
      </c>
      <c r="AH16" s="219">
        <v>826</v>
      </c>
      <c r="AI16" s="221">
        <v>842</v>
      </c>
    </row>
    <row r="17" spans="2:35" ht="21" customHeight="1" x14ac:dyDescent="0.2">
      <c r="B17" s="106" t="s">
        <v>16</v>
      </c>
      <c r="C17" s="217">
        <v>3</v>
      </c>
      <c r="D17" s="218">
        <v>4</v>
      </c>
      <c r="E17" s="219">
        <v>7</v>
      </c>
      <c r="F17" s="220">
        <v>0</v>
      </c>
      <c r="G17" s="218">
        <v>201</v>
      </c>
      <c r="H17" s="218">
        <v>298</v>
      </c>
      <c r="I17" s="218">
        <v>177</v>
      </c>
      <c r="J17" s="218">
        <v>124</v>
      </c>
      <c r="K17" s="218">
        <v>69</v>
      </c>
      <c r="L17" s="219">
        <v>869</v>
      </c>
      <c r="M17" s="221">
        <v>876</v>
      </c>
      <c r="N17" s="222">
        <v>0</v>
      </c>
      <c r="O17" s="218">
        <v>0</v>
      </c>
      <c r="P17" s="219">
        <v>0</v>
      </c>
      <c r="Q17" s="220">
        <v>0</v>
      </c>
      <c r="R17" s="218">
        <v>3</v>
      </c>
      <c r="S17" s="218">
        <v>2</v>
      </c>
      <c r="T17" s="218">
        <v>6</v>
      </c>
      <c r="U17" s="218">
        <v>2</v>
      </c>
      <c r="V17" s="218">
        <v>1</v>
      </c>
      <c r="W17" s="219">
        <v>14</v>
      </c>
      <c r="X17" s="221">
        <v>14</v>
      </c>
      <c r="Y17" s="222">
        <v>3</v>
      </c>
      <c r="Z17" s="218">
        <v>4</v>
      </c>
      <c r="AA17" s="219">
        <v>7</v>
      </c>
      <c r="AB17" s="220">
        <v>0</v>
      </c>
      <c r="AC17" s="218">
        <v>204</v>
      </c>
      <c r="AD17" s="218">
        <v>300</v>
      </c>
      <c r="AE17" s="218">
        <v>183</v>
      </c>
      <c r="AF17" s="218">
        <v>126</v>
      </c>
      <c r="AG17" s="218">
        <v>70</v>
      </c>
      <c r="AH17" s="219">
        <v>883</v>
      </c>
      <c r="AI17" s="221">
        <v>890</v>
      </c>
    </row>
    <row r="18" spans="2:35" ht="21" customHeight="1" x14ac:dyDescent="0.2">
      <c r="B18" s="106" t="s">
        <v>17</v>
      </c>
      <c r="C18" s="217">
        <v>6</v>
      </c>
      <c r="D18" s="218">
        <v>7</v>
      </c>
      <c r="E18" s="219">
        <v>13</v>
      </c>
      <c r="F18" s="220">
        <v>0</v>
      </c>
      <c r="G18" s="218">
        <v>321</v>
      </c>
      <c r="H18" s="218">
        <v>418</v>
      </c>
      <c r="I18" s="218">
        <v>318</v>
      </c>
      <c r="J18" s="218">
        <v>207</v>
      </c>
      <c r="K18" s="218">
        <v>107</v>
      </c>
      <c r="L18" s="219">
        <v>1371</v>
      </c>
      <c r="M18" s="221">
        <v>1384</v>
      </c>
      <c r="N18" s="222">
        <v>0</v>
      </c>
      <c r="O18" s="218">
        <v>0</v>
      </c>
      <c r="P18" s="219">
        <v>0</v>
      </c>
      <c r="Q18" s="220">
        <v>0</v>
      </c>
      <c r="R18" s="218">
        <v>4</v>
      </c>
      <c r="S18" s="218">
        <v>14</v>
      </c>
      <c r="T18" s="218">
        <v>4</v>
      </c>
      <c r="U18" s="218">
        <v>7</v>
      </c>
      <c r="V18" s="218">
        <v>6</v>
      </c>
      <c r="W18" s="219">
        <v>35</v>
      </c>
      <c r="X18" s="221">
        <v>35</v>
      </c>
      <c r="Y18" s="222">
        <v>6</v>
      </c>
      <c r="Z18" s="218">
        <v>7</v>
      </c>
      <c r="AA18" s="219">
        <v>13</v>
      </c>
      <c r="AB18" s="220">
        <v>0</v>
      </c>
      <c r="AC18" s="218">
        <v>325</v>
      </c>
      <c r="AD18" s="218">
        <v>432</v>
      </c>
      <c r="AE18" s="218">
        <v>322</v>
      </c>
      <c r="AF18" s="218">
        <v>214</v>
      </c>
      <c r="AG18" s="218">
        <v>113</v>
      </c>
      <c r="AH18" s="219">
        <v>1406</v>
      </c>
      <c r="AI18" s="221">
        <v>1419</v>
      </c>
    </row>
    <row r="19" spans="2:35" ht="21" customHeight="1" x14ac:dyDescent="0.2">
      <c r="B19" s="106" t="s">
        <v>18</v>
      </c>
      <c r="C19" s="217">
        <v>5</v>
      </c>
      <c r="D19" s="218">
        <v>22</v>
      </c>
      <c r="E19" s="219">
        <v>27</v>
      </c>
      <c r="F19" s="220">
        <v>0</v>
      </c>
      <c r="G19" s="218">
        <v>402</v>
      </c>
      <c r="H19" s="218">
        <v>324</v>
      </c>
      <c r="I19" s="218">
        <v>273</v>
      </c>
      <c r="J19" s="218">
        <v>171</v>
      </c>
      <c r="K19" s="218">
        <v>87</v>
      </c>
      <c r="L19" s="219">
        <v>1257</v>
      </c>
      <c r="M19" s="221">
        <v>1284</v>
      </c>
      <c r="N19" s="222">
        <v>0</v>
      </c>
      <c r="O19" s="218">
        <v>0</v>
      </c>
      <c r="P19" s="219">
        <v>0</v>
      </c>
      <c r="Q19" s="220">
        <v>0</v>
      </c>
      <c r="R19" s="218">
        <v>3</v>
      </c>
      <c r="S19" s="218">
        <v>6</v>
      </c>
      <c r="T19" s="218">
        <v>3</v>
      </c>
      <c r="U19" s="218">
        <v>7</v>
      </c>
      <c r="V19" s="218">
        <v>4</v>
      </c>
      <c r="W19" s="219">
        <v>23</v>
      </c>
      <c r="X19" s="221">
        <v>23</v>
      </c>
      <c r="Y19" s="222">
        <v>5</v>
      </c>
      <c r="Z19" s="218">
        <v>22</v>
      </c>
      <c r="AA19" s="219">
        <v>27</v>
      </c>
      <c r="AB19" s="220">
        <v>0</v>
      </c>
      <c r="AC19" s="218">
        <v>405</v>
      </c>
      <c r="AD19" s="218">
        <v>330</v>
      </c>
      <c r="AE19" s="218">
        <v>276</v>
      </c>
      <c r="AF19" s="218">
        <v>178</v>
      </c>
      <c r="AG19" s="218">
        <v>91</v>
      </c>
      <c r="AH19" s="219">
        <v>1280</v>
      </c>
      <c r="AI19" s="221">
        <v>1307</v>
      </c>
    </row>
    <row r="20" spans="2:35" ht="21" customHeight="1" x14ac:dyDescent="0.2">
      <c r="B20" s="106" t="s">
        <v>19</v>
      </c>
      <c r="C20" s="217">
        <v>2</v>
      </c>
      <c r="D20" s="218">
        <v>1</v>
      </c>
      <c r="E20" s="219">
        <v>3</v>
      </c>
      <c r="F20" s="220">
        <v>0</v>
      </c>
      <c r="G20" s="218">
        <v>195</v>
      </c>
      <c r="H20" s="218">
        <v>185</v>
      </c>
      <c r="I20" s="218">
        <v>131</v>
      </c>
      <c r="J20" s="218">
        <v>63</v>
      </c>
      <c r="K20" s="218">
        <v>49</v>
      </c>
      <c r="L20" s="219">
        <v>623</v>
      </c>
      <c r="M20" s="221">
        <v>626</v>
      </c>
      <c r="N20" s="222">
        <v>0</v>
      </c>
      <c r="O20" s="218">
        <v>0</v>
      </c>
      <c r="P20" s="219">
        <v>0</v>
      </c>
      <c r="Q20" s="220">
        <v>0</v>
      </c>
      <c r="R20" s="218">
        <v>1</v>
      </c>
      <c r="S20" s="218">
        <v>2</v>
      </c>
      <c r="T20" s="218">
        <v>0</v>
      </c>
      <c r="U20" s="218">
        <v>3</v>
      </c>
      <c r="V20" s="218">
        <v>1</v>
      </c>
      <c r="W20" s="219">
        <v>7</v>
      </c>
      <c r="X20" s="221">
        <v>7</v>
      </c>
      <c r="Y20" s="222">
        <v>2</v>
      </c>
      <c r="Z20" s="218">
        <v>1</v>
      </c>
      <c r="AA20" s="219">
        <v>3</v>
      </c>
      <c r="AB20" s="220">
        <v>0</v>
      </c>
      <c r="AC20" s="218">
        <v>196</v>
      </c>
      <c r="AD20" s="218">
        <v>187</v>
      </c>
      <c r="AE20" s="218">
        <v>131</v>
      </c>
      <c r="AF20" s="218">
        <v>66</v>
      </c>
      <c r="AG20" s="218">
        <v>50</v>
      </c>
      <c r="AH20" s="219">
        <v>630</v>
      </c>
      <c r="AI20" s="221">
        <v>633</v>
      </c>
    </row>
    <row r="21" spans="2:35" ht="21" customHeight="1" x14ac:dyDescent="0.2">
      <c r="B21" s="106" t="s">
        <v>20</v>
      </c>
      <c r="C21" s="217">
        <v>0</v>
      </c>
      <c r="D21" s="218">
        <v>1</v>
      </c>
      <c r="E21" s="219">
        <v>1</v>
      </c>
      <c r="F21" s="220">
        <v>0</v>
      </c>
      <c r="G21" s="218">
        <v>244</v>
      </c>
      <c r="H21" s="218">
        <v>143</v>
      </c>
      <c r="I21" s="218">
        <v>120</v>
      </c>
      <c r="J21" s="218">
        <v>41</v>
      </c>
      <c r="K21" s="218">
        <v>31</v>
      </c>
      <c r="L21" s="219">
        <v>579</v>
      </c>
      <c r="M21" s="221">
        <v>580</v>
      </c>
      <c r="N21" s="222">
        <v>0</v>
      </c>
      <c r="O21" s="218">
        <v>0</v>
      </c>
      <c r="P21" s="219">
        <v>0</v>
      </c>
      <c r="Q21" s="220">
        <v>0</v>
      </c>
      <c r="R21" s="218">
        <v>5</v>
      </c>
      <c r="S21" s="218">
        <v>2</v>
      </c>
      <c r="T21" s="218">
        <v>4</v>
      </c>
      <c r="U21" s="218">
        <v>0</v>
      </c>
      <c r="V21" s="218">
        <v>2</v>
      </c>
      <c r="W21" s="219">
        <v>13</v>
      </c>
      <c r="X21" s="221">
        <v>13</v>
      </c>
      <c r="Y21" s="222">
        <v>0</v>
      </c>
      <c r="Z21" s="218">
        <v>1</v>
      </c>
      <c r="AA21" s="219">
        <v>1</v>
      </c>
      <c r="AB21" s="220">
        <v>0</v>
      </c>
      <c r="AC21" s="218">
        <v>249</v>
      </c>
      <c r="AD21" s="218">
        <v>145</v>
      </c>
      <c r="AE21" s="218">
        <v>124</v>
      </c>
      <c r="AF21" s="218">
        <v>41</v>
      </c>
      <c r="AG21" s="218">
        <v>33</v>
      </c>
      <c r="AH21" s="219">
        <v>592</v>
      </c>
      <c r="AI21" s="221">
        <v>593</v>
      </c>
    </row>
    <row r="22" spans="2:35" ht="21" customHeight="1" x14ac:dyDescent="0.2">
      <c r="B22" s="106" t="s">
        <v>21</v>
      </c>
      <c r="C22" s="217">
        <v>0</v>
      </c>
      <c r="D22" s="218">
        <v>0</v>
      </c>
      <c r="E22" s="219">
        <v>0</v>
      </c>
      <c r="F22" s="220">
        <v>0</v>
      </c>
      <c r="G22" s="218">
        <v>253</v>
      </c>
      <c r="H22" s="218">
        <v>204</v>
      </c>
      <c r="I22" s="218">
        <v>110</v>
      </c>
      <c r="J22" s="218">
        <v>58</v>
      </c>
      <c r="K22" s="218">
        <v>27</v>
      </c>
      <c r="L22" s="219">
        <v>652</v>
      </c>
      <c r="M22" s="221">
        <v>652</v>
      </c>
      <c r="N22" s="222">
        <v>0</v>
      </c>
      <c r="O22" s="218">
        <v>0</v>
      </c>
      <c r="P22" s="219">
        <v>0</v>
      </c>
      <c r="Q22" s="220">
        <v>0</v>
      </c>
      <c r="R22" s="218">
        <v>1</v>
      </c>
      <c r="S22" s="218">
        <v>6</v>
      </c>
      <c r="T22" s="218">
        <v>6</v>
      </c>
      <c r="U22" s="218">
        <v>0</v>
      </c>
      <c r="V22" s="218">
        <v>2</v>
      </c>
      <c r="W22" s="219">
        <v>15</v>
      </c>
      <c r="X22" s="221">
        <v>15</v>
      </c>
      <c r="Y22" s="222">
        <v>0</v>
      </c>
      <c r="Z22" s="218">
        <v>0</v>
      </c>
      <c r="AA22" s="219">
        <v>0</v>
      </c>
      <c r="AB22" s="220">
        <v>0</v>
      </c>
      <c r="AC22" s="218">
        <v>254</v>
      </c>
      <c r="AD22" s="218">
        <v>210</v>
      </c>
      <c r="AE22" s="218">
        <v>116</v>
      </c>
      <c r="AF22" s="218">
        <v>58</v>
      </c>
      <c r="AG22" s="218">
        <v>29</v>
      </c>
      <c r="AH22" s="219">
        <v>667</v>
      </c>
      <c r="AI22" s="221">
        <v>667</v>
      </c>
    </row>
    <row r="23" spans="2:35" ht="21" customHeight="1" x14ac:dyDescent="0.2">
      <c r="B23" s="106" t="s">
        <v>22</v>
      </c>
      <c r="C23" s="217">
        <v>4</v>
      </c>
      <c r="D23" s="218">
        <v>6</v>
      </c>
      <c r="E23" s="219">
        <v>10</v>
      </c>
      <c r="F23" s="220">
        <v>0</v>
      </c>
      <c r="G23" s="218">
        <v>166</v>
      </c>
      <c r="H23" s="218">
        <v>152</v>
      </c>
      <c r="I23" s="218">
        <v>98</v>
      </c>
      <c r="J23" s="218">
        <v>66</v>
      </c>
      <c r="K23" s="218">
        <v>29</v>
      </c>
      <c r="L23" s="219">
        <v>511</v>
      </c>
      <c r="M23" s="221">
        <v>521</v>
      </c>
      <c r="N23" s="222">
        <v>0</v>
      </c>
      <c r="O23" s="218">
        <v>0</v>
      </c>
      <c r="P23" s="219">
        <v>0</v>
      </c>
      <c r="Q23" s="220">
        <v>0</v>
      </c>
      <c r="R23" s="218">
        <v>1</v>
      </c>
      <c r="S23" s="218">
        <v>1</v>
      </c>
      <c r="T23" s="218">
        <v>1</v>
      </c>
      <c r="U23" s="218">
        <v>0</v>
      </c>
      <c r="V23" s="218">
        <v>0</v>
      </c>
      <c r="W23" s="219">
        <v>3</v>
      </c>
      <c r="X23" s="221">
        <v>3</v>
      </c>
      <c r="Y23" s="222">
        <v>4</v>
      </c>
      <c r="Z23" s="218">
        <v>6</v>
      </c>
      <c r="AA23" s="219">
        <v>10</v>
      </c>
      <c r="AB23" s="220">
        <v>0</v>
      </c>
      <c r="AC23" s="218">
        <v>167</v>
      </c>
      <c r="AD23" s="218">
        <v>153</v>
      </c>
      <c r="AE23" s="218">
        <v>99</v>
      </c>
      <c r="AF23" s="218">
        <v>66</v>
      </c>
      <c r="AG23" s="218">
        <v>29</v>
      </c>
      <c r="AH23" s="219">
        <v>514</v>
      </c>
      <c r="AI23" s="221">
        <v>524</v>
      </c>
    </row>
    <row r="24" spans="2:35" ht="21" customHeight="1" x14ac:dyDescent="0.2">
      <c r="B24" s="106" t="s">
        <v>23</v>
      </c>
      <c r="C24" s="217">
        <v>0</v>
      </c>
      <c r="D24" s="218">
        <v>0</v>
      </c>
      <c r="E24" s="219">
        <v>0</v>
      </c>
      <c r="F24" s="220">
        <v>0</v>
      </c>
      <c r="G24" s="218">
        <v>115</v>
      </c>
      <c r="H24" s="218">
        <v>84</v>
      </c>
      <c r="I24" s="218">
        <v>62</v>
      </c>
      <c r="J24" s="218">
        <v>42</v>
      </c>
      <c r="K24" s="218">
        <v>16</v>
      </c>
      <c r="L24" s="219">
        <v>319</v>
      </c>
      <c r="M24" s="221">
        <v>319</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16</v>
      </c>
      <c r="AD24" s="218">
        <v>85</v>
      </c>
      <c r="AE24" s="218">
        <v>63</v>
      </c>
      <c r="AF24" s="218">
        <v>42</v>
      </c>
      <c r="AG24" s="218">
        <v>16</v>
      </c>
      <c r="AH24" s="219">
        <v>322</v>
      </c>
      <c r="AI24" s="221">
        <v>322</v>
      </c>
    </row>
    <row r="25" spans="2:35" ht="21" customHeight="1" x14ac:dyDescent="0.2">
      <c r="B25" s="106" t="s">
        <v>24</v>
      </c>
      <c r="C25" s="217">
        <v>2</v>
      </c>
      <c r="D25" s="218">
        <v>3</v>
      </c>
      <c r="E25" s="219">
        <v>5</v>
      </c>
      <c r="F25" s="220">
        <v>0</v>
      </c>
      <c r="G25" s="218">
        <v>40</v>
      </c>
      <c r="H25" s="218">
        <v>37</v>
      </c>
      <c r="I25" s="218">
        <v>29</v>
      </c>
      <c r="J25" s="218">
        <v>20</v>
      </c>
      <c r="K25" s="218">
        <v>5</v>
      </c>
      <c r="L25" s="219">
        <v>131</v>
      </c>
      <c r="M25" s="221">
        <v>136</v>
      </c>
      <c r="N25" s="222">
        <v>0</v>
      </c>
      <c r="O25" s="218">
        <v>0</v>
      </c>
      <c r="P25" s="219">
        <v>0</v>
      </c>
      <c r="Q25" s="220">
        <v>0</v>
      </c>
      <c r="R25" s="218">
        <v>0</v>
      </c>
      <c r="S25" s="218">
        <v>1</v>
      </c>
      <c r="T25" s="218">
        <v>0</v>
      </c>
      <c r="U25" s="218">
        <v>1</v>
      </c>
      <c r="V25" s="218">
        <v>0</v>
      </c>
      <c r="W25" s="219">
        <v>2</v>
      </c>
      <c r="X25" s="221">
        <v>2</v>
      </c>
      <c r="Y25" s="222">
        <v>2</v>
      </c>
      <c r="Z25" s="218">
        <v>3</v>
      </c>
      <c r="AA25" s="219">
        <v>5</v>
      </c>
      <c r="AB25" s="220">
        <v>0</v>
      </c>
      <c r="AC25" s="218">
        <v>40</v>
      </c>
      <c r="AD25" s="218">
        <v>38</v>
      </c>
      <c r="AE25" s="218">
        <v>29</v>
      </c>
      <c r="AF25" s="218">
        <v>21</v>
      </c>
      <c r="AG25" s="218">
        <v>5</v>
      </c>
      <c r="AH25" s="219">
        <v>133</v>
      </c>
      <c r="AI25" s="221">
        <v>138</v>
      </c>
    </row>
    <row r="26" spans="2:35" ht="21" customHeight="1" x14ac:dyDescent="0.2">
      <c r="B26" s="106" t="s">
        <v>25</v>
      </c>
      <c r="C26" s="217">
        <v>2</v>
      </c>
      <c r="D26" s="218">
        <v>1</v>
      </c>
      <c r="E26" s="219">
        <v>3</v>
      </c>
      <c r="F26" s="220">
        <v>0</v>
      </c>
      <c r="G26" s="218">
        <v>91</v>
      </c>
      <c r="H26" s="218">
        <v>47</v>
      </c>
      <c r="I26" s="218">
        <v>30</v>
      </c>
      <c r="J26" s="218">
        <v>17</v>
      </c>
      <c r="K26" s="218">
        <v>4</v>
      </c>
      <c r="L26" s="219">
        <v>189</v>
      </c>
      <c r="M26" s="221">
        <v>192</v>
      </c>
      <c r="N26" s="222">
        <v>0</v>
      </c>
      <c r="O26" s="218">
        <v>0</v>
      </c>
      <c r="P26" s="219">
        <v>0</v>
      </c>
      <c r="Q26" s="220">
        <v>0</v>
      </c>
      <c r="R26" s="218">
        <v>0</v>
      </c>
      <c r="S26" s="218">
        <v>1</v>
      </c>
      <c r="T26" s="218">
        <v>2</v>
      </c>
      <c r="U26" s="218">
        <v>0</v>
      </c>
      <c r="V26" s="218">
        <v>0</v>
      </c>
      <c r="W26" s="219">
        <v>3</v>
      </c>
      <c r="X26" s="221">
        <v>3</v>
      </c>
      <c r="Y26" s="222">
        <v>2</v>
      </c>
      <c r="Z26" s="218">
        <v>1</v>
      </c>
      <c r="AA26" s="219">
        <v>3</v>
      </c>
      <c r="AB26" s="220">
        <v>0</v>
      </c>
      <c r="AC26" s="218">
        <v>91</v>
      </c>
      <c r="AD26" s="218">
        <v>48</v>
      </c>
      <c r="AE26" s="218">
        <v>32</v>
      </c>
      <c r="AF26" s="218">
        <v>17</v>
      </c>
      <c r="AG26" s="218">
        <v>4</v>
      </c>
      <c r="AH26" s="219">
        <v>192</v>
      </c>
      <c r="AI26" s="221">
        <v>195</v>
      </c>
    </row>
    <row r="27" spans="2:35" ht="21" customHeight="1" x14ac:dyDescent="0.2">
      <c r="B27" s="106" t="s">
        <v>26</v>
      </c>
      <c r="C27" s="217">
        <v>0</v>
      </c>
      <c r="D27" s="218">
        <v>0</v>
      </c>
      <c r="E27" s="219">
        <v>0</v>
      </c>
      <c r="F27" s="220">
        <v>0</v>
      </c>
      <c r="G27" s="218">
        <v>57</v>
      </c>
      <c r="H27" s="218">
        <v>58</v>
      </c>
      <c r="I27" s="218">
        <v>43</v>
      </c>
      <c r="J27" s="218">
        <v>21</v>
      </c>
      <c r="K27" s="218">
        <v>10</v>
      </c>
      <c r="L27" s="219">
        <v>189</v>
      </c>
      <c r="M27" s="221">
        <v>189</v>
      </c>
      <c r="N27" s="222">
        <v>0</v>
      </c>
      <c r="O27" s="218">
        <v>0</v>
      </c>
      <c r="P27" s="219">
        <v>0</v>
      </c>
      <c r="Q27" s="220">
        <v>0</v>
      </c>
      <c r="R27" s="218">
        <v>0</v>
      </c>
      <c r="S27" s="218">
        <v>0</v>
      </c>
      <c r="T27" s="218">
        <v>0</v>
      </c>
      <c r="U27" s="218">
        <v>0</v>
      </c>
      <c r="V27" s="218">
        <v>0</v>
      </c>
      <c r="W27" s="219">
        <v>0</v>
      </c>
      <c r="X27" s="221">
        <v>0</v>
      </c>
      <c r="Y27" s="222">
        <v>0</v>
      </c>
      <c r="Z27" s="218">
        <v>0</v>
      </c>
      <c r="AA27" s="219">
        <v>0</v>
      </c>
      <c r="AB27" s="220">
        <v>0</v>
      </c>
      <c r="AC27" s="218">
        <v>57</v>
      </c>
      <c r="AD27" s="218">
        <v>58</v>
      </c>
      <c r="AE27" s="218">
        <v>43</v>
      </c>
      <c r="AF27" s="218">
        <v>21</v>
      </c>
      <c r="AG27" s="218">
        <v>10</v>
      </c>
      <c r="AH27" s="219">
        <v>189</v>
      </c>
      <c r="AI27" s="221">
        <v>189</v>
      </c>
    </row>
    <row r="28" spans="2:35" ht="21" customHeight="1" x14ac:dyDescent="0.2">
      <c r="B28" s="106" t="s">
        <v>27</v>
      </c>
      <c r="C28" s="217">
        <v>0</v>
      </c>
      <c r="D28" s="218">
        <v>0</v>
      </c>
      <c r="E28" s="219">
        <v>0</v>
      </c>
      <c r="F28" s="220">
        <v>0</v>
      </c>
      <c r="G28" s="218">
        <v>60</v>
      </c>
      <c r="H28" s="218">
        <v>34</v>
      </c>
      <c r="I28" s="218">
        <v>32</v>
      </c>
      <c r="J28" s="218">
        <v>17</v>
      </c>
      <c r="K28" s="218">
        <v>11</v>
      </c>
      <c r="L28" s="219">
        <v>154</v>
      </c>
      <c r="M28" s="221">
        <v>154</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61</v>
      </c>
      <c r="AD28" s="218">
        <v>34</v>
      </c>
      <c r="AE28" s="218">
        <v>33</v>
      </c>
      <c r="AF28" s="218">
        <v>17</v>
      </c>
      <c r="AG28" s="218">
        <v>11</v>
      </c>
      <c r="AH28" s="219">
        <v>156</v>
      </c>
      <c r="AI28" s="221">
        <v>156</v>
      </c>
    </row>
    <row r="29" spans="2:35" ht="21" customHeight="1" x14ac:dyDescent="0.2">
      <c r="B29" s="106" t="s">
        <v>28</v>
      </c>
      <c r="C29" s="217">
        <v>0</v>
      </c>
      <c r="D29" s="218">
        <v>0</v>
      </c>
      <c r="E29" s="219">
        <v>0</v>
      </c>
      <c r="F29" s="220">
        <v>0</v>
      </c>
      <c r="G29" s="218">
        <v>33</v>
      </c>
      <c r="H29" s="218">
        <v>19</v>
      </c>
      <c r="I29" s="218">
        <v>7</v>
      </c>
      <c r="J29" s="218">
        <v>5</v>
      </c>
      <c r="K29" s="218">
        <v>6</v>
      </c>
      <c r="L29" s="219">
        <v>70</v>
      </c>
      <c r="M29" s="221">
        <v>70</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3</v>
      </c>
      <c r="AD29" s="218">
        <v>19</v>
      </c>
      <c r="AE29" s="218">
        <v>8</v>
      </c>
      <c r="AF29" s="218">
        <v>5</v>
      </c>
      <c r="AG29" s="218">
        <v>7</v>
      </c>
      <c r="AH29" s="219">
        <v>72</v>
      </c>
      <c r="AI29" s="221">
        <v>72</v>
      </c>
    </row>
    <row r="30" spans="2:35" ht="21" customHeight="1" x14ac:dyDescent="0.2">
      <c r="B30" s="106" t="s">
        <v>29</v>
      </c>
      <c r="C30" s="217">
        <v>0</v>
      </c>
      <c r="D30" s="218">
        <v>0</v>
      </c>
      <c r="E30" s="219">
        <v>0</v>
      </c>
      <c r="F30" s="220">
        <v>0</v>
      </c>
      <c r="G30" s="218">
        <v>28</v>
      </c>
      <c r="H30" s="218">
        <v>37</v>
      </c>
      <c r="I30" s="218">
        <v>37</v>
      </c>
      <c r="J30" s="218">
        <v>21</v>
      </c>
      <c r="K30" s="218">
        <v>8</v>
      </c>
      <c r="L30" s="219">
        <v>131</v>
      </c>
      <c r="M30" s="221">
        <v>131</v>
      </c>
      <c r="N30" s="222">
        <v>0</v>
      </c>
      <c r="O30" s="218">
        <v>0</v>
      </c>
      <c r="P30" s="219">
        <v>0</v>
      </c>
      <c r="Q30" s="220">
        <v>0</v>
      </c>
      <c r="R30" s="218">
        <v>0</v>
      </c>
      <c r="S30" s="218">
        <v>1</v>
      </c>
      <c r="T30" s="218">
        <v>0</v>
      </c>
      <c r="U30" s="218">
        <v>0</v>
      </c>
      <c r="V30" s="218">
        <v>0</v>
      </c>
      <c r="W30" s="219">
        <v>1</v>
      </c>
      <c r="X30" s="221">
        <v>1</v>
      </c>
      <c r="Y30" s="222">
        <v>0</v>
      </c>
      <c r="Z30" s="218">
        <v>0</v>
      </c>
      <c r="AA30" s="219">
        <v>0</v>
      </c>
      <c r="AB30" s="220">
        <v>0</v>
      </c>
      <c r="AC30" s="218">
        <v>28</v>
      </c>
      <c r="AD30" s="218">
        <v>38</v>
      </c>
      <c r="AE30" s="218">
        <v>37</v>
      </c>
      <c r="AF30" s="218">
        <v>21</v>
      </c>
      <c r="AG30" s="218">
        <v>8</v>
      </c>
      <c r="AH30" s="219">
        <v>132</v>
      </c>
      <c r="AI30" s="221">
        <v>132</v>
      </c>
    </row>
    <row r="31" spans="2:35" ht="21" customHeight="1" x14ac:dyDescent="0.2">
      <c r="B31" s="106" t="s">
        <v>30</v>
      </c>
      <c r="C31" s="217">
        <v>0</v>
      </c>
      <c r="D31" s="218">
        <v>0</v>
      </c>
      <c r="E31" s="219">
        <v>0</v>
      </c>
      <c r="F31" s="220">
        <v>0</v>
      </c>
      <c r="G31" s="218">
        <v>28</v>
      </c>
      <c r="H31" s="218">
        <v>18</v>
      </c>
      <c r="I31" s="218">
        <v>12</v>
      </c>
      <c r="J31" s="218">
        <v>10</v>
      </c>
      <c r="K31" s="218">
        <v>3</v>
      </c>
      <c r="L31" s="219">
        <v>71</v>
      </c>
      <c r="M31" s="221">
        <v>71</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29</v>
      </c>
      <c r="AD31" s="218">
        <v>19</v>
      </c>
      <c r="AE31" s="218">
        <v>12</v>
      </c>
      <c r="AF31" s="218">
        <v>10</v>
      </c>
      <c r="AG31" s="218">
        <v>3</v>
      </c>
      <c r="AH31" s="219">
        <v>73</v>
      </c>
      <c r="AI31" s="221">
        <v>73</v>
      </c>
    </row>
    <row r="32" spans="2:35" ht="21" customHeight="1" x14ac:dyDescent="0.2">
      <c r="B32" s="106" t="s">
        <v>31</v>
      </c>
      <c r="C32" s="217">
        <v>0</v>
      </c>
      <c r="D32" s="218">
        <v>1</v>
      </c>
      <c r="E32" s="219">
        <v>1</v>
      </c>
      <c r="F32" s="220">
        <v>0</v>
      </c>
      <c r="G32" s="218">
        <v>45</v>
      </c>
      <c r="H32" s="218">
        <v>34</v>
      </c>
      <c r="I32" s="218">
        <v>24</v>
      </c>
      <c r="J32" s="218">
        <v>13</v>
      </c>
      <c r="K32" s="218">
        <v>5</v>
      </c>
      <c r="L32" s="219">
        <v>121</v>
      </c>
      <c r="M32" s="221">
        <v>122</v>
      </c>
      <c r="N32" s="222">
        <v>0</v>
      </c>
      <c r="O32" s="218">
        <v>0</v>
      </c>
      <c r="P32" s="219">
        <v>0</v>
      </c>
      <c r="Q32" s="220">
        <v>0</v>
      </c>
      <c r="R32" s="218">
        <v>0</v>
      </c>
      <c r="S32" s="218">
        <v>0</v>
      </c>
      <c r="T32" s="218">
        <v>0</v>
      </c>
      <c r="U32" s="218">
        <v>0</v>
      </c>
      <c r="V32" s="218">
        <v>0</v>
      </c>
      <c r="W32" s="219">
        <v>0</v>
      </c>
      <c r="X32" s="221">
        <v>0</v>
      </c>
      <c r="Y32" s="222">
        <v>0</v>
      </c>
      <c r="Z32" s="218">
        <v>1</v>
      </c>
      <c r="AA32" s="219">
        <v>1</v>
      </c>
      <c r="AB32" s="220">
        <v>0</v>
      </c>
      <c r="AC32" s="218">
        <v>45</v>
      </c>
      <c r="AD32" s="218">
        <v>34</v>
      </c>
      <c r="AE32" s="218">
        <v>24</v>
      </c>
      <c r="AF32" s="218">
        <v>13</v>
      </c>
      <c r="AG32" s="218">
        <v>5</v>
      </c>
      <c r="AH32" s="219">
        <v>121</v>
      </c>
      <c r="AI32" s="221">
        <v>122</v>
      </c>
    </row>
    <row r="33" spans="2:35" ht="21" customHeight="1" x14ac:dyDescent="0.2">
      <c r="B33" s="106" t="s">
        <v>32</v>
      </c>
      <c r="C33" s="217">
        <v>0</v>
      </c>
      <c r="D33" s="218">
        <v>3</v>
      </c>
      <c r="E33" s="219">
        <v>3</v>
      </c>
      <c r="F33" s="220">
        <v>0</v>
      </c>
      <c r="G33" s="218">
        <v>67</v>
      </c>
      <c r="H33" s="218">
        <v>38</v>
      </c>
      <c r="I33" s="218">
        <v>32</v>
      </c>
      <c r="J33" s="218">
        <v>26</v>
      </c>
      <c r="K33" s="218">
        <v>12</v>
      </c>
      <c r="L33" s="219">
        <v>175</v>
      </c>
      <c r="M33" s="221">
        <v>178</v>
      </c>
      <c r="N33" s="222">
        <v>0</v>
      </c>
      <c r="O33" s="218">
        <v>0</v>
      </c>
      <c r="P33" s="219">
        <v>0</v>
      </c>
      <c r="Q33" s="220">
        <v>0</v>
      </c>
      <c r="R33" s="218">
        <v>0</v>
      </c>
      <c r="S33" s="218">
        <v>1</v>
      </c>
      <c r="T33" s="218">
        <v>0</v>
      </c>
      <c r="U33" s="218">
        <v>0</v>
      </c>
      <c r="V33" s="218">
        <v>0</v>
      </c>
      <c r="W33" s="219">
        <v>1</v>
      </c>
      <c r="X33" s="221">
        <v>1</v>
      </c>
      <c r="Y33" s="222">
        <v>0</v>
      </c>
      <c r="Z33" s="218">
        <v>3</v>
      </c>
      <c r="AA33" s="219">
        <v>3</v>
      </c>
      <c r="AB33" s="220">
        <v>0</v>
      </c>
      <c r="AC33" s="218">
        <v>67</v>
      </c>
      <c r="AD33" s="218">
        <v>39</v>
      </c>
      <c r="AE33" s="218">
        <v>32</v>
      </c>
      <c r="AF33" s="218">
        <v>26</v>
      </c>
      <c r="AG33" s="218">
        <v>12</v>
      </c>
      <c r="AH33" s="219">
        <v>176</v>
      </c>
      <c r="AI33" s="221">
        <v>179</v>
      </c>
    </row>
    <row r="34" spans="2:35" ht="21" customHeight="1" x14ac:dyDescent="0.2">
      <c r="B34" s="106" t="s">
        <v>33</v>
      </c>
      <c r="C34" s="217">
        <v>0</v>
      </c>
      <c r="D34" s="218">
        <v>1</v>
      </c>
      <c r="E34" s="219">
        <v>1</v>
      </c>
      <c r="F34" s="220">
        <v>0</v>
      </c>
      <c r="G34" s="218">
        <v>27</v>
      </c>
      <c r="H34" s="218">
        <v>15</v>
      </c>
      <c r="I34" s="218">
        <v>12</v>
      </c>
      <c r="J34" s="218">
        <v>5</v>
      </c>
      <c r="K34" s="218">
        <v>3</v>
      </c>
      <c r="L34" s="219">
        <v>62</v>
      </c>
      <c r="M34" s="221">
        <v>63</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27</v>
      </c>
      <c r="AD34" s="218">
        <v>15</v>
      </c>
      <c r="AE34" s="218">
        <v>12</v>
      </c>
      <c r="AF34" s="218">
        <v>5</v>
      </c>
      <c r="AG34" s="218">
        <v>3</v>
      </c>
      <c r="AH34" s="219">
        <v>62</v>
      </c>
      <c r="AI34" s="221">
        <v>63</v>
      </c>
    </row>
    <row r="35" spans="2:35" ht="21" customHeight="1" x14ac:dyDescent="0.2">
      <c r="B35" s="106" t="s">
        <v>34</v>
      </c>
      <c r="C35" s="217">
        <v>2</v>
      </c>
      <c r="D35" s="218">
        <v>3</v>
      </c>
      <c r="E35" s="219">
        <v>5</v>
      </c>
      <c r="F35" s="220">
        <v>0</v>
      </c>
      <c r="G35" s="218">
        <v>28</v>
      </c>
      <c r="H35" s="218">
        <v>16</v>
      </c>
      <c r="I35" s="218">
        <v>6</v>
      </c>
      <c r="J35" s="218">
        <v>7</v>
      </c>
      <c r="K35" s="218">
        <v>2</v>
      </c>
      <c r="L35" s="219">
        <v>59</v>
      </c>
      <c r="M35" s="221">
        <v>64</v>
      </c>
      <c r="N35" s="222">
        <v>0</v>
      </c>
      <c r="O35" s="218">
        <v>0</v>
      </c>
      <c r="P35" s="219">
        <v>0</v>
      </c>
      <c r="Q35" s="220">
        <v>0</v>
      </c>
      <c r="R35" s="218">
        <v>0</v>
      </c>
      <c r="S35" s="218">
        <v>0</v>
      </c>
      <c r="T35" s="218">
        <v>0</v>
      </c>
      <c r="U35" s="218">
        <v>0</v>
      </c>
      <c r="V35" s="218">
        <v>0</v>
      </c>
      <c r="W35" s="219">
        <v>0</v>
      </c>
      <c r="X35" s="221">
        <v>0</v>
      </c>
      <c r="Y35" s="222">
        <v>2</v>
      </c>
      <c r="Z35" s="218">
        <v>3</v>
      </c>
      <c r="AA35" s="219">
        <v>5</v>
      </c>
      <c r="AB35" s="220">
        <v>0</v>
      </c>
      <c r="AC35" s="218">
        <v>28</v>
      </c>
      <c r="AD35" s="218">
        <v>16</v>
      </c>
      <c r="AE35" s="218">
        <v>6</v>
      </c>
      <c r="AF35" s="218">
        <v>7</v>
      </c>
      <c r="AG35" s="218">
        <v>2</v>
      </c>
      <c r="AH35" s="219">
        <v>59</v>
      </c>
      <c r="AI35" s="221">
        <v>64</v>
      </c>
    </row>
    <row r="36" spans="2:35" ht="21" customHeight="1" x14ac:dyDescent="0.2">
      <c r="B36" s="106" t="s">
        <v>35</v>
      </c>
      <c r="C36" s="217">
        <v>2</v>
      </c>
      <c r="D36" s="218">
        <v>5</v>
      </c>
      <c r="E36" s="219">
        <v>7</v>
      </c>
      <c r="F36" s="220">
        <v>0</v>
      </c>
      <c r="G36" s="218">
        <v>41</v>
      </c>
      <c r="H36" s="218">
        <v>26</v>
      </c>
      <c r="I36" s="218">
        <v>36</v>
      </c>
      <c r="J36" s="218">
        <v>24</v>
      </c>
      <c r="K36" s="218">
        <v>14</v>
      </c>
      <c r="L36" s="219">
        <v>141</v>
      </c>
      <c r="M36" s="221">
        <v>148</v>
      </c>
      <c r="N36" s="222">
        <v>0</v>
      </c>
      <c r="O36" s="218">
        <v>0</v>
      </c>
      <c r="P36" s="219">
        <v>0</v>
      </c>
      <c r="Q36" s="220">
        <v>0</v>
      </c>
      <c r="R36" s="218">
        <v>0</v>
      </c>
      <c r="S36" s="218">
        <v>1</v>
      </c>
      <c r="T36" s="218">
        <v>0</v>
      </c>
      <c r="U36" s="218">
        <v>1</v>
      </c>
      <c r="V36" s="218">
        <v>0</v>
      </c>
      <c r="W36" s="219">
        <v>2</v>
      </c>
      <c r="X36" s="221">
        <v>2</v>
      </c>
      <c r="Y36" s="222">
        <v>2</v>
      </c>
      <c r="Z36" s="218">
        <v>5</v>
      </c>
      <c r="AA36" s="219">
        <v>7</v>
      </c>
      <c r="AB36" s="220">
        <v>0</v>
      </c>
      <c r="AC36" s="218">
        <v>41</v>
      </c>
      <c r="AD36" s="218">
        <v>27</v>
      </c>
      <c r="AE36" s="218">
        <v>36</v>
      </c>
      <c r="AF36" s="218">
        <v>25</v>
      </c>
      <c r="AG36" s="218">
        <v>14</v>
      </c>
      <c r="AH36" s="219">
        <v>143</v>
      </c>
      <c r="AI36" s="221">
        <v>150</v>
      </c>
    </row>
    <row r="37" spans="2:35" ht="21" customHeight="1" x14ac:dyDescent="0.2">
      <c r="B37" s="106" t="s">
        <v>36</v>
      </c>
      <c r="C37" s="217">
        <v>0</v>
      </c>
      <c r="D37" s="218">
        <v>0</v>
      </c>
      <c r="E37" s="219">
        <v>0</v>
      </c>
      <c r="F37" s="220">
        <v>0</v>
      </c>
      <c r="G37" s="218">
        <v>93</v>
      </c>
      <c r="H37" s="218">
        <v>84</v>
      </c>
      <c r="I37" s="218">
        <v>52</v>
      </c>
      <c r="J37" s="218">
        <v>24</v>
      </c>
      <c r="K37" s="218">
        <v>23</v>
      </c>
      <c r="L37" s="219">
        <v>276</v>
      </c>
      <c r="M37" s="221">
        <v>276</v>
      </c>
      <c r="N37" s="222">
        <v>0</v>
      </c>
      <c r="O37" s="218">
        <v>0</v>
      </c>
      <c r="P37" s="219">
        <v>0</v>
      </c>
      <c r="Q37" s="220">
        <v>0</v>
      </c>
      <c r="R37" s="218">
        <v>0</v>
      </c>
      <c r="S37" s="218">
        <v>0</v>
      </c>
      <c r="T37" s="218">
        <v>2</v>
      </c>
      <c r="U37" s="218">
        <v>0</v>
      </c>
      <c r="V37" s="218">
        <v>2</v>
      </c>
      <c r="W37" s="219">
        <v>4</v>
      </c>
      <c r="X37" s="221">
        <v>4</v>
      </c>
      <c r="Y37" s="222">
        <v>0</v>
      </c>
      <c r="Z37" s="218">
        <v>0</v>
      </c>
      <c r="AA37" s="219">
        <v>0</v>
      </c>
      <c r="AB37" s="220">
        <v>0</v>
      </c>
      <c r="AC37" s="218">
        <v>93</v>
      </c>
      <c r="AD37" s="218">
        <v>84</v>
      </c>
      <c r="AE37" s="218">
        <v>54</v>
      </c>
      <c r="AF37" s="218">
        <v>24</v>
      </c>
      <c r="AG37" s="218">
        <v>25</v>
      </c>
      <c r="AH37" s="219">
        <v>280</v>
      </c>
      <c r="AI37" s="221">
        <v>280</v>
      </c>
    </row>
    <row r="38" spans="2:35" ht="21" customHeight="1" thickBot="1" x14ac:dyDescent="0.25">
      <c r="B38" s="108" t="s">
        <v>37</v>
      </c>
      <c r="C38" s="223">
        <v>0</v>
      </c>
      <c r="D38" s="224">
        <v>0</v>
      </c>
      <c r="E38" s="225">
        <v>0</v>
      </c>
      <c r="F38" s="226">
        <v>0</v>
      </c>
      <c r="G38" s="224">
        <v>17</v>
      </c>
      <c r="H38" s="224">
        <v>7</v>
      </c>
      <c r="I38" s="224">
        <v>8</v>
      </c>
      <c r="J38" s="224">
        <v>8</v>
      </c>
      <c r="K38" s="224">
        <v>4</v>
      </c>
      <c r="L38" s="225">
        <v>44</v>
      </c>
      <c r="M38" s="227">
        <v>44</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7</v>
      </c>
      <c r="AD38" s="224">
        <v>7</v>
      </c>
      <c r="AE38" s="224">
        <v>8</v>
      </c>
      <c r="AF38" s="224">
        <v>8</v>
      </c>
      <c r="AG38" s="224">
        <v>4</v>
      </c>
      <c r="AH38" s="225">
        <v>44</v>
      </c>
      <c r="AI38" s="227">
        <v>44</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8</v>
      </c>
      <c r="L1" s="445">
        <f>IF(K1&lt;3,K1+12-2,K1-2)</f>
        <v>6</v>
      </c>
      <c r="M1" s="445"/>
    </row>
    <row r="2" spans="2:101" s="71" customFormat="1" ht="24" customHeight="1" thickBot="1" x14ac:dyDescent="0.25">
      <c r="B2" s="142" t="s">
        <v>130</v>
      </c>
    </row>
    <row r="3" spans="2:101" ht="21" customHeight="1" thickBot="1" x14ac:dyDescent="0.25">
      <c r="B3" s="466"/>
      <c r="C3" s="463" t="s">
        <v>113</v>
      </c>
      <c r="D3" s="464"/>
      <c r="E3" s="464"/>
      <c r="F3" s="464"/>
      <c r="G3" s="464"/>
      <c r="H3" s="464"/>
      <c r="I3" s="464"/>
      <c r="J3" s="464"/>
      <c r="K3" s="464"/>
      <c r="L3" s="464"/>
      <c r="M3" s="465"/>
      <c r="N3" s="463" t="s">
        <v>114</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298</v>
      </c>
      <c r="H6" s="184">
        <v>403</v>
      </c>
      <c r="I6" s="184">
        <v>339</v>
      </c>
      <c r="J6" s="184">
        <v>440</v>
      </c>
      <c r="K6" s="184">
        <v>373</v>
      </c>
      <c r="L6" s="187">
        <v>1853</v>
      </c>
      <c r="M6" s="188">
        <v>1853</v>
      </c>
      <c r="N6" s="183">
        <v>0</v>
      </c>
      <c r="O6" s="184">
        <v>0</v>
      </c>
      <c r="P6" s="189">
        <v>0</v>
      </c>
      <c r="Q6" s="186">
        <v>0</v>
      </c>
      <c r="R6" s="184">
        <v>200</v>
      </c>
      <c r="S6" s="184">
        <v>500</v>
      </c>
      <c r="T6" s="184">
        <v>462</v>
      </c>
      <c r="U6" s="184">
        <v>447</v>
      </c>
      <c r="V6" s="184">
        <v>403</v>
      </c>
      <c r="W6" s="189">
        <v>2012</v>
      </c>
      <c r="X6" s="188">
        <v>2012</v>
      </c>
      <c r="Y6" s="183">
        <v>0</v>
      </c>
      <c r="Z6" s="184">
        <v>0</v>
      </c>
      <c r="AA6" s="189">
        <v>0</v>
      </c>
      <c r="AB6" s="186">
        <v>0</v>
      </c>
      <c r="AC6" s="184">
        <v>14232</v>
      </c>
      <c r="AD6" s="184">
        <v>13334</v>
      </c>
      <c r="AE6" s="184">
        <v>6077</v>
      </c>
      <c r="AF6" s="184">
        <v>2971</v>
      </c>
      <c r="AG6" s="184">
        <v>1276</v>
      </c>
      <c r="AH6" s="189">
        <v>37890</v>
      </c>
      <c r="AI6" s="188">
        <v>37890</v>
      </c>
      <c r="AJ6" s="183">
        <v>8</v>
      </c>
      <c r="AK6" s="184">
        <v>8</v>
      </c>
      <c r="AL6" s="189">
        <v>16</v>
      </c>
      <c r="AM6" s="186">
        <v>0</v>
      </c>
      <c r="AN6" s="184">
        <v>796</v>
      </c>
      <c r="AO6" s="184">
        <v>968</v>
      </c>
      <c r="AP6" s="184">
        <v>1070</v>
      </c>
      <c r="AQ6" s="184">
        <v>575</v>
      </c>
      <c r="AR6" s="184">
        <v>428</v>
      </c>
      <c r="AS6" s="189">
        <v>3837</v>
      </c>
      <c r="AT6" s="188">
        <v>3853</v>
      </c>
      <c r="AU6" s="183">
        <v>164</v>
      </c>
      <c r="AV6" s="184">
        <v>272</v>
      </c>
      <c r="AW6" s="189">
        <v>436</v>
      </c>
      <c r="AX6" s="186">
        <v>0</v>
      </c>
      <c r="AY6" s="184">
        <v>1501</v>
      </c>
      <c r="AZ6" s="184">
        <v>1615</v>
      </c>
      <c r="BA6" s="184">
        <v>1326</v>
      </c>
      <c r="BB6" s="184">
        <v>925</v>
      </c>
      <c r="BC6" s="184">
        <v>563</v>
      </c>
      <c r="BD6" s="189">
        <v>5930</v>
      </c>
      <c r="BE6" s="188">
        <v>6366</v>
      </c>
      <c r="BF6" s="183">
        <v>0</v>
      </c>
      <c r="BG6" s="184">
        <v>36</v>
      </c>
      <c r="BH6" s="189">
        <v>36</v>
      </c>
      <c r="BI6" s="186">
        <v>0</v>
      </c>
      <c r="BJ6" s="184">
        <v>2512</v>
      </c>
      <c r="BK6" s="184">
        <v>3258</v>
      </c>
      <c r="BL6" s="184">
        <v>3618</v>
      </c>
      <c r="BM6" s="184">
        <v>2376</v>
      </c>
      <c r="BN6" s="184">
        <v>1514</v>
      </c>
      <c r="BO6" s="187">
        <v>13278</v>
      </c>
      <c r="BP6" s="188">
        <v>13314</v>
      </c>
      <c r="BQ6" s="183">
        <v>0</v>
      </c>
      <c r="BR6" s="184">
        <v>0</v>
      </c>
      <c r="BS6" s="189">
        <v>0</v>
      </c>
      <c r="BT6" s="186">
        <v>0</v>
      </c>
      <c r="BU6" s="184">
        <v>44</v>
      </c>
      <c r="BV6" s="184">
        <v>47</v>
      </c>
      <c r="BW6" s="184">
        <v>66</v>
      </c>
      <c r="BX6" s="184">
        <v>71</v>
      </c>
      <c r="BY6" s="184">
        <v>51</v>
      </c>
      <c r="BZ6" s="189">
        <v>279</v>
      </c>
      <c r="CA6" s="188">
        <v>279</v>
      </c>
      <c r="CB6" s="183">
        <v>0</v>
      </c>
      <c r="CC6" s="184">
        <v>0</v>
      </c>
      <c r="CD6" s="189">
        <v>0</v>
      </c>
      <c r="CE6" s="186">
        <v>0</v>
      </c>
      <c r="CF6" s="184">
        <v>5</v>
      </c>
      <c r="CG6" s="184">
        <v>31</v>
      </c>
      <c r="CH6" s="184">
        <v>213</v>
      </c>
      <c r="CI6" s="184">
        <v>357</v>
      </c>
      <c r="CJ6" s="184">
        <v>212</v>
      </c>
      <c r="CK6" s="189">
        <v>818</v>
      </c>
      <c r="CL6" s="188">
        <v>818</v>
      </c>
      <c r="CM6" s="183">
        <v>0</v>
      </c>
      <c r="CN6" s="184">
        <v>0</v>
      </c>
      <c r="CO6" s="189">
        <v>0</v>
      </c>
      <c r="CP6" s="186">
        <v>0</v>
      </c>
      <c r="CQ6" s="184">
        <v>207</v>
      </c>
      <c r="CR6" s="184">
        <v>319</v>
      </c>
      <c r="CS6" s="184">
        <v>303</v>
      </c>
      <c r="CT6" s="184">
        <v>396</v>
      </c>
      <c r="CU6" s="184">
        <v>470</v>
      </c>
      <c r="CV6" s="189">
        <v>1695</v>
      </c>
      <c r="CW6" s="188">
        <v>1695</v>
      </c>
    </row>
    <row r="7" spans="2:101" ht="21" customHeight="1" x14ac:dyDescent="0.2">
      <c r="B7" s="95" t="s">
        <v>5</v>
      </c>
      <c r="C7" s="190">
        <v>0</v>
      </c>
      <c r="D7" s="196">
        <v>0</v>
      </c>
      <c r="E7" s="207">
        <v>0</v>
      </c>
      <c r="F7" s="193">
        <v>0</v>
      </c>
      <c r="G7" s="191">
        <v>125</v>
      </c>
      <c r="H7" s="191">
        <v>183</v>
      </c>
      <c r="I7" s="191">
        <v>173</v>
      </c>
      <c r="J7" s="191">
        <v>209</v>
      </c>
      <c r="K7" s="191">
        <v>174</v>
      </c>
      <c r="L7" s="194">
        <v>864</v>
      </c>
      <c r="M7" s="195">
        <v>864</v>
      </c>
      <c r="N7" s="190">
        <v>0</v>
      </c>
      <c r="O7" s="191">
        <v>0</v>
      </c>
      <c r="P7" s="196">
        <v>0</v>
      </c>
      <c r="Q7" s="193">
        <v>0</v>
      </c>
      <c r="R7" s="191">
        <v>105</v>
      </c>
      <c r="S7" s="191">
        <v>368</v>
      </c>
      <c r="T7" s="191">
        <v>347</v>
      </c>
      <c r="U7" s="191">
        <v>329</v>
      </c>
      <c r="V7" s="191">
        <v>303</v>
      </c>
      <c r="W7" s="196">
        <v>1452</v>
      </c>
      <c r="X7" s="195">
        <v>1452</v>
      </c>
      <c r="Y7" s="190">
        <v>0</v>
      </c>
      <c r="Z7" s="191">
        <v>0</v>
      </c>
      <c r="AA7" s="196">
        <v>0</v>
      </c>
      <c r="AB7" s="193">
        <v>0</v>
      </c>
      <c r="AC7" s="191">
        <v>5138</v>
      </c>
      <c r="AD7" s="191">
        <v>6527</v>
      </c>
      <c r="AE7" s="191">
        <v>2877</v>
      </c>
      <c r="AF7" s="191">
        <v>1346</v>
      </c>
      <c r="AG7" s="191">
        <v>594</v>
      </c>
      <c r="AH7" s="196">
        <v>16482</v>
      </c>
      <c r="AI7" s="195">
        <v>16482</v>
      </c>
      <c r="AJ7" s="190">
        <v>4</v>
      </c>
      <c r="AK7" s="191">
        <v>3</v>
      </c>
      <c r="AL7" s="196">
        <v>7</v>
      </c>
      <c r="AM7" s="193">
        <v>0</v>
      </c>
      <c r="AN7" s="191">
        <v>397</v>
      </c>
      <c r="AO7" s="191">
        <v>499</v>
      </c>
      <c r="AP7" s="191">
        <v>543</v>
      </c>
      <c r="AQ7" s="191">
        <v>312</v>
      </c>
      <c r="AR7" s="191">
        <v>224</v>
      </c>
      <c r="AS7" s="196">
        <v>1975</v>
      </c>
      <c r="AT7" s="195">
        <v>1982</v>
      </c>
      <c r="AU7" s="190">
        <v>62</v>
      </c>
      <c r="AV7" s="191">
        <v>105</v>
      </c>
      <c r="AW7" s="196">
        <v>167</v>
      </c>
      <c r="AX7" s="193">
        <v>0</v>
      </c>
      <c r="AY7" s="191">
        <v>560</v>
      </c>
      <c r="AZ7" s="191">
        <v>728</v>
      </c>
      <c r="BA7" s="191">
        <v>535</v>
      </c>
      <c r="BB7" s="191">
        <v>420</v>
      </c>
      <c r="BC7" s="191">
        <v>270</v>
      </c>
      <c r="BD7" s="196">
        <v>2513</v>
      </c>
      <c r="BE7" s="195">
        <v>2680</v>
      </c>
      <c r="BF7" s="190">
        <v>0</v>
      </c>
      <c r="BG7" s="191">
        <v>16</v>
      </c>
      <c r="BH7" s="196">
        <v>16</v>
      </c>
      <c r="BI7" s="193">
        <v>0</v>
      </c>
      <c r="BJ7" s="191">
        <v>1106</v>
      </c>
      <c r="BK7" s="191">
        <v>1405</v>
      </c>
      <c r="BL7" s="191">
        <v>1523</v>
      </c>
      <c r="BM7" s="191">
        <v>1004</v>
      </c>
      <c r="BN7" s="191">
        <v>693</v>
      </c>
      <c r="BO7" s="194">
        <v>5731</v>
      </c>
      <c r="BP7" s="195">
        <v>5747</v>
      </c>
      <c r="BQ7" s="190">
        <v>0</v>
      </c>
      <c r="BR7" s="191">
        <v>0</v>
      </c>
      <c r="BS7" s="196">
        <v>0</v>
      </c>
      <c r="BT7" s="193">
        <v>0</v>
      </c>
      <c r="BU7" s="191">
        <v>1</v>
      </c>
      <c r="BV7" s="191">
        <v>1</v>
      </c>
      <c r="BW7" s="191">
        <v>0</v>
      </c>
      <c r="BX7" s="191">
        <v>0</v>
      </c>
      <c r="BY7" s="191">
        <v>0</v>
      </c>
      <c r="BZ7" s="196">
        <v>2</v>
      </c>
      <c r="CA7" s="195">
        <v>2</v>
      </c>
      <c r="CB7" s="190">
        <v>0</v>
      </c>
      <c r="CC7" s="191">
        <v>0</v>
      </c>
      <c r="CD7" s="196">
        <v>0</v>
      </c>
      <c r="CE7" s="193">
        <v>0</v>
      </c>
      <c r="CF7" s="191">
        <v>3</v>
      </c>
      <c r="CG7" s="191">
        <v>12</v>
      </c>
      <c r="CH7" s="191">
        <v>21</v>
      </c>
      <c r="CI7" s="191">
        <v>45</v>
      </c>
      <c r="CJ7" s="191">
        <v>32</v>
      </c>
      <c r="CK7" s="196">
        <v>113</v>
      </c>
      <c r="CL7" s="195">
        <v>113</v>
      </c>
      <c r="CM7" s="190">
        <v>0</v>
      </c>
      <c r="CN7" s="191">
        <v>0</v>
      </c>
      <c r="CO7" s="196">
        <v>0</v>
      </c>
      <c r="CP7" s="193">
        <v>0</v>
      </c>
      <c r="CQ7" s="191">
        <v>21</v>
      </c>
      <c r="CR7" s="191">
        <v>71</v>
      </c>
      <c r="CS7" s="191">
        <v>49</v>
      </c>
      <c r="CT7" s="191">
        <v>109</v>
      </c>
      <c r="CU7" s="191">
        <v>161</v>
      </c>
      <c r="CV7" s="196">
        <v>411</v>
      </c>
      <c r="CW7" s="195">
        <v>411</v>
      </c>
    </row>
    <row r="8" spans="2:101" ht="21" customHeight="1" x14ac:dyDescent="0.2">
      <c r="B8" s="106" t="s">
        <v>6</v>
      </c>
      <c r="C8" s="190">
        <v>0</v>
      </c>
      <c r="D8" s="196">
        <v>0</v>
      </c>
      <c r="E8" s="207">
        <v>0</v>
      </c>
      <c r="F8" s="193">
        <v>0</v>
      </c>
      <c r="G8" s="191">
        <v>60</v>
      </c>
      <c r="H8" s="191">
        <v>75</v>
      </c>
      <c r="I8" s="191">
        <v>56</v>
      </c>
      <c r="J8" s="191">
        <v>111</v>
      </c>
      <c r="K8" s="191">
        <v>105</v>
      </c>
      <c r="L8" s="194">
        <v>407</v>
      </c>
      <c r="M8" s="195">
        <v>407</v>
      </c>
      <c r="N8" s="190">
        <v>0</v>
      </c>
      <c r="O8" s="191">
        <v>0</v>
      </c>
      <c r="P8" s="196">
        <v>0</v>
      </c>
      <c r="Q8" s="193">
        <v>0</v>
      </c>
      <c r="R8" s="191">
        <v>67</v>
      </c>
      <c r="S8" s="191">
        <v>111</v>
      </c>
      <c r="T8" s="191">
        <v>96</v>
      </c>
      <c r="U8" s="191">
        <v>89</v>
      </c>
      <c r="V8" s="191">
        <v>84</v>
      </c>
      <c r="W8" s="196">
        <v>447</v>
      </c>
      <c r="X8" s="195">
        <v>447</v>
      </c>
      <c r="Y8" s="190">
        <v>0</v>
      </c>
      <c r="Z8" s="191">
        <v>0</v>
      </c>
      <c r="AA8" s="196">
        <v>0</v>
      </c>
      <c r="AB8" s="193">
        <v>0</v>
      </c>
      <c r="AC8" s="191">
        <v>1898</v>
      </c>
      <c r="AD8" s="191">
        <v>1448</v>
      </c>
      <c r="AE8" s="191">
        <v>706</v>
      </c>
      <c r="AF8" s="191">
        <v>398</v>
      </c>
      <c r="AG8" s="191">
        <v>197</v>
      </c>
      <c r="AH8" s="196">
        <v>4647</v>
      </c>
      <c r="AI8" s="195">
        <v>4647</v>
      </c>
      <c r="AJ8" s="190">
        <v>1</v>
      </c>
      <c r="AK8" s="191">
        <v>0</v>
      </c>
      <c r="AL8" s="196">
        <v>1</v>
      </c>
      <c r="AM8" s="193">
        <v>0</v>
      </c>
      <c r="AN8" s="191">
        <v>154</v>
      </c>
      <c r="AO8" s="191">
        <v>223</v>
      </c>
      <c r="AP8" s="191">
        <v>252</v>
      </c>
      <c r="AQ8" s="191">
        <v>120</v>
      </c>
      <c r="AR8" s="191">
        <v>111</v>
      </c>
      <c r="AS8" s="196">
        <v>860</v>
      </c>
      <c r="AT8" s="195">
        <v>861</v>
      </c>
      <c r="AU8" s="190">
        <v>24</v>
      </c>
      <c r="AV8" s="191">
        <v>39</v>
      </c>
      <c r="AW8" s="196">
        <v>63</v>
      </c>
      <c r="AX8" s="193">
        <v>0</v>
      </c>
      <c r="AY8" s="191">
        <v>247</v>
      </c>
      <c r="AZ8" s="191">
        <v>217</v>
      </c>
      <c r="BA8" s="191">
        <v>168</v>
      </c>
      <c r="BB8" s="191">
        <v>123</v>
      </c>
      <c r="BC8" s="191">
        <v>65</v>
      </c>
      <c r="BD8" s="196">
        <v>820</v>
      </c>
      <c r="BE8" s="195">
        <v>883</v>
      </c>
      <c r="BF8" s="190">
        <v>0</v>
      </c>
      <c r="BG8" s="191">
        <v>6</v>
      </c>
      <c r="BH8" s="196">
        <v>6</v>
      </c>
      <c r="BI8" s="193">
        <v>0</v>
      </c>
      <c r="BJ8" s="191">
        <v>440</v>
      </c>
      <c r="BK8" s="191">
        <v>569</v>
      </c>
      <c r="BL8" s="191">
        <v>557</v>
      </c>
      <c r="BM8" s="191">
        <v>388</v>
      </c>
      <c r="BN8" s="191">
        <v>247</v>
      </c>
      <c r="BO8" s="194">
        <v>2201</v>
      </c>
      <c r="BP8" s="195">
        <v>2207</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1</v>
      </c>
      <c r="CG8" s="191">
        <v>11</v>
      </c>
      <c r="CH8" s="191">
        <v>63</v>
      </c>
      <c r="CI8" s="191">
        <v>96</v>
      </c>
      <c r="CJ8" s="191">
        <v>69</v>
      </c>
      <c r="CK8" s="196">
        <v>240</v>
      </c>
      <c r="CL8" s="195">
        <v>240</v>
      </c>
      <c r="CM8" s="190">
        <v>0</v>
      </c>
      <c r="CN8" s="191">
        <v>0</v>
      </c>
      <c r="CO8" s="196">
        <v>0</v>
      </c>
      <c r="CP8" s="193">
        <v>0</v>
      </c>
      <c r="CQ8" s="191">
        <v>72</v>
      </c>
      <c r="CR8" s="191">
        <v>93</v>
      </c>
      <c r="CS8" s="191">
        <v>82</v>
      </c>
      <c r="CT8" s="191">
        <v>92</v>
      </c>
      <c r="CU8" s="191">
        <v>110</v>
      </c>
      <c r="CV8" s="196">
        <v>449</v>
      </c>
      <c r="CW8" s="195">
        <v>449</v>
      </c>
    </row>
    <row r="9" spans="2:101" ht="21" customHeight="1" x14ac:dyDescent="0.2">
      <c r="B9" s="106" t="s">
        <v>14</v>
      </c>
      <c r="C9" s="190">
        <v>0</v>
      </c>
      <c r="D9" s="196">
        <v>0</v>
      </c>
      <c r="E9" s="207">
        <v>0</v>
      </c>
      <c r="F9" s="193">
        <v>0</v>
      </c>
      <c r="G9" s="191">
        <v>24</v>
      </c>
      <c r="H9" s="191">
        <v>43</v>
      </c>
      <c r="I9" s="191">
        <v>31</v>
      </c>
      <c r="J9" s="191">
        <v>36</v>
      </c>
      <c r="K9" s="191">
        <v>32</v>
      </c>
      <c r="L9" s="194">
        <v>166</v>
      </c>
      <c r="M9" s="195">
        <v>166</v>
      </c>
      <c r="N9" s="190">
        <v>0</v>
      </c>
      <c r="O9" s="191">
        <v>0</v>
      </c>
      <c r="P9" s="196">
        <v>0</v>
      </c>
      <c r="Q9" s="193">
        <v>0</v>
      </c>
      <c r="R9" s="191">
        <v>0</v>
      </c>
      <c r="S9" s="191">
        <v>0</v>
      </c>
      <c r="T9" s="191">
        <v>0</v>
      </c>
      <c r="U9" s="191">
        <v>0</v>
      </c>
      <c r="V9" s="191">
        <v>0</v>
      </c>
      <c r="W9" s="196">
        <v>0</v>
      </c>
      <c r="X9" s="195">
        <v>0</v>
      </c>
      <c r="Y9" s="190">
        <v>0</v>
      </c>
      <c r="Z9" s="191">
        <v>0</v>
      </c>
      <c r="AA9" s="196">
        <v>0</v>
      </c>
      <c r="AB9" s="193">
        <v>0</v>
      </c>
      <c r="AC9" s="191">
        <v>1142</v>
      </c>
      <c r="AD9" s="191">
        <v>1194</v>
      </c>
      <c r="AE9" s="191">
        <v>551</v>
      </c>
      <c r="AF9" s="191">
        <v>271</v>
      </c>
      <c r="AG9" s="191">
        <v>92</v>
      </c>
      <c r="AH9" s="196">
        <v>3250</v>
      </c>
      <c r="AI9" s="195">
        <v>3250</v>
      </c>
      <c r="AJ9" s="190">
        <v>0</v>
      </c>
      <c r="AK9" s="191">
        <v>0</v>
      </c>
      <c r="AL9" s="196">
        <v>0</v>
      </c>
      <c r="AM9" s="193">
        <v>0</v>
      </c>
      <c r="AN9" s="191">
        <v>17</v>
      </c>
      <c r="AO9" s="191">
        <v>23</v>
      </c>
      <c r="AP9" s="191">
        <v>35</v>
      </c>
      <c r="AQ9" s="191">
        <v>12</v>
      </c>
      <c r="AR9" s="191">
        <v>16</v>
      </c>
      <c r="AS9" s="196">
        <v>103</v>
      </c>
      <c r="AT9" s="195">
        <v>103</v>
      </c>
      <c r="AU9" s="190">
        <v>17</v>
      </c>
      <c r="AV9" s="191">
        <v>24</v>
      </c>
      <c r="AW9" s="196">
        <v>41</v>
      </c>
      <c r="AX9" s="193">
        <v>0</v>
      </c>
      <c r="AY9" s="191">
        <v>119</v>
      </c>
      <c r="AZ9" s="191">
        <v>147</v>
      </c>
      <c r="BA9" s="191">
        <v>128</v>
      </c>
      <c r="BB9" s="191">
        <v>86</v>
      </c>
      <c r="BC9" s="191">
        <v>40</v>
      </c>
      <c r="BD9" s="196">
        <v>520</v>
      </c>
      <c r="BE9" s="195">
        <v>561</v>
      </c>
      <c r="BF9" s="190">
        <v>0</v>
      </c>
      <c r="BG9" s="191">
        <v>1</v>
      </c>
      <c r="BH9" s="196">
        <v>1</v>
      </c>
      <c r="BI9" s="193">
        <v>0</v>
      </c>
      <c r="BJ9" s="191">
        <v>202</v>
      </c>
      <c r="BK9" s="191">
        <v>300</v>
      </c>
      <c r="BL9" s="191">
        <v>411</v>
      </c>
      <c r="BM9" s="191">
        <v>212</v>
      </c>
      <c r="BN9" s="191">
        <v>119</v>
      </c>
      <c r="BO9" s="194">
        <v>1244</v>
      </c>
      <c r="BP9" s="195">
        <v>1245</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1</v>
      </c>
      <c r="CI9" s="191">
        <v>31</v>
      </c>
      <c r="CJ9" s="191">
        <v>10</v>
      </c>
      <c r="CK9" s="196">
        <v>52</v>
      </c>
      <c r="CL9" s="195">
        <v>52</v>
      </c>
      <c r="CM9" s="190">
        <v>0</v>
      </c>
      <c r="CN9" s="191">
        <v>0</v>
      </c>
      <c r="CO9" s="196">
        <v>0</v>
      </c>
      <c r="CP9" s="193">
        <v>0</v>
      </c>
      <c r="CQ9" s="191">
        <v>19</v>
      </c>
      <c r="CR9" s="191">
        <v>27</v>
      </c>
      <c r="CS9" s="191">
        <v>37</v>
      </c>
      <c r="CT9" s="191">
        <v>36</v>
      </c>
      <c r="CU9" s="191">
        <v>37</v>
      </c>
      <c r="CV9" s="196">
        <v>156</v>
      </c>
      <c r="CW9" s="195">
        <v>156</v>
      </c>
    </row>
    <row r="10" spans="2:101" ht="21" customHeight="1" x14ac:dyDescent="0.2">
      <c r="B10" s="106" t="s">
        <v>7</v>
      </c>
      <c r="C10" s="190">
        <v>0</v>
      </c>
      <c r="D10" s="196">
        <v>0</v>
      </c>
      <c r="E10" s="207">
        <v>0</v>
      </c>
      <c r="F10" s="193">
        <v>0</v>
      </c>
      <c r="G10" s="191">
        <v>6</v>
      </c>
      <c r="H10" s="191">
        <v>12</v>
      </c>
      <c r="I10" s="191">
        <v>8</v>
      </c>
      <c r="J10" s="191">
        <v>8</v>
      </c>
      <c r="K10" s="191">
        <v>5</v>
      </c>
      <c r="L10" s="194">
        <v>39</v>
      </c>
      <c r="M10" s="195">
        <v>39</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17</v>
      </c>
      <c r="AD10" s="191">
        <v>714</v>
      </c>
      <c r="AE10" s="191">
        <v>264</v>
      </c>
      <c r="AF10" s="191">
        <v>123</v>
      </c>
      <c r="AG10" s="191">
        <v>49</v>
      </c>
      <c r="AH10" s="196">
        <v>2367</v>
      </c>
      <c r="AI10" s="195">
        <v>2367</v>
      </c>
      <c r="AJ10" s="190">
        <v>0</v>
      </c>
      <c r="AK10" s="191">
        <v>2</v>
      </c>
      <c r="AL10" s="196">
        <v>2</v>
      </c>
      <c r="AM10" s="193">
        <v>0</v>
      </c>
      <c r="AN10" s="191">
        <v>86</v>
      </c>
      <c r="AO10" s="191">
        <v>89</v>
      </c>
      <c r="AP10" s="191">
        <v>80</v>
      </c>
      <c r="AQ10" s="191">
        <v>36</v>
      </c>
      <c r="AR10" s="191">
        <v>26</v>
      </c>
      <c r="AS10" s="196">
        <v>317</v>
      </c>
      <c r="AT10" s="195">
        <v>319</v>
      </c>
      <c r="AU10" s="190">
        <v>2</v>
      </c>
      <c r="AV10" s="191">
        <v>2</v>
      </c>
      <c r="AW10" s="196">
        <v>4</v>
      </c>
      <c r="AX10" s="193">
        <v>0</v>
      </c>
      <c r="AY10" s="191">
        <v>50</v>
      </c>
      <c r="AZ10" s="191">
        <v>38</v>
      </c>
      <c r="BA10" s="191">
        <v>37</v>
      </c>
      <c r="BB10" s="191">
        <v>19</v>
      </c>
      <c r="BC10" s="191">
        <v>10</v>
      </c>
      <c r="BD10" s="196">
        <v>154</v>
      </c>
      <c r="BE10" s="195">
        <v>158</v>
      </c>
      <c r="BF10" s="190">
        <v>0</v>
      </c>
      <c r="BG10" s="191">
        <v>1</v>
      </c>
      <c r="BH10" s="196">
        <v>1</v>
      </c>
      <c r="BI10" s="193">
        <v>0</v>
      </c>
      <c r="BJ10" s="191">
        <v>129</v>
      </c>
      <c r="BK10" s="191">
        <v>155</v>
      </c>
      <c r="BL10" s="191">
        <v>151</v>
      </c>
      <c r="BM10" s="191">
        <v>123</v>
      </c>
      <c r="BN10" s="191">
        <v>63</v>
      </c>
      <c r="BO10" s="194">
        <v>621</v>
      </c>
      <c r="BP10" s="195">
        <v>622</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22</v>
      </c>
      <c r="CR10" s="191">
        <v>16</v>
      </c>
      <c r="CS10" s="191">
        <v>16</v>
      </c>
      <c r="CT10" s="191">
        <v>21</v>
      </c>
      <c r="CU10" s="191">
        <v>24</v>
      </c>
      <c r="CV10" s="196">
        <v>99</v>
      </c>
      <c r="CW10" s="195">
        <v>99</v>
      </c>
    </row>
    <row r="11" spans="2:101" ht="21" customHeight="1" x14ac:dyDescent="0.2">
      <c r="B11" s="106" t="s">
        <v>8</v>
      </c>
      <c r="C11" s="190">
        <v>0</v>
      </c>
      <c r="D11" s="196">
        <v>0</v>
      </c>
      <c r="E11" s="207">
        <v>0</v>
      </c>
      <c r="F11" s="193">
        <v>0</v>
      </c>
      <c r="G11" s="191">
        <v>7</v>
      </c>
      <c r="H11" s="191">
        <v>5</v>
      </c>
      <c r="I11" s="191">
        <v>3</v>
      </c>
      <c r="J11" s="191">
        <v>5</v>
      </c>
      <c r="K11" s="191">
        <v>1</v>
      </c>
      <c r="L11" s="194">
        <v>21</v>
      </c>
      <c r="M11" s="195">
        <v>21</v>
      </c>
      <c r="N11" s="190">
        <v>0</v>
      </c>
      <c r="O11" s="191">
        <v>0</v>
      </c>
      <c r="P11" s="196">
        <v>0</v>
      </c>
      <c r="Q11" s="193">
        <v>0</v>
      </c>
      <c r="R11" s="191">
        <v>2</v>
      </c>
      <c r="S11" s="191">
        <v>2</v>
      </c>
      <c r="T11" s="191">
        <v>0</v>
      </c>
      <c r="U11" s="191">
        <v>2</v>
      </c>
      <c r="V11" s="191">
        <v>0</v>
      </c>
      <c r="W11" s="196">
        <v>6</v>
      </c>
      <c r="X11" s="195">
        <v>6</v>
      </c>
      <c r="Y11" s="190">
        <v>0</v>
      </c>
      <c r="Z11" s="191">
        <v>0</v>
      </c>
      <c r="AA11" s="196">
        <v>0</v>
      </c>
      <c r="AB11" s="193">
        <v>0</v>
      </c>
      <c r="AC11" s="191">
        <v>628</v>
      </c>
      <c r="AD11" s="191">
        <v>532</v>
      </c>
      <c r="AE11" s="191">
        <v>215</v>
      </c>
      <c r="AF11" s="191">
        <v>104</v>
      </c>
      <c r="AG11" s="191">
        <v>58</v>
      </c>
      <c r="AH11" s="196">
        <v>1537</v>
      </c>
      <c r="AI11" s="195">
        <v>1537</v>
      </c>
      <c r="AJ11" s="190">
        <v>0</v>
      </c>
      <c r="AK11" s="191">
        <v>0</v>
      </c>
      <c r="AL11" s="196">
        <v>0</v>
      </c>
      <c r="AM11" s="193">
        <v>0</v>
      </c>
      <c r="AN11" s="191">
        <v>9</v>
      </c>
      <c r="AO11" s="191">
        <v>10</v>
      </c>
      <c r="AP11" s="191">
        <v>7</v>
      </c>
      <c r="AQ11" s="191">
        <v>9</v>
      </c>
      <c r="AR11" s="191">
        <v>6</v>
      </c>
      <c r="AS11" s="196">
        <v>41</v>
      </c>
      <c r="AT11" s="195">
        <v>41</v>
      </c>
      <c r="AU11" s="190">
        <v>12</v>
      </c>
      <c r="AV11" s="191">
        <v>12</v>
      </c>
      <c r="AW11" s="196">
        <v>24</v>
      </c>
      <c r="AX11" s="193">
        <v>0</v>
      </c>
      <c r="AY11" s="191">
        <v>62</v>
      </c>
      <c r="AZ11" s="191">
        <v>51</v>
      </c>
      <c r="BA11" s="191">
        <v>47</v>
      </c>
      <c r="BB11" s="191">
        <v>22</v>
      </c>
      <c r="BC11" s="191">
        <v>12</v>
      </c>
      <c r="BD11" s="196">
        <v>194</v>
      </c>
      <c r="BE11" s="195">
        <v>218</v>
      </c>
      <c r="BF11" s="190">
        <v>0</v>
      </c>
      <c r="BG11" s="191">
        <v>0</v>
      </c>
      <c r="BH11" s="196">
        <v>0</v>
      </c>
      <c r="BI11" s="193">
        <v>0</v>
      </c>
      <c r="BJ11" s="191">
        <v>69</v>
      </c>
      <c r="BK11" s="191">
        <v>68</v>
      </c>
      <c r="BL11" s="191">
        <v>97</v>
      </c>
      <c r="BM11" s="191">
        <v>57</v>
      </c>
      <c r="BN11" s="191">
        <v>40</v>
      </c>
      <c r="BO11" s="194">
        <v>331</v>
      </c>
      <c r="BP11" s="195">
        <v>331</v>
      </c>
      <c r="BQ11" s="190">
        <v>0</v>
      </c>
      <c r="BR11" s="191">
        <v>0</v>
      </c>
      <c r="BS11" s="196">
        <v>0</v>
      </c>
      <c r="BT11" s="193">
        <v>0</v>
      </c>
      <c r="BU11" s="191">
        <v>2</v>
      </c>
      <c r="BV11" s="191">
        <v>8</v>
      </c>
      <c r="BW11" s="191">
        <v>12</v>
      </c>
      <c r="BX11" s="191">
        <v>10</v>
      </c>
      <c r="BY11" s="191">
        <v>12</v>
      </c>
      <c r="BZ11" s="196">
        <v>44</v>
      </c>
      <c r="CA11" s="195">
        <v>44</v>
      </c>
      <c r="CB11" s="190">
        <v>0</v>
      </c>
      <c r="CC11" s="191">
        <v>0</v>
      </c>
      <c r="CD11" s="196">
        <v>0</v>
      </c>
      <c r="CE11" s="193">
        <v>0</v>
      </c>
      <c r="CF11" s="191">
        <v>0</v>
      </c>
      <c r="CG11" s="191">
        <v>1</v>
      </c>
      <c r="CH11" s="191">
        <v>13</v>
      </c>
      <c r="CI11" s="191">
        <v>25</v>
      </c>
      <c r="CJ11" s="191">
        <v>7</v>
      </c>
      <c r="CK11" s="196">
        <v>46</v>
      </c>
      <c r="CL11" s="195">
        <v>46</v>
      </c>
      <c r="CM11" s="190">
        <v>0</v>
      </c>
      <c r="CN11" s="191">
        <v>0</v>
      </c>
      <c r="CO11" s="196">
        <v>0</v>
      </c>
      <c r="CP11" s="193">
        <v>0</v>
      </c>
      <c r="CQ11" s="191">
        <v>14</v>
      </c>
      <c r="CR11" s="191">
        <v>19</v>
      </c>
      <c r="CS11" s="191">
        <v>20</v>
      </c>
      <c r="CT11" s="191">
        <v>12</v>
      </c>
      <c r="CU11" s="191">
        <v>9</v>
      </c>
      <c r="CV11" s="196">
        <v>74</v>
      </c>
      <c r="CW11" s="195">
        <v>74</v>
      </c>
    </row>
    <row r="12" spans="2:101" ht="21" customHeight="1" x14ac:dyDescent="0.2">
      <c r="B12" s="106" t="s">
        <v>9</v>
      </c>
      <c r="C12" s="190">
        <v>0</v>
      </c>
      <c r="D12" s="196">
        <v>0</v>
      </c>
      <c r="E12" s="207">
        <v>0</v>
      </c>
      <c r="F12" s="193">
        <v>0</v>
      </c>
      <c r="G12" s="191">
        <v>0</v>
      </c>
      <c r="H12" s="191">
        <v>3</v>
      </c>
      <c r="I12" s="191">
        <v>3</v>
      </c>
      <c r="J12" s="191">
        <v>8</v>
      </c>
      <c r="K12" s="191">
        <v>5</v>
      </c>
      <c r="L12" s="194">
        <v>19</v>
      </c>
      <c r="M12" s="195">
        <v>19</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52</v>
      </c>
      <c r="AD12" s="191">
        <v>296</v>
      </c>
      <c r="AE12" s="191">
        <v>161</v>
      </c>
      <c r="AF12" s="191">
        <v>105</v>
      </c>
      <c r="AG12" s="191">
        <v>34</v>
      </c>
      <c r="AH12" s="196">
        <v>1048</v>
      </c>
      <c r="AI12" s="195">
        <v>1048</v>
      </c>
      <c r="AJ12" s="190">
        <v>0</v>
      </c>
      <c r="AK12" s="191">
        <v>0</v>
      </c>
      <c r="AL12" s="196">
        <v>0</v>
      </c>
      <c r="AM12" s="193">
        <v>0</v>
      </c>
      <c r="AN12" s="191">
        <v>7</v>
      </c>
      <c r="AO12" s="191">
        <v>8</v>
      </c>
      <c r="AP12" s="191">
        <v>12</v>
      </c>
      <c r="AQ12" s="191">
        <v>0</v>
      </c>
      <c r="AR12" s="191">
        <v>3</v>
      </c>
      <c r="AS12" s="196">
        <v>30</v>
      </c>
      <c r="AT12" s="195">
        <v>30</v>
      </c>
      <c r="AU12" s="190">
        <v>4</v>
      </c>
      <c r="AV12" s="191">
        <v>4</v>
      </c>
      <c r="AW12" s="196">
        <v>8</v>
      </c>
      <c r="AX12" s="193">
        <v>0</v>
      </c>
      <c r="AY12" s="191">
        <v>37</v>
      </c>
      <c r="AZ12" s="191">
        <v>32</v>
      </c>
      <c r="BA12" s="191">
        <v>22</v>
      </c>
      <c r="BB12" s="191">
        <v>23</v>
      </c>
      <c r="BC12" s="191">
        <v>15</v>
      </c>
      <c r="BD12" s="196">
        <v>129</v>
      </c>
      <c r="BE12" s="195">
        <v>137</v>
      </c>
      <c r="BF12" s="190">
        <v>0</v>
      </c>
      <c r="BG12" s="191">
        <v>0</v>
      </c>
      <c r="BH12" s="196">
        <v>0</v>
      </c>
      <c r="BI12" s="193">
        <v>0</v>
      </c>
      <c r="BJ12" s="191">
        <v>33</v>
      </c>
      <c r="BK12" s="191">
        <v>62</v>
      </c>
      <c r="BL12" s="191">
        <v>78</v>
      </c>
      <c r="BM12" s="191">
        <v>63</v>
      </c>
      <c r="BN12" s="191">
        <v>26</v>
      </c>
      <c r="BO12" s="194">
        <v>262</v>
      </c>
      <c r="BP12" s="195">
        <v>262</v>
      </c>
      <c r="BQ12" s="190">
        <v>0</v>
      </c>
      <c r="BR12" s="191">
        <v>0</v>
      </c>
      <c r="BS12" s="196">
        <v>0</v>
      </c>
      <c r="BT12" s="193">
        <v>0</v>
      </c>
      <c r="BU12" s="191">
        <v>2</v>
      </c>
      <c r="BV12" s="191">
        <v>4</v>
      </c>
      <c r="BW12" s="191">
        <v>6</v>
      </c>
      <c r="BX12" s="191">
        <v>7</v>
      </c>
      <c r="BY12" s="191">
        <v>4</v>
      </c>
      <c r="BZ12" s="196">
        <v>23</v>
      </c>
      <c r="CA12" s="195">
        <v>23</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5</v>
      </c>
      <c r="CR12" s="191">
        <v>6</v>
      </c>
      <c r="CS12" s="191">
        <v>11</v>
      </c>
      <c r="CT12" s="191">
        <v>8</v>
      </c>
      <c r="CU12" s="191">
        <v>12</v>
      </c>
      <c r="CV12" s="196">
        <v>42</v>
      </c>
      <c r="CW12" s="195">
        <v>42</v>
      </c>
    </row>
    <row r="13" spans="2:101" ht="21" customHeight="1" x14ac:dyDescent="0.2">
      <c r="B13" s="106" t="s">
        <v>10</v>
      </c>
      <c r="C13" s="190">
        <v>0</v>
      </c>
      <c r="D13" s="196">
        <v>0</v>
      </c>
      <c r="E13" s="207">
        <v>0</v>
      </c>
      <c r="F13" s="193">
        <v>0</v>
      </c>
      <c r="G13" s="191">
        <v>19</v>
      </c>
      <c r="H13" s="191">
        <v>15</v>
      </c>
      <c r="I13" s="191">
        <v>13</v>
      </c>
      <c r="J13" s="191">
        <v>18</v>
      </c>
      <c r="K13" s="191">
        <v>15</v>
      </c>
      <c r="L13" s="194">
        <v>80</v>
      </c>
      <c r="M13" s="195">
        <v>80</v>
      </c>
      <c r="N13" s="190">
        <v>0</v>
      </c>
      <c r="O13" s="191">
        <v>0</v>
      </c>
      <c r="P13" s="196">
        <v>0</v>
      </c>
      <c r="Q13" s="193">
        <v>0</v>
      </c>
      <c r="R13" s="191">
        <v>11</v>
      </c>
      <c r="S13" s="191">
        <v>3</v>
      </c>
      <c r="T13" s="191">
        <v>7</v>
      </c>
      <c r="U13" s="191">
        <v>7</v>
      </c>
      <c r="V13" s="191">
        <v>5</v>
      </c>
      <c r="W13" s="196">
        <v>33</v>
      </c>
      <c r="X13" s="195">
        <v>33</v>
      </c>
      <c r="Y13" s="190">
        <v>0</v>
      </c>
      <c r="Z13" s="191">
        <v>0</v>
      </c>
      <c r="AA13" s="196">
        <v>0</v>
      </c>
      <c r="AB13" s="193">
        <v>0</v>
      </c>
      <c r="AC13" s="191">
        <v>576</v>
      </c>
      <c r="AD13" s="191">
        <v>237</v>
      </c>
      <c r="AE13" s="191">
        <v>122</v>
      </c>
      <c r="AF13" s="191">
        <v>66</v>
      </c>
      <c r="AG13" s="191">
        <v>18</v>
      </c>
      <c r="AH13" s="196">
        <v>1019</v>
      </c>
      <c r="AI13" s="195">
        <v>1019</v>
      </c>
      <c r="AJ13" s="190">
        <v>0</v>
      </c>
      <c r="AK13" s="191">
        <v>1</v>
      </c>
      <c r="AL13" s="196">
        <v>1</v>
      </c>
      <c r="AM13" s="193">
        <v>0</v>
      </c>
      <c r="AN13" s="191">
        <v>16</v>
      </c>
      <c r="AO13" s="191">
        <v>10</v>
      </c>
      <c r="AP13" s="191">
        <v>24</v>
      </c>
      <c r="AQ13" s="191">
        <v>16</v>
      </c>
      <c r="AR13" s="191">
        <v>8</v>
      </c>
      <c r="AS13" s="196">
        <v>74</v>
      </c>
      <c r="AT13" s="195">
        <v>75</v>
      </c>
      <c r="AU13" s="190">
        <v>12</v>
      </c>
      <c r="AV13" s="191">
        <v>17</v>
      </c>
      <c r="AW13" s="196">
        <v>29</v>
      </c>
      <c r="AX13" s="193">
        <v>0</v>
      </c>
      <c r="AY13" s="191">
        <v>95</v>
      </c>
      <c r="AZ13" s="191">
        <v>64</v>
      </c>
      <c r="BA13" s="191">
        <v>66</v>
      </c>
      <c r="BB13" s="191">
        <v>44</v>
      </c>
      <c r="BC13" s="191">
        <v>41</v>
      </c>
      <c r="BD13" s="196">
        <v>310</v>
      </c>
      <c r="BE13" s="195">
        <v>339</v>
      </c>
      <c r="BF13" s="190">
        <v>0</v>
      </c>
      <c r="BG13" s="191">
        <v>3</v>
      </c>
      <c r="BH13" s="196">
        <v>3</v>
      </c>
      <c r="BI13" s="193">
        <v>0</v>
      </c>
      <c r="BJ13" s="191">
        <v>104</v>
      </c>
      <c r="BK13" s="191">
        <v>111</v>
      </c>
      <c r="BL13" s="191">
        <v>122</v>
      </c>
      <c r="BM13" s="191">
        <v>82</v>
      </c>
      <c r="BN13" s="191">
        <v>76</v>
      </c>
      <c r="BO13" s="194">
        <v>495</v>
      </c>
      <c r="BP13" s="195">
        <v>498</v>
      </c>
      <c r="BQ13" s="190">
        <v>0</v>
      </c>
      <c r="BR13" s="191">
        <v>0</v>
      </c>
      <c r="BS13" s="196">
        <v>0</v>
      </c>
      <c r="BT13" s="193">
        <v>0</v>
      </c>
      <c r="BU13" s="191">
        <v>36</v>
      </c>
      <c r="BV13" s="191">
        <v>27</v>
      </c>
      <c r="BW13" s="191">
        <v>36</v>
      </c>
      <c r="BX13" s="191">
        <v>37</v>
      </c>
      <c r="BY13" s="191">
        <v>30</v>
      </c>
      <c r="BZ13" s="196">
        <v>166</v>
      </c>
      <c r="CA13" s="195">
        <v>166</v>
      </c>
      <c r="CB13" s="190">
        <v>0</v>
      </c>
      <c r="CC13" s="191">
        <v>0</v>
      </c>
      <c r="CD13" s="196">
        <v>0</v>
      </c>
      <c r="CE13" s="193">
        <v>0</v>
      </c>
      <c r="CF13" s="191">
        <v>0</v>
      </c>
      <c r="CG13" s="191">
        <v>1</v>
      </c>
      <c r="CH13" s="191">
        <v>4</v>
      </c>
      <c r="CI13" s="191">
        <v>21</v>
      </c>
      <c r="CJ13" s="191">
        <v>15</v>
      </c>
      <c r="CK13" s="196">
        <v>41</v>
      </c>
      <c r="CL13" s="195">
        <v>41</v>
      </c>
      <c r="CM13" s="190">
        <v>0</v>
      </c>
      <c r="CN13" s="191">
        <v>0</v>
      </c>
      <c r="CO13" s="196">
        <v>0</v>
      </c>
      <c r="CP13" s="193">
        <v>0</v>
      </c>
      <c r="CQ13" s="191">
        <v>24</v>
      </c>
      <c r="CR13" s="191">
        <v>31</v>
      </c>
      <c r="CS13" s="191">
        <v>22</v>
      </c>
      <c r="CT13" s="191">
        <v>45</v>
      </c>
      <c r="CU13" s="191">
        <v>31</v>
      </c>
      <c r="CV13" s="196">
        <v>153</v>
      </c>
      <c r="CW13" s="195">
        <v>153</v>
      </c>
    </row>
    <row r="14" spans="2:101" ht="21" customHeight="1" x14ac:dyDescent="0.2">
      <c r="B14" s="106" t="s">
        <v>11</v>
      </c>
      <c r="C14" s="190">
        <v>0</v>
      </c>
      <c r="D14" s="196">
        <v>0</v>
      </c>
      <c r="E14" s="207">
        <v>0</v>
      </c>
      <c r="F14" s="193">
        <v>0</v>
      </c>
      <c r="G14" s="191">
        <v>9</v>
      </c>
      <c r="H14" s="191">
        <v>6</v>
      </c>
      <c r="I14" s="191">
        <v>3</v>
      </c>
      <c r="J14" s="191">
        <v>6</v>
      </c>
      <c r="K14" s="191">
        <v>5</v>
      </c>
      <c r="L14" s="194">
        <v>29</v>
      </c>
      <c r="M14" s="195">
        <v>29</v>
      </c>
      <c r="N14" s="190">
        <v>0</v>
      </c>
      <c r="O14" s="191">
        <v>0</v>
      </c>
      <c r="P14" s="196">
        <v>0</v>
      </c>
      <c r="Q14" s="193">
        <v>0</v>
      </c>
      <c r="R14" s="191">
        <v>13</v>
      </c>
      <c r="S14" s="191">
        <v>13</v>
      </c>
      <c r="T14" s="191">
        <v>8</v>
      </c>
      <c r="U14" s="191">
        <v>15</v>
      </c>
      <c r="V14" s="191">
        <v>8</v>
      </c>
      <c r="W14" s="196">
        <v>57</v>
      </c>
      <c r="X14" s="195">
        <v>57</v>
      </c>
      <c r="Y14" s="190">
        <v>0</v>
      </c>
      <c r="Z14" s="191">
        <v>0</v>
      </c>
      <c r="AA14" s="196">
        <v>0</v>
      </c>
      <c r="AB14" s="193">
        <v>0</v>
      </c>
      <c r="AC14" s="191">
        <v>499</v>
      </c>
      <c r="AD14" s="191">
        <v>245</v>
      </c>
      <c r="AE14" s="191">
        <v>149</v>
      </c>
      <c r="AF14" s="191">
        <v>69</v>
      </c>
      <c r="AG14" s="191">
        <v>31</v>
      </c>
      <c r="AH14" s="196">
        <v>993</v>
      </c>
      <c r="AI14" s="195">
        <v>993</v>
      </c>
      <c r="AJ14" s="190">
        <v>0</v>
      </c>
      <c r="AK14" s="191">
        <v>0</v>
      </c>
      <c r="AL14" s="196">
        <v>0</v>
      </c>
      <c r="AM14" s="193">
        <v>0</v>
      </c>
      <c r="AN14" s="191">
        <v>23</v>
      </c>
      <c r="AO14" s="191">
        <v>16</v>
      </c>
      <c r="AP14" s="191">
        <v>12</v>
      </c>
      <c r="AQ14" s="191">
        <v>7</v>
      </c>
      <c r="AR14" s="191">
        <v>1</v>
      </c>
      <c r="AS14" s="196">
        <v>59</v>
      </c>
      <c r="AT14" s="195">
        <v>59</v>
      </c>
      <c r="AU14" s="190">
        <v>2</v>
      </c>
      <c r="AV14" s="191">
        <v>4</v>
      </c>
      <c r="AW14" s="196">
        <v>6</v>
      </c>
      <c r="AX14" s="193">
        <v>0</v>
      </c>
      <c r="AY14" s="191">
        <v>37</v>
      </c>
      <c r="AZ14" s="191">
        <v>36</v>
      </c>
      <c r="BA14" s="191">
        <v>37</v>
      </c>
      <c r="BB14" s="191">
        <v>20</v>
      </c>
      <c r="BC14" s="191">
        <v>10</v>
      </c>
      <c r="BD14" s="196">
        <v>140</v>
      </c>
      <c r="BE14" s="195">
        <v>146</v>
      </c>
      <c r="BF14" s="190">
        <v>0</v>
      </c>
      <c r="BG14" s="191">
        <v>2</v>
      </c>
      <c r="BH14" s="196">
        <v>2</v>
      </c>
      <c r="BI14" s="193">
        <v>0</v>
      </c>
      <c r="BJ14" s="191">
        <v>58</v>
      </c>
      <c r="BK14" s="191">
        <v>76</v>
      </c>
      <c r="BL14" s="191">
        <v>89</v>
      </c>
      <c r="BM14" s="191">
        <v>59</v>
      </c>
      <c r="BN14" s="191">
        <v>25</v>
      </c>
      <c r="BO14" s="194">
        <v>307</v>
      </c>
      <c r="BP14" s="195">
        <v>309</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1</v>
      </c>
      <c r="CR14" s="191">
        <v>6</v>
      </c>
      <c r="CS14" s="191">
        <v>8</v>
      </c>
      <c r="CT14" s="191">
        <v>7</v>
      </c>
      <c r="CU14" s="191">
        <v>4</v>
      </c>
      <c r="CV14" s="196">
        <v>36</v>
      </c>
      <c r="CW14" s="195">
        <v>36</v>
      </c>
    </row>
    <row r="15" spans="2:101" ht="21" customHeight="1" x14ac:dyDescent="0.2">
      <c r="B15" s="106" t="s">
        <v>12</v>
      </c>
      <c r="C15" s="190">
        <v>0</v>
      </c>
      <c r="D15" s="196">
        <v>0</v>
      </c>
      <c r="E15" s="207">
        <v>0</v>
      </c>
      <c r="F15" s="193">
        <v>0</v>
      </c>
      <c r="G15" s="191">
        <v>10</v>
      </c>
      <c r="H15" s="191">
        <v>4</v>
      </c>
      <c r="I15" s="191">
        <v>3</v>
      </c>
      <c r="J15" s="191">
        <v>3</v>
      </c>
      <c r="K15" s="191">
        <v>5</v>
      </c>
      <c r="L15" s="194">
        <v>25</v>
      </c>
      <c r="M15" s="195">
        <v>25</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82</v>
      </c>
      <c r="AD15" s="191">
        <v>244</v>
      </c>
      <c r="AE15" s="191">
        <v>144</v>
      </c>
      <c r="AF15" s="191">
        <v>73</v>
      </c>
      <c r="AG15" s="191">
        <v>32</v>
      </c>
      <c r="AH15" s="196">
        <v>875</v>
      </c>
      <c r="AI15" s="195">
        <v>875</v>
      </c>
      <c r="AJ15" s="190">
        <v>0</v>
      </c>
      <c r="AK15" s="191">
        <v>0</v>
      </c>
      <c r="AL15" s="196">
        <v>0</v>
      </c>
      <c r="AM15" s="193">
        <v>0</v>
      </c>
      <c r="AN15" s="191">
        <v>6</v>
      </c>
      <c r="AO15" s="191">
        <v>2</v>
      </c>
      <c r="AP15" s="191">
        <v>1</v>
      </c>
      <c r="AQ15" s="191">
        <v>1</v>
      </c>
      <c r="AR15" s="191">
        <v>1</v>
      </c>
      <c r="AS15" s="196">
        <v>11</v>
      </c>
      <c r="AT15" s="195">
        <v>11</v>
      </c>
      <c r="AU15" s="190">
        <v>0</v>
      </c>
      <c r="AV15" s="191">
        <v>1</v>
      </c>
      <c r="AW15" s="196">
        <v>1</v>
      </c>
      <c r="AX15" s="193">
        <v>0</v>
      </c>
      <c r="AY15" s="191">
        <v>31</v>
      </c>
      <c r="AZ15" s="191">
        <v>37</v>
      </c>
      <c r="BA15" s="191">
        <v>43</v>
      </c>
      <c r="BB15" s="191">
        <v>35</v>
      </c>
      <c r="BC15" s="191">
        <v>25</v>
      </c>
      <c r="BD15" s="196">
        <v>171</v>
      </c>
      <c r="BE15" s="195">
        <v>172</v>
      </c>
      <c r="BF15" s="190">
        <v>0</v>
      </c>
      <c r="BG15" s="191">
        <v>0</v>
      </c>
      <c r="BH15" s="196">
        <v>0</v>
      </c>
      <c r="BI15" s="193">
        <v>0</v>
      </c>
      <c r="BJ15" s="191">
        <v>37</v>
      </c>
      <c r="BK15" s="191">
        <v>47</v>
      </c>
      <c r="BL15" s="191">
        <v>46</v>
      </c>
      <c r="BM15" s="191">
        <v>33</v>
      </c>
      <c r="BN15" s="191">
        <v>35</v>
      </c>
      <c r="BO15" s="194">
        <v>198</v>
      </c>
      <c r="BP15" s="195">
        <v>198</v>
      </c>
      <c r="BQ15" s="190">
        <v>0</v>
      </c>
      <c r="BR15" s="191">
        <v>0</v>
      </c>
      <c r="BS15" s="196">
        <v>0</v>
      </c>
      <c r="BT15" s="193">
        <v>0</v>
      </c>
      <c r="BU15" s="191">
        <v>0</v>
      </c>
      <c r="BV15" s="191">
        <v>6</v>
      </c>
      <c r="BW15" s="191">
        <v>8</v>
      </c>
      <c r="BX15" s="191">
        <v>11</v>
      </c>
      <c r="BY15" s="191">
        <v>4</v>
      </c>
      <c r="BZ15" s="196">
        <v>29</v>
      </c>
      <c r="CA15" s="195">
        <v>29</v>
      </c>
      <c r="CB15" s="190">
        <v>0</v>
      </c>
      <c r="CC15" s="191">
        <v>0</v>
      </c>
      <c r="CD15" s="196">
        <v>0</v>
      </c>
      <c r="CE15" s="193">
        <v>0</v>
      </c>
      <c r="CF15" s="191">
        <v>0</v>
      </c>
      <c r="CG15" s="191">
        <v>0</v>
      </c>
      <c r="CH15" s="191">
        <v>12</v>
      </c>
      <c r="CI15" s="191">
        <v>13</v>
      </c>
      <c r="CJ15" s="191">
        <v>4</v>
      </c>
      <c r="CK15" s="196">
        <v>29</v>
      </c>
      <c r="CL15" s="195">
        <v>29</v>
      </c>
      <c r="CM15" s="190">
        <v>0</v>
      </c>
      <c r="CN15" s="191">
        <v>0</v>
      </c>
      <c r="CO15" s="196">
        <v>0</v>
      </c>
      <c r="CP15" s="193">
        <v>0</v>
      </c>
      <c r="CQ15" s="191">
        <v>5</v>
      </c>
      <c r="CR15" s="191">
        <v>16</v>
      </c>
      <c r="CS15" s="191">
        <v>24</v>
      </c>
      <c r="CT15" s="191">
        <v>23</v>
      </c>
      <c r="CU15" s="191">
        <v>16</v>
      </c>
      <c r="CV15" s="196">
        <v>84</v>
      </c>
      <c r="CW15" s="195">
        <v>84</v>
      </c>
    </row>
    <row r="16" spans="2:101" ht="21" customHeight="1" x14ac:dyDescent="0.2">
      <c r="B16" s="106" t="s">
        <v>13</v>
      </c>
      <c r="C16" s="190">
        <v>0</v>
      </c>
      <c r="D16" s="196">
        <v>0</v>
      </c>
      <c r="E16" s="207">
        <v>0</v>
      </c>
      <c r="F16" s="193">
        <v>0</v>
      </c>
      <c r="G16" s="191">
        <v>1</v>
      </c>
      <c r="H16" s="191">
        <v>1</v>
      </c>
      <c r="I16" s="191">
        <v>1</v>
      </c>
      <c r="J16" s="191">
        <v>1</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6</v>
      </c>
      <c r="AD16" s="191">
        <v>167</v>
      </c>
      <c r="AE16" s="191">
        <v>73</v>
      </c>
      <c r="AF16" s="191">
        <v>39</v>
      </c>
      <c r="AG16" s="191">
        <v>16</v>
      </c>
      <c r="AH16" s="196">
        <v>461</v>
      </c>
      <c r="AI16" s="195">
        <v>461</v>
      </c>
      <c r="AJ16" s="190">
        <v>0</v>
      </c>
      <c r="AK16" s="191">
        <v>0</v>
      </c>
      <c r="AL16" s="196">
        <v>0</v>
      </c>
      <c r="AM16" s="193">
        <v>0</v>
      </c>
      <c r="AN16" s="191">
        <v>1</v>
      </c>
      <c r="AO16" s="191">
        <v>7</v>
      </c>
      <c r="AP16" s="191">
        <v>8</v>
      </c>
      <c r="AQ16" s="191">
        <v>6</v>
      </c>
      <c r="AR16" s="191">
        <v>7</v>
      </c>
      <c r="AS16" s="196">
        <v>29</v>
      </c>
      <c r="AT16" s="195">
        <v>29</v>
      </c>
      <c r="AU16" s="190">
        <v>3</v>
      </c>
      <c r="AV16" s="191">
        <v>1</v>
      </c>
      <c r="AW16" s="196">
        <v>4</v>
      </c>
      <c r="AX16" s="193">
        <v>0</v>
      </c>
      <c r="AY16" s="191">
        <v>14</v>
      </c>
      <c r="AZ16" s="191">
        <v>9</v>
      </c>
      <c r="BA16" s="191">
        <v>7</v>
      </c>
      <c r="BB16" s="191">
        <v>1</v>
      </c>
      <c r="BC16" s="191">
        <v>3</v>
      </c>
      <c r="BD16" s="196">
        <v>34</v>
      </c>
      <c r="BE16" s="195">
        <v>38</v>
      </c>
      <c r="BF16" s="190">
        <v>0</v>
      </c>
      <c r="BG16" s="191">
        <v>0</v>
      </c>
      <c r="BH16" s="196">
        <v>0</v>
      </c>
      <c r="BI16" s="193">
        <v>0</v>
      </c>
      <c r="BJ16" s="191">
        <v>16</v>
      </c>
      <c r="BK16" s="191">
        <v>12</v>
      </c>
      <c r="BL16" s="191">
        <v>14</v>
      </c>
      <c r="BM16" s="191">
        <v>22</v>
      </c>
      <c r="BN16" s="191">
        <v>14</v>
      </c>
      <c r="BO16" s="194">
        <v>78</v>
      </c>
      <c r="BP16" s="195">
        <v>78</v>
      </c>
      <c r="BQ16" s="190">
        <v>0</v>
      </c>
      <c r="BR16" s="191">
        <v>0</v>
      </c>
      <c r="BS16" s="196">
        <v>0</v>
      </c>
      <c r="BT16" s="193">
        <v>0</v>
      </c>
      <c r="BU16" s="191">
        <v>3</v>
      </c>
      <c r="BV16" s="191">
        <v>1</v>
      </c>
      <c r="BW16" s="191">
        <v>4</v>
      </c>
      <c r="BX16" s="191">
        <v>6</v>
      </c>
      <c r="BY16" s="191">
        <v>1</v>
      </c>
      <c r="BZ16" s="196">
        <v>15</v>
      </c>
      <c r="CA16" s="195">
        <v>15</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4</v>
      </c>
      <c r="H17" s="191">
        <v>3</v>
      </c>
      <c r="I17" s="191">
        <v>3</v>
      </c>
      <c r="J17" s="191">
        <v>3</v>
      </c>
      <c r="K17" s="191">
        <v>4</v>
      </c>
      <c r="L17" s="194">
        <v>17</v>
      </c>
      <c r="M17" s="195">
        <v>17</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207</v>
      </c>
      <c r="AD17" s="191">
        <v>207</v>
      </c>
      <c r="AE17" s="191">
        <v>84</v>
      </c>
      <c r="AF17" s="191">
        <v>33</v>
      </c>
      <c r="AG17" s="191">
        <v>22</v>
      </c>
      <c r="AH17" s="196">
        <v>553</v>
      </c>
      <c r="AI17" s="195">
        <v>553</v>
      </c>
      <c r="AJ17" s="190">
        <v>0</v>
      </c>
      <c r="AK17" s="191">
        <v>0</v>
      </c>
      <c r="AL17" s="196">
        <v>0</v>
      </c>
      <c r="AM17" s="193">
        <v>0</v>
      </c>
      <c r="AN17" s="191">
        <v>1</v>
      </c>
      <c r="AO17" s="191">
        <v>4</v>
      </c>
      <c r="AP17" s="191">
        <v>5</v>
      </c>
      <c r="AQ17" s="191">
        <v>3</v>
      </c>
      <c r="AR17" s="191">
        <v>2</v>
      </c>
      <c r="AS17" s="196">
        <v>15</v>
      </c>
      <c r="AT17" s="195">
        <v>15</v>
      </c>
      <c r="AU17" s="190">
        <v>2</v>
      </c>
      <c r="AV17" s="191">
        <v>13</v>
      </c>
      <c r="AW17" s="196">
        <v>15</v>
      </c>
      <c r="AX17" s="193">
        <v>0</v>
      </c>
      <c r="AY17" s="191">
        <v>20</v>
      </c>
      <c r="AZ17" s="191">
        <v>13</v>
      </c>
      <c r="BA17" s="191">
        <v>5</v>
      </c>
      <c r="BB17" s="191">
        <v>12</v>
      </c>
      <c r="BC17" s="191">
        <v>4</v>
      </c>
      <c r="BD17" s="196">
        <v>54</v>
      </c>
      <c r="BE17" s="195">
        <v>69</v>
      </c>
      <c r="BF17" s="190">
        <v>0</v>
      </c>
      <c r="BG17" s="191">
        <v>1</v>
      </c>
      <c r="BH17" s="196">
        <v>1</v>
      </c>
      <c r="BI17" s="193">
        <v>0</v>
      </c>
      <c r="BJ17" s="191">
        <v>36</v>
      </c>
      <c r="BK17" s="191">
        <v>42</v>
      </c>
      <c r="BL17" s="191">
        <v>40</v>
      </c>
      <c r="BM17" s="191">
        <v>23</v>
      </c>
      <c r="BN17" s="191">
        <v>16</v>
      </c>
      <c r="BO17" s="194">
        <v>157</v>
      </c>
      <c r="BP17" s="195">
        <v>158</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10</v>
      </c>
      <c r="CI17" s="191">
        <v>11</v>
      </c>
      <c r="CJ17" s="191">
        <v>8</v>
      </c>
      <c r="CK17" s="196">
        <v>29</v>
      </c>
      <c r="CL17" s="195">
        <v>29</v>
      </c>
      <c r="CM17" s="190">
        <v>0</v>
      </c>
      <c r="CN17" s="191">
        <v>0</v>
      </c>
      <c r="CO17" s="196">
        <v>0</v>
      </c>
      <c r="CP17" s="193">
        <v>0</v>
      </c>
      <c r="CQ17" s="191">
        <v>4</v>
      </c>
      <c r="CR17" s="191">
        <v>10</v>
      </c>
      <c r="CS17" s="191">
        <v>5</v>
      </c>
      <c r="CT17" s="191">
        <v>2</v>
      </c>
      <c r="CU17" s="191">
        <v>2</v>
      </c>
      <c r="CV17" s="196">
        <v>23</v>
      </c>
      <c r="CW17" s="195">
        <v>23</v>
      </c>
    </row>
    <row r="18" spans="2:101" ht="21" customHeight="1" x14ac:dyDescent="0.2">
      <c r="B18" s="106" t="s">
        <v>16</v>
      </c>
      <c r="C18" s="190">
        <v>0</v>
      </c>
      <c r="D18" s="196">
        <v>0</v>
      </c>
      <c r="E18" s="207">
        <v>0</v>
      </c>
      <c r="F18" s="193">
        <v>0</v>
      </c>
      <c r="G18" s="191">
        <v>7</v>
      </c>
      <c r="H18" s="191">
        <v>13</v>
      </c>
      <c r="I18" s="191">
        <v>13</v>
      </c>
      <c r="J18" s="191">
        <v>11</v>
      </c>
      <c r="K18" s="191">
        <v>7</v>
      </c>
      <c r="L18" s="194">
        <v>51</v>
      </c>
      <c r="M18" s="195">
        <v>51</v>
      </c>
      <c r="N18" s="190">
        <v>0</v>
      </c>
      <c r="O18" s="191">
        <v>0</v>
      </c>
      <c r="P18" s="196">
        <v>0</v>
      </c>
      <c r="Q18" s="193">
        <v>0</v>
      </c>
      <c r="R18" s="191">
        <v>0</v>
      </c>
      <c r="S18" s="191">
        <v>2</v>
      </c>
      <c r="T18" s="191">
        <v>1</v>
      </c>
      <c r="U18" s="191">
        <v>2</v>
      </c>
      <c r="V18" s="191">
        <v>1</v>
      </c>
      <c r="W18" s="196">
        <v>6</v>
      </c>
      <c r="X18" s="195">
        <v>6</v>
      </c>
      <c r="Y18" s="190">
        <v>0</v>
      </c>
      <c r="Z18" s="191">
        <v>0</v>
      </c>
      <c r="AA18" s="196">
        <v>0</v>
      </c>
      <c r="AB18" s="193">
        <v>0</v>
      </c>
      <c r="AC18" s="191">
        <v>151</v>
      </c>
      <c r="AD18" s="191">
        <v>201</v>
      </c>
      <c r="AE18" s="191">
        <v>90</v>
      </c>
      <c r="AF18" s="191">
        <v>43</v>
      </c>
      <c r="AG18" s="191">
        <v>13</v>
      </c>
      <c r="AH18" s="196">
        <v>498</v>
      </c>
      <c r="AI18" s="195">
        <v>498</v>
      </c>
      <c r="AJ18" s="190">
        <v>0</v>
      </c>
      <c r="AK18" s="191">
        <v>0</v>
      </c>
      <c r="AL18" s="196">
        <v>0</v>
      </c>
      <c r="AM18" s="193">
        <v>0</v>
      </c>
      <c r="AN18" s="191">
        <v>5</v>
      </c>
      <c r="AO18" s="191">
        <v>7</v>
      </c>
      <c r="AP18" s="191">
        <v>7</v>
      </c>
      <c r="AQ18" s="191">
        <v>7</v>
      </c>
      <c r="AR18" s="191">
        <v>3</v>
      </c>
      <c r="AS18" s="196">
        <v>29</v>
      </c>
      <c r="AT18" s="195">
        <v>29</v>
      </c>
      <c r="AU18" s="190">
        <v>3</v>
      </c>
      <c r="AV18" s="191">
        <v>3</v>
      </c>
      <c r="AW18" s="196">
        <v>6</v>
      </c>
      <c r="AX18" s="193">
        <v>0</v>
      </c>
      <c r="AY18" s="191">
        <v>19</v>
      </c>
      <c r="AZ18" s="191">
        <v>27</v>
      </c>
      <c r="BA18" s="191">
        <v>16</v>
      </c>
      <c r="BB18" s="191">
        <v>17</v>
      </c>
      <c r="BC18" s="191">
        <v>9</v>
      </c>
      <c r="BD18" s="196">
        <v>88</v>
      </c>
      <c r="BE18" s="195">
        <v>94</v>
      </c>
      <c r="BF18" s="190">
        <v>0</v>
      </c>
      <c r="BG18" s="191">
        <v>1</v>
      </c>
      <c r="BH18" s="196">
        <v>1</v>
      </c>
      <c r="BI18" s="193">
        <v>0</v>
      </c>
      <c r="BJ18" s="191">
        <v>23</v>
      </c>
      <c r="BK18" s="191">
        <v>48</v>
      </c>
      <c r="BL18" s="191">
        <v>48</v>
      </c>
      <c r="BM18" s="191">
        <v>35</v>
      </c>
      <c r="BN18" s="191">
        <v>22</v>
      </c>
      <c r="BO18" s="194">
        <v>176</v>
      </c>
      <c r="BP18" s="195">
        <v>177</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2</v>
      </c>
      <c r="CH18" s="191">
        <v>7</v>
      </c>
      <c r="CI18" s="191">
        <v>13</v>
      </c>
      <c r="CJ18" s="191">
        <v>8</v>
      </c>
      <c r="CK18" s="196">
        <v>30</v>
      </c>
      <c r="CL18" s="195">
        <v>30</v>
      </c>
      <c r="CM18" s="190">
        <v>0</v>
      </c>
      <c r="CN18" s="191">
        <v>0</v>
      </c>
      <c r="CO18" s="196">
        <v>0</v>
      </c>
      <c r="CP18" s="193">
        <v>0</v>
      </c>
      <c r="CQ18" s="191">
        <v>1</v>
      </c>
      <c r="CR18" s="191">
        <v>6</v>
      </c>
      <c r="CS18" s="191">
        <v>5</v>
      </c>
      <c r="CT18" s="191">
        <v>3</v>
      </c>
      <c r="CU18" s="191">
        <v>7</v>
      </c>
      <c r="CV18" s="196">
        <v>22</v>
      </c>
      <c r="CW18" s="195">
        <v>22</v>
      </c>
    </row>
    <row r="19" spans="2:101" ht="21" customHeight="1" x14ac:dyDescent="0.2">
      <c r="B19" s="106" t="s">
        <v>17</v>
      </c>
      <c r="C19" s="190">
        <v>0</v>
      </c>
      <c r="D19" s="196">
        <v>0</v>
      </c>
      <c r="E19" s="207">
        <v>0</v>
      </c>
      <c r="F19" s="193">
        <v>0</v>
      </c>
      <c r="G19" s="191">
        <v>1</v>
      </c>
      <c r="H19" s="191">
        <v>3</v>
      </c>
      <c r="I19" s="191">
        <v>2</v>
      </c>
      <c r="J19" s="191">
        <v>1</v>
      </c>
      <c r="K19" s="191">
        <v>0</v>
      </c>
      <c r="L19" s="194">
        <v>7</v>
      </c>
      <c r="M19" s="195">
        <v>7</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60</v>
      </c>
      <c r="AD19" s="191">
        <v>315</v>
      </c>
      <c r="AE19" s="191">
        <v>149</v>
      </c>
      <c r="AF19" s="191">
        <v>82</v>
      </c>
      <c r="AG19" s="191">
        <v>29</v>
      </c>
      <c r="AH19" s="196">
        <v>835</v>
      </c>
      <c r="AI19" s="195">
        <v>835</v>
      </c>
      <c r="AJ19" s="190">
        <v>2</v>
      </c>
      <c r="AK19" s="191">
        <v>2</v>
      </c>
      <c r="AL19" s="196">
        <v>4</v>
      </c>
      <c r="AM19" s="193">
        <v>0</v>
      </c>
      <c r="AN19" s="191">
        <v>25</v>
      </c>
      <c r="AO19" s="191">
        <v>23</v>
      </c>
      <c r="AP19" s="191">
        <v>17</v>
      </c>
      <c r="AQ19" s="191">
        <v>11</v>
      </c>
      <c r="AR19" s="191">
        <v>4</v>
      </c>
      <c r="AS19" s="196">
        <v>80</v>
      </c>
      <c r="AT19" s="195">
        <v>84</v>
      </c>
      <c r="AU19" s="190">
        <v>4</v>
      </c>
      <c r="AV19" s="191">
        <v>5</v>
      </c>
      <c r="AW19" s="196">
        <v>9</v>
      </c>
      <c r="AX19" s="193">
        <v>0</v>
      </c>
      <c r="AY19" s="191">
        <v>8</v>
      </c>
      <c r="AZ19" s="191">
        <v>29</v>
      </c>
      <c r="BA19" s="191">
        <v>41</v>
      </c>
      <c r="BB19" s="191">
        <v>23</v>
      </c>
      <c r="BC19" s="191">
        <v>17</v>
      </c>
      <c r="BD19" s="196">
        <v>118</v>
      </c>
      <c r="BE19" s="195">
        <v>127</v>
      </c>
      <c r="BF19" s="190">
        <v>0</v>
      </c>
      <c r="BG19" s="191">
        <v>0</v>
      </c>
      <c r="BH19" s="196">
        <v>0</v>
      </c>
      <c r="BI19" s="193">
        <v>0</v>
      </c>
      <c r="BJ19" s="191">
        <v>34</v>
      </c>
      <c r="BK19" s="191">
        <v>63</v>
      </c>
      <c r="BL19" s="191">
        <v>81</v>
      </c>
      <c r="BM19" s="191">
        <v>46</v>
      </c>
      <c r="BN19" s="191">
        <v>24</v>
      </c>
      <c r="BO19" s="194">
        <v>248</v>
      </c>
      <c r="BP19" s="195">
        <v>248</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29</v>
      </c>
      <c r="CI19" s="191">
        <v>46</v>
      </c>
      <c r="CJ19" s="191">
        <v>29</v>
      </c>
      <c r="CK19" s="196">
        <v>105</v>
      </c>
      <c r="CL19" s="195">
        <v>105</v>
      </c>
      <c r="CM19" s="190">
        <v>0</v>
      </c>
      <c r="CN19" s="191">
        <v>0</v>
      </c>
      <c r="CO19" s="196">
        <v>0</v>
      </c>
      <c r="CP19" s="193">
        <v>0</v>
      </c>
      <c r="CQ19" s="191">
        <v>1</v>
      </c>
      <c r="CR19" s="191">
        <v>3</v>
      </c>
      <c r="CS19" s="191">
        <v>4</v>
      </c>
      <c r="CT19" s="191">
        <v>6</v>
      </c>
      <c r="CU19" s="191">
        <v>11</v>
      </c>
      <c r="CV19" s="196">
        <v>25</v>
      </c>
      <c r="CW19" s="195">
        <v>25</v>
      </c>
    </row>
    <row r="20" spans="2:101" ht="21" customHeight="1" x14ac:dyDescent="0.2">
      <c r="B20" s="106" t="s">
        <v>18</v>
      </c>
      <c r="C20" s="190">
        <v>0</v>
      </c>
      <c r="D20" s="196">
        <v>0</v>
      </c>
      <c r="E20" s="207">
        <v>0</v>
      </c>
      <c r="F20" s="193">
        <v>0</v>
      </c>
      <c r="G20" s="191">
        <v>8</v>
      </c>
      <c r="H20" s="191">
        <v>4</v>
      </c>
      <c r="I20" s="191">
        <v>3</v>
      </c>
      <c r="J20" s="191">
        <v>5</v>
      </c>
      <c r="K20" s="191">
        <v>6</v>
      </c>
      <c r="L20" s="194">
        <v>26</v>
      </c>
      <c r="M20" s="195">
        <v>26</v>
      </c>
      <c r="N20" s="190">
        <v>0</v>
      </c>
      <c r="O20" s="191">
        <v>0</v>
      </c>
      <c r="P20" s="196">
        <v>0</v>
      </c>
      <c r="Q20" s="193">
        <v>0</v>
      </c>
      <c r="R20" s="191">
        <v>0</v>
      </c>
      <c r="S20" s="191">
        <v>0</v>
      </c>
      <c r="T20" s="191">
        <v>0</v>
      </c>
      <c r="U20" s="191">
        <v>0</v>
      </c>
      <c r="V20" s="191">
        <v>1</v>
      </c>
      <c r="W20" s="196">
        <v>1</v>
      </c>
      <c r="X20" s="195">
        <v>1</v>
      </c>
      <c r="Y20" s="190">
        <v>0</v>
      </c>
      <c r="Z20" s="191">
        <v>0</v>
      </c>
      <c r="AA20" s="196">
        <v>0</v>
      </c>
      <c r="AB20" s="193">
        <v>0</v>
      </c>
      <c r="AC20" s="191">
        <v>285</v>
      </c>
      <c r="AD20" s="191">
        <v>185</v>
      </c>
      <c r="AE20" s="191">
        <v>92</v>
      </c>
      <c r="AF20" s="191">
        <v>37</v>
      </c>
      <c r="AG20" s="191">
        <v>15</v>
      </c>
      <c r="AH20" s="196">
        <v>614</v>
      </c>
      <c r="AI20" s="195">
        <v>614</v>
      </c>
      <c r="AJ20" s="190">
        <v>0</v>
      </c>
      <c r="AK20" s="191">
        <v>0</v>
      </c>
      <c r="AL20" s="196">
        <v>0</v>
      </c>
      <c r="AM20" s="193">
        <v>0</v>
      </c>
      <c r="AN20" s="191">
        <v>11</v>
      </c>
      <c r="AO20" s="191">
        <v>11</v>
      </c>
      <c r="AP20" s="191">
        <v>23</v>
      </c>
      <c r="AQ20" s="191">
        <v>17</v>
      </c>
      <c r="AR20" s="191">
        <v>6</v>
      </c>
      <c r="AS20" s="196">
        <v>68</v>
      </c>
      <c r="AT20" s="195">
        <v>68</v>
      </c>
      <c r="AU20" s="190">
        <v>5</v>
      </c>
      <c r="AV20" s="191">
        <v>18</v>
      </c>
      <c r="AW20" s="196">
        <v>23</v>
      </c>
      <c r="AX20" s="193">
        <v>0</v>
      </c>
      <c r="AY20" s="191">
        <v>41</v>
      </c>
      <c r="AZ20" s="191">
        <v>42</v>
      </c>
      <c r="BA20" s="191">
        <v>48</v>
      </c>
      <c r="BB20" s="191">
        <v>19</v>
      </c>
      <c r="BC20" s="191">
        <v>8</v>
      </c>
      <c r="BD20" s="196">
        <v>158</v>
      </c>
      <c r="BE20" s="195">
        <v>181</v>
      </c>
      <c r="BF20" s="190">
        <v>0</v>
      </c>
      <c r="BG20" s="191">
        <v>4</v>
      </c>
      <c r="BH20" s="196">
        <v>4</v>
      </c>
      <c r="BI20" s="193">
        <v>0</v>
      </c>
      <c r="BJ20" s="191">
        <v>56</v>
      </c>
      <c r="BK20" s="191">
        <v>79</v>
      </c>
      <c r="BL20" s="191">
        <v>97</v>
      </c>
      <c r="BM20" s="191">
        <v>67</v>
      </c>
      <c r="BN20" s="191">
        <v>23</v>
      </c>
      <c r="BO20" s="194">
        <v>322</v>
      </c>
      <c r="BP20" s="195">
        <v>326</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2</v>
      </c>
      <c r="CH20" s="191">
        <v>6</v>
      </c>
      <c r="CI20" s="191">
        <v>16</v>
      </c>
      <c r="CJ20" s="191">
        <v>5</v>
      </c>
      <c r="CK20" s="196">
        <v>29</v>
      </c>
      <c r="CL20" s="195">
        <v>29</v>
      </c>
      <c r="CM20" s="190">
        <v>0</v>
      </c>
      <c r="CN20" s="191">
        <v>0</v>
      </c>
      <c r="CO20" s="196">
        <v>0</v>
      </c>
      <c r="CP20" s="193">
        <v>0</v>
      </c>
      <c r="CQ20" s="191">
        <v>4</v>
      </c>
      <c r="CR20" s="191">
        <v>10</v>
      </c>
      <c r="CS20" s="191">
        <v>10</v>
      </c>
      <c r="CT20" s="191">
        <v>20</v>
      </c>
      <c r="CU20" s="191">
        <v>27</v>
      </c>
      <c r="CV20" s="196">
        <v>71</v>
      </c>
      <c r="CW20" s="195">
        <v>71</v>
      </c>
    </row>
    <row r="21" spans="2:101" ht="21" customHeight="1" x14ac:dyDescent="0.2">
      <c r="B21" s="106" t="s">
        <v>19</v>
      </c>
      <c r="C21" s="190">
        <v>0</v>
      </c>
      <c r="D21" s="196">
        <v>0</v>
      </c>
      <c r="E21" s="207">
        <v>0</v>
      </c>
      <c r="F21" s="193">
        <v>0</v>
      </c>
      <c r="G21" s="191">
        <v>9</v>
      </c>
      <c r="H21" s="191">
        <v>15</v>
      </c>
      <c r="I21" s="191">
        <v>7</v>
      </c>
      <c r="J21" s="191">
        <v>4</v>
      </c>
      <c r="K21" s="191">
        <v>2</v>
      </c>
      <c r="L21" s="194">
        <v>37</v>
      </c>
      <c r="M21" s="195">
        <v>37</v>
      </c>
      <c r="N21" s="190">
        <v>0</v>
      </c>
      <c r="O21" s="191">
        <v>0</v>
      </c>
      <c r="P21" s="196">
        <v>0</v>
      </c>
      <c r="Q21" s="193">
        <v>0</v>
      </c>
      <c r="R21" s="191">
        <v>2</v>
      </c>
      <c r="S21" s="191">
        <v>1</v>
      </c>
      <c r="T21" s="191">
        <v>3</v>
      </c>
      <c r="U21" s="191">
        <v>3</v>
      </c>
      <c r="V21" s="191">
        <v>1</v>
      </c>
      <c r="W21" s="196">
        <v>10</v>
      </c>
      <c r="X21" s="195">
        <v>10</v>
      </c>
      <c r="Y21" s="190">
        <v>0</v>
      </c>
      <c r="Z21" s="191">
        <v>0</v>
      </c>
      <c r="AA21" s="196">
        <v>0</v>
      </c>
      <c r="AB21" s="193">
        <v>0</v>
      </c>
      <c r="AC21" s="191">
        <v>133</v>
      </c>
      <c r="AD21" s="191">
        <v>86</v>
      </c>
      <c r="AE21" s="191">
        <v>46</v>
      </c>
      <c r="AF21" s="191">
        <v>19</v>
      </c>
      <c r="AG21" s="191">
        <v>8</v>
      </c>
      <c r="AH21" s="196">
        <v>292</v>
      </c>
      <c r="AI21" s="195">
        <v>292</v>
      </c>
      <c r="AJ21" s="190">
        <v>1</v>
      </c>
      <c r="AK21" s="191">
        <v>0</v>
      </c>
      <c r="AL21" s="196">
        <v>1</v>
      </c>
      <c r="AM21" s="193">
        <v>0</v>
      </c>
      <c r="AN21" s="191">
        <v>15</v>
      </c>
      <c r="AO21" s="191">
        <v>19</v>
      </c>
      <c r="AP21" s="191">
        <v>15</v>
      </c>
      <c r="AQ21" s="191">
        <v>3</v>
      </c>
      <c r="AR21" s="191">
        <v>4</v>
      </c>
      <c r="AS21" s="196">
        <v>56</v>
      </c>
      <c r="AT21" s="195">
        <v>57</v>
      </c>
      <c r="AU21" s="190">
        <v>0</v>
      </c>
      <c r="AV21" s="191">
        <v>1</v>
      </c>
      <c r="AW21" s="196">
        <v>1</v>
      </c>
      <c r="AX21" s="193">
        <v>0</v>
      </c>
      <c r="AY21" s="191">
        <v>24</v>
      </c>
      <c r="AZ21" s="191">
        <v>41</v>
      </c>
      <c r="BA21" s="191">
        <v>25</v>
      </c>
      <c r="BB21" s="191">
        <v>13</v>
      </c>
      <c r="BC21" s="191">
        <v>8</v>
      </c>
      <c r="BD21" s="196">
        <v>111</v>
      </c>
      <c r="BE21" s="195">
        <v>112</v>
      </c>
      <c r="BF21" s="190">
        <v>0</v>
      </c>
      <c r="BG21" s="191">
        <v>0</v>
      </c>
      <c r="BH21" s="196">
        <v>0</v>
      </c>
      <c r="BI21" s="193">
        <v>0</v>
      </c>
      <c r="BJ21" s="191">
        <v>13</v>
      </c>
      <c r="BK21" s="191">
        <v>26</v>
      </c>
      <c r="BL21" s="191">
        <v>29</v>
      </c>
      <c r="BM21" s="191">
        <v>17</v>
      </c>
      <c r="BN21" s="191">
        <v>12</v>
      </c>
      <c r="BO21" s="194">
        <v>97</v>
      </c>
      <c r="BP21" s="195">
        <v>97</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1</v>
      </c>
      <c r="CR21" s="191">
        <v>1</v>
      </c>
      <c r="CS21" s="191">
        <v>2</v>
      </c>
      <c r="CT21" s="191">
        <v>4</v>
      </c>
      <c r="CU21" s="191">
        <v>12</v>
      </c>
      <c r="CV21" s="196">
        <v>20</v>
      </c>
      <c r="CW21" s="195">
        <v>20</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11</v>
      </c>
      <c r="AD22" s="191">
        <v>109</v>
      </c>
      <c r="AE22" s="191">
        <v>49</v>
      </c>
      <c r="AF22" s="191">
        <v>21</v>
      </c>
      <c r="AG22" s="191">
        <v>7</v>
      </c>
      <c r="AH22" s="196">
        <v>397</v>
      </c>
      <c r="AI22" s="195">
        <v>397</v>
      </c>
      <c r="AJ22" s="190">
        <v>0</v>
      </c>
      <c r="AK22" s="191">
        <v>0</v>
      </c>
      <c r="AL22" s="196">
        <v>0</v>
      </c>
      <c r="AM22" s="193">
        <v>0</v>
      </c>
      <c r="AN22" s="191">
        <v>1</v>
      </c>
      <c r="AO22" s="191">
        <v>1</v>
      </c>
      <c r="AP22" s="191">
        <v>8</v>
      </c>
      <c r="AQ22" s="191">
        <v>5</v>
      </c>
      <c r="AR22" s="191">
        <v>2</v>
      </c>
      <c r="AS22" s="196">
        <v>17</v>
      </c>
      <c r="AT22" s="195">
        <v>17</v>
      </c>
      <c r="AU22" s="190">
        <v>0</v>
      </c>
      <c r="AV22" s="191">
        <v>1</v>
      </c>
      <c r="AW22" s="196">
        <v>1</v>
      </c>
      <c r="AX22" s="193">
        <v>0</v>
      </c>
      <c r="AY22" s="191">
        <v>20</v>
      </c>
      <c r="AZ22" s="191">
        <v>10</v>
      </c>
      <c r="BA22" s="191">
        <v>13</v>
      </c>
      <c r="BB22" s="191">
        <v>3</v>
      </c>
      <c r="BC22" s="191">
        <v>3</v>
      </c>
      <c r="BD22" s="196">
        <v>49</v>
      </c>
      <c r="BE22" s="195">
        <v>50</v>
      </c>
      <c r="BF22" s="190">
        <v>0</v>
      </c>
      <c r="BG22" s="191">
        <v>0</v>
      </c>
      <c r="BH22" s="196">
        <v>0</v>
      </c>
      <c r="BI22" s="193">
        <v>0</v>
      </c>
      <c r="BJ22" s="191">
        <v>16</v>
      </c>
      <c r="BK22" s="191">
        <v>28</v>
      </c>
      <c r="BL22" s="191">
        <v>45</v>
      </c>
      <c r="BM22" s="191">
        <v>15</v>
      </c>
      <c r="BN22" s="191">
        <v>15</v>
      </c>
      <c r="BO22" s="194">
        <v>119</v>
      </c>
      <c r="BP22" s="195">
        <v>119</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3</v>
      </c>
      <c r="H23" s="191">
        <v>2</v>
      </c>
      <c r="I23" s="191">
        <v>1</v>
      </c>
      <c r="J23" s="191">
        <v>0</v>
      </c>
      <c r="K23" s="191">
        <v>1</v>
      </c>
      <c r="L23" s="194">
        <v>7</v>
      </c>
      <c r="M23" s="195">
        <v>7</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18</v>
      </c>
      <c r="AD23" s="191">
        <v>174</v>
      </c>
      <c r="AE23" s="191">
        <v>71</v>
      </c>
      <c r="AF23" s="191">
        <v>33</v>
      </c>
      <c r="AG23" s="191">
        <v>13</v>
      </c>
      <c r="AH23" s="196">
        <v>509</v>
      </c>
      <c r="AI23" s="195">
        <v>509</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7</v>
      </c>
      <c r="AZ23" s="191">
        <v>8</v>
      </c>
      <c r="BA23" s="191">
        <v>17</v>
      </c>
      <c r="BB23" s="191">
        <v>5</v>
      </c>
      <c r="BC23" s="191">
        <v>3</v>
      </c>
      <c r="BD23" s="196">
        <v>40</v>
      </c>
      <c r="BE23" s="195">
        <v>40</v>
      </c>
      <c r="BF23" s="190">
        <v>0</v>
      </c>
      <c r="BG23" s="191">
        <v>0</v>
      </c>
      <c r="BH23" s="196">
        <v>0</v>
      </c>
      <c r="BI23" s="193">
        <v>0</v>
      </c>
      <c r="BJ23" s="191">
        <v>14</v>
      </c>
      <c r="BK23" s="191">
        <v>31</v>
      </c>
      <c r="BL23" s="191">
        <v>34</v>
      </c>
      <c r="BM23" s="191">
        <v>16</v>
      </c>
      <c r="BN23" s="191">
        <v>7</v>
      </c>
      <c r="BO23" s="194">
        <v>102</v>
      </c>
      <c r="BP23" s="195">
        <v>102</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2</v>
      </c>
      <c r="CR23" s="191">
        <v>2</v>
      </c>
      <c r="CS23" s="191">
        <v>2</v>
      </c>
      <c r="CT23" s="191">
        <v>3</v>
      </c>
      <c r="CU23" s="191">
        <v>4</v>
      </c>
      <c r="CV23" s="196">
        <v>13</v>
      </c>
      <c r="CW23" s="195">
        <v>13</v>
      </c>
    </row>
    <row r="24" spans="2:101" ht="21" customHeight="1" x14ac:dyDescent="0.2">
      <c r="B24" s="106" t="s">
        <v>22</v>
      </c>
      <c r="C24" s="190">
        <v>0</v>
      </c>
      <c r="D24" s="196">
        <v>0</v>
      </c>
      <c r="E24" s="207">
        <v>0</v>
      </c>
      <c r="F24" s="193">
        <v>0</v>
      </c>
      <c r="G24" s="191">
        <v>0</v>
      </c>
      <c r="H24" s="191">
        <v>6</v>
      </c>
      <c r="I24" s="191">
        <v>6</v>
      </c>
      <c r="J24" s="191">
        <v>4</v>
      </c>
      <c r="K24" s="191">
        <v>0</v>
      </c>
      <c r="L24" s="194">
        <v>16</v>
      </c>
      <c r="M24" s="195">
        <v>16</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3</v>
      </c>
      <c r="AD24" s="191">
        <v>99</v>
      </c>
      <c r="AE24" s="191">
        <v>52</v>
      </c>
      <c r="AF24" s="191">
        <v>27</v>
      </c>
      <c r="AG24" s="191">
        <v>6</v>
      </c>
      <c r="AH24" s="196">
        <v>317</v>
      </c>
      <c r="AI24" s="195">
        <v>317</v>
      </c>
      <c r="AJ24" s="190">
        <v>0</v>
      </c>
      <c r="AK24" s="191">
        <v>0</v>
      </c>
      <c r="AL24" s="196">
        <v>0</v>
      </c>
      <c r="AM24" s="193">
        <v>0</v>
      </c>
      <c r="AN24" s="191">
        <v>3</v>
      </c>
      <c r="AO24" s="191">
        <v>1</v>
      </c>
      <c r="AP24" s="191">
        <v>7</v>
      </c>
      <c r="AQ24" s="191">
        <v>3</v>
      </c>
      <c r="AR24" s="191">
        <v>1</v>
      </c>
      <c r="AS24" s="196">
        <v>15</v>
      </c>
      <c r="AT24" s="195">
        <v>15</v>
      </c>
      <c r="AU24" s="190">
        <v>4</v>
      </c>
      <c r="AV24" s="191">
        <v>6</v>
      </c>
      <c r="AW24" s="196">
        <v>10</v>
      </c>
      <c r="AX24" s="193">
        <v>0</v>
      </c>
      <c r="AY24" s="191">
        <v>19</v>
      </c>
      <c r="AZ24" s="191">
        <v>26</v>
      </c>
      <c r="BA24" s="191">
        <v>13</v>
      </c>
      <c r="BB24" s="191">
        <v>6</v>
      </c>
      <c r="BC24" s="191">
        <v>8</v>
      </c>
      <c r="BD24" s="196">
        <v>72</v>
      </c>
      <c r="BE24" s="195">
        <v>82</v>
      </c>
      <c r="BF24" s="190">
        <v>0</v>
      </c>
      <c r="BG24" s="191">
        <v>0</v>
      </c>
      <c r="BH24" s="196">
        <v>0</v>
      </c>
      <c r="BI24" s="193">
        <v>0</v>
      </c>
      <c r="BJ24" s="191">
        <v>9</v>
      </c>
      <c r="BK24" s="191">
        <v>17</v>
      </c>
      <c r="BL24" s="191">
        <v>19</v>
      </c>
      <c r="BM24" s="191">
        <v>12</v>
      </c>
      <c r="BN24" s="191">
        <v>5</v>
      </c>
      <c r="BO24" s="194">
        <v>62</v>
      </c>
      <c r="BP24" s="195">
        <v>62</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7</v>
      </c>
      <c r="CI24" s="191">
        <v>13</v>
      </c>
      <c r="CJ24" s="191">
        <v>9</v>
      </c>
      <c r="CK24" s="196">
        <v>30</v>
      </c>
      <c r="CL24" s="195">
        <v>3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72</v>
      </c>
      <c r="AD25" s="191">
        <v>61</v>
      </c>
      <c r="AE25" s="191">
        <v>29</v>
      </c>
      <c r="AF25" s="191">
        <v>17</v>
      </c>
      <c r="AG25" s="191">
        <v>4</v>
      </c>
      <c r="AH25" s="196">
        <v>183</v>
      </c>
      <c r="AI25" s="195">
        <v>183</v>
      </c>
      <c r="AJ25" s="190">
        <v>0</v>
      </c>
      <c r="AK25" s="191">
        <v>0</v>
      </c>
      <c r="AL25" s="196">
        <v>0</v>
      </c>
      <c r="AM25" s="193">
        <v>0</v>
      </c>
      <c r="AN25" s="191">
        <v>0</v>
      </c>
      <c r="AO25" s="191">
        <v>0</v>
      </c>
      <c r="AP25" s="191">
        <v>4</v>
      </c>
      <c r="AQ25" s="191">
        <v>1</v>
      </c>
      <c r="AR25" s="191">
        <v>0</v>
      </c>
      <c r="AS25" s="196">
        <v>5</v>
      </c>
      <c r="AT25" s="195">
        <v>5</v>
      </c>
      <c r="AU25" s="190">
        <v>0</v>
      </c>
      <c r="AV25" s="191">
        <v>0</v>
      </c>
      <c r="AW25" s="196">
        <v>0</v>
      </c>
      <c r="AX25" s="193">
        <v>0</v>
      </c>
      <c r="AY25" s="191">
        <v>6</v>
      </c>
      <c r="AZ25" s="191">
        <v>3</v>
      </c>
      <c r="BA25" s="191">
        <v>6</v>
      </c>
      <c r="BB25" s="191">
        <v>0</v>
      </c>
      <c r="BC25" s="191">
        <v>0</v>
      </c>
      <c r="BD25" s="196">
        <v>15</v>
      </c>
      <c r="BE25" s="195">
        <v>15</v>
      </c>
      <c r="BF25" s="190">
        <v>0</v>
      </c>
      <c r="BG25" s="191">
        <v>0</v>
      </c>
      <c r="BH25" s="196">
        <v>0</v>
      </c>
      <c r="BI25" s="193">
        <v>0</v>
      </c>
      <c r="BJ25" s="191">
        <v>38</v>
      </c>
      <c r="BK25" s="191">
        <v>20</v>
      </c>
      <c r="BL25" s="191">
        <v>20</v>
      </c>
      <c r="BM25" s="191">
        <v>20</v>
      </c>
      <c r="BN25" s="191">
        <v>8</v>
      </c>
      <c r="BO25" s="194">
        <v>106</v>
      </c>
      <c r="BP25" s="195">
        <v>106</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6</v>
      </c>
      <c r="CT25" s="191">
        <v>4</v>
      </c>
      <c r="CU25" s="191">
        <v>3</v>
      </c>
      <c r="CV25" s="196">
        <v>14</v>
      </c>
      <c r="CW25" s="195">
        <v>14</v>
      </c>
    </row>
    <row r="26" spans="2:101" ht="21" customHeight="1" x14ac:dyDescent="0.2">
      <c r="B26" s="106" t="s">
        <v>24</v>
      </c>
      <c r="C26" s="190">
        <v>0</v>
      </c>
      <c r="D26" s="196">
        <v>0</v>
      </c>
      <c r="E26" s="207">
        <v>0</v>
      </c>
      <c r="F26" s="193">
        <v>0</v>
      </c>
      <c r="G26" s="191">
        <v>1</v>
      </c>
      <c r="H26" s="191">
        <v>1</v>
      </c>
      <c r="I26" s="191">
        <v>2</v>
      </c>
      <c r="J26" s="191">
        <v>4</v>
      </c>
      <c r="K26" s="191">
        <v>1</v>
      </c>
      <c r="L26" s="194">
        <v>9</v>
      </c>
      <c r="M26" s="195">
        <v>9</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2</v>
      </c>
      <c r="AD26" s="191">
        <v>15</v>
      </c>
      <c r="AE26" s="191">
        <v>16</v>
      </c>
      <c r="AF26" s="191">
        <v>5</v>
      </c>
      <c r="AG26" s="191">
        <v>2</v>
      </c>
      <c r="AH26" s="196">
        <v>60</v>
      </c>
      <c r="AI26" s="195">
        <v>60</v>
      </c>
      <c r="AJ26" s="190">
        <v>0</v>
      </c>
      <c r="AK26" s="191">
        <v>0</v>
      </c>
      <c r="AL26" s="196">
        <v>0</v>
      </c>
      <c r="AM26" s="193">
        <v>0</v>
      </c>
      <c r="AN26" s="191">
        <v>5</v>
      </c>
      <c r="AO26" s="191">
        <v>5</v>
      </c>
      <c r="AP26" s="191">
        <v>3</v>
      </c>
      <c r="AQ26" s="191">
        <v>3</v>
      </c>
      <c r="AR26" s="191">
        <v>1</v>
      </c>
      <c r="AS26" s="196">
        <v>17</v>
      </c>
      <c r="AT26" s="195">
        <v>17</v>
      </c>
      <c r="AU26" s="190">
        <v>2</v>
      </c>
      <c r="AV26" s="191">
        <v>3</v>
      </c>
      <c r="AW26" s="196">
        <v>5</v>
      </c>
      <c r="AX26" s="193">
        <v>0</v>
      </c>
      <c r="AY26" s="191">
        <v>11</v>
      </c>
      <c r="AZ26" s="191">
        <v>12</v>
      </c>
      <c r="BA26" s="191">
        <v>6</v>
      </c>
      <c r="BB26" s="191">
        <v>6</v>
      </c>
      <c r="BC26" s="191">
        <v>1</v>
      </c>
      <c r="BD26" s="196">
        <v>36</v>
      </c>
      <c r="BE26" s="195">
        <v>41</v>
      </c>
      <c r="BF26" s="190">
        <v>0</v>
      </c>
      <c r="BG26" s="191">
        <v>0</v>
      </c>
      <c r="BH26" s="196">
        <v>0</v>
      </c>
      <c r="BI26" s="193">
        <v>0</v>
      </c>
      <c r="BJ26" s="191">
        <v>1</v>
      </c>
      <c r="BK26" s="191">
        <v>6</v>
      </c>
      <c r="BL26" s="191">
        <v>6</v>
      </c>
      <c r="BM26" s="191">
        <v>4</v>
      </c>
      <c r="BN26" s="191">
        <v>1</v>
      </c>
      <c r="BO26" s="194">
        <v>18</v>
      </c>
      <c r="BP26" s="195">
        <v>18</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4</v>
      </c>
      <c r="AD27" s="191">
        <v>41</v>
      </c>
      <c r="AE27" s="191">
        <v>17</v>
      </c>
      <c r="AF27" s="191">
        <v>8</v>
      </c>
      <c r="AG27" s="191">
        <v>1</v>
      </c>
      <c r="AH27" s="196">
        <v>141</v>
      </c>
      <c r="AI27" s="195">
        <v>141</v>
      </c>
      <c r="AJ27" s="190">
        <v>0</v>
      </c>
      <c r="AK27" s="191">
        <v>0</v>
      </c>
      <c r="AL27" s="196">
        <v>0</v>
      </c>
      <c r="AM27" s="193">
        <v>0</v>
      </c>
      <c r="AN27" s="191">
        <v>0</v>
      </c>
      <c r="AO27" s="191">
        <v>0</v>
      </c>
      <c r="AP27" s="191">
        <v>0</v>
      </c>
      <c r="AQ27" s="191">
        <v>0</v>
      </c>
      <c r="AR27" s="191">
        <v>0</v>
      </c>
      <c r="AS27" s="196">
        <v>0</v>
      </c>
      <c r="AT27" s="195">
        <v>0</v>
      </c>
      <c r="AU27" s="190">
        <v>2</v>
      </c>
      <c r="AV27" s="191">
        <v>1</v>
      </c>
      <c r="AW27" s="196">
        <v>3</v>
      </c>
      <c r="AX27" s="193">
        <v>0</v>
      </c>
      <c r="AY27" s="191">
        <v>6</v>
      </c>
      <c r="AZ27" s="191">
        <v>3</v>
      </c>
      <c r="BA27" s="191">
        <v>4</v>
      </c>
      <c r="BB27" s="191">
        <v>3</v>
      </c>
      <c r="BC27" s="191">
        <v>1</v>
      </c>
      <c r="BD27" s="196">
        <v>17</v>
      </c>
      <c r="BE27" s="195">
        <v>20</v>
      </c>
      <c r="BF27" s="190">
        <v>0</v>
      </c>
      <c r="BG27" s="191">
        <v>0</v>
      </c>
      <c r="BH27" s="196">
        <v>0</v>
      </c>
      <c r="BI27" s="193">
        <v>0</v>
      </c>
      <c r="BJ27" s="191">
        <v>11</v>
      </c>
      <c r="BK27" s="191">
        <v>4</v>
      </c>
      <c r="BL27" s="191">
        <v>12</v>
      </c>
      <c r="BM27" s="191">
        <v>6</v>
      </c>
      <c r="BN27" s="191">
        <v>2</v>
      </c>
      <c r="BO27" s="194">
        <v>35</v>
      </c>
      <c r="BP27" s="195">
        <v>35</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1</v>
      </c>
      <c r="AD28" s="191">
        <v>48</v>
      </c>
      <c r="AE28" s="191">
        <v>25</v>
      </c>
      <c r="AF28" s="191">
        <v>12</v>
      </c>
      <c r="AG28" s="191">
        <v>7</v>
      </c>
      <c r="AH28" s="196">
        <v>143</v>
      </c>
      <c r="AI28" s="195">
        <v>143</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1</v>
      </c>
      <c r="AZ28" s="191">
        <v>0</v>
      </c>
      <c r="BA28" s="191">
        <v>1</v>
      </c>
      <c r="BB28" s="191">
        <v>3</v>
      </c>
      <c r="BC28" s="191">
        <v>0</v>
      </c>
      <c r="BD28" s="196">
        <v>5</v>
      </c>
      <c r="BE28" s="195">
        <v>5</v>
      </c>
      <c r="BF28" s="190">
        <v>0</v>
      </c>
      <c r="BG28" s="191">
        <v>0</v>
      </c>
      <c r="BH28" s="196">
        <v>0</v>
      </c>
      <c r="BI28" s="193">
        <v>0</v>
      </c>
      <c r="BJ28" s="191">
        <v>5</v>
      </c>
      <c r="BK28" s="191">
        <v>10</v>
      </c>
      <c r="BL28" s="191">
        <v>17</v>
      </c>
      <c r="BM28" s="191">
        <v>6</v>
      </c>
      <c r="BN28" s="191">
        <v>3</v>
      </c>
      <c r="BO28" s="194">
        <v>41</v>
      </c>
      <c r="BP28" s="195">
        <v>41</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4</v>
      </c>
      <c r="AD29" s="191">
        <v>17</v>
      </c>
      <c r="AE29" s="191">
        <v>7</v>
      </c>
      <c r="AF29" s="191">
        <v>2</v>
      </c>
      <c r="AG29" s="191">
        <v>0</v>
      </c>
      <c r="AH29" s="196">
        <v>60</v>
      </c>
      <c r="AI29" s="195">
        <v>60</v>
      </c>
      <c r="AJ29" s="190">
        <v>0</v>
      </c>
      <c r="AK29" s="191">
        <v>0</v>
      </c>
      <c r="AL29" s="196">
        <v>0</v>
      </c>
      <c r="AM29" s="193">
        <v>0</v>
      </c>
      <c r="AN29" s="191">
        <v>1</v>
      </c>
      <c r="AO29" s="191">
        <v>2</v>
      </c>
      <c r="AP29" s="191">
        <v>3</v>
      </c>
      <c r="AQ29" s="191">
        <v>1</v>
      </c>
      <c r="AR29" s="191">
        <v>0</v>
      </c>
      <c r="AS29" s="196">
        <v>7</v>
      </c>
      <c r="AT29" s="195">
        <v>7</v>
      </c>
      <c r="AU29" s="190">
        <v>0</v>
      </c>
      <c r="AV29" s="191">
        <v>0</v>
      </c>
      <c r="AW29" s="196">
        <v>0</v>
      </c>
      <c r="AX29" s="193">
        <v>0</v>
      </c>
      <c r="AY29" s="191">
        <v>15</v>
      </c>
      <c r="AZ29" s="191">
        <v>5</v>
      </c>
      <c r="BA29" s="191">
        <v>3</v>
      </c>
      <c r="BB29" s="191">
        <v>2</v>
      </c>
      <c r="BC29" s="191">
        <v>1</v>
      </c>
      <c r="BD29" s="196">
        <v>26</v>
      </c>
      <c r="BE29" s="195">
        <v>26</v>
      </c>
      <c r="BF29" s="190">
        <v>0</v>
      </c>
      <c r="BG29" s="191">
        <v>0</v>
      </c>
      <c r="BH29" s="196">
        <v>0</v>
      </c>
      <c r="BI29" s="193">
        <v>0</v>
      </c>
      <c r="BJ29" s="191">
        <v>6</v>
      </c>
      <c r="BK29" s="191">
        <v>7</v>
      </c>
      <c r="BL29" s="191">
        <v>11</v>
      </c>
      <c r="BM29" s="191">
        <v>5</v>
      </c>
      <c r="BN29" s="191">
        <v>5</v>
      </c>
      <c r="BO29" s="194">
        <v>34</v>
      </c>
      <c r="BP29" s="195">
        <v>34</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6</v>
      </c>
      <c r="CI29" s="191">
        <v>8</v>
      </c>
      <c r="CJ29" s="191">
        <v>4</v>
      </c>
      <c r="CK29" s="196">
        <v>18</v>
      </c>
      <c r="CL29" s="195">
        <v>18</v>
      </c>
      <c r="CM29" s="190">
        <v>0</v>
      </c>
      <c r="CN29" s="191">
        <v>0</v>
      </c>
      <c r="CO29" s="196">
        <v>0</v>
      </c>
      <c r="CP29" s="193">
        <v>0</v>
      </c>
      <c r="CQ29" s="191">
        <v>0</v>
      </c>
      <c r="CR29" s="191">
        <v>1</v>
      </c>
      <c r="CS29" s="191">
        <v>0</v>
      </c>
      <c r="CT29" s="191">
        <v>0</v>
      </c>
      <c r="CU29" s="191">
        <v>0</v>
      </c>
      <c r="CV29" s="196">
        <v>1</v>
      </c>
      <c r="CW29" s="195">
        <v>1</v>
      </c>
    </row>
    <row r="30" spans="2:101" ht="21" customHeight="1" x14ac:dyDescent="0.2">
      <c r="B30" s="106" t="s">
        <v>28</v>
      </c>
      <c r="C30" s="190">
        <v>0</v>
      </c>
      <c r="D30" s="196">
        <v>0</v>
      </c>
      <c r="E30" s="207">
        <v>0</v>
      </c>
      <c r="F30" s="193">
        <v>0</v>
      </c>
      <c r="G30" s="191">
        <v>0</v>
      </c>
      <c r="H30" s="191">
        <v>0</v>
      </c>
      <c r="I30" s="191">
        <v>0</v>
      </c>
      <c r="J30" s="191">
        <v>0</v>
      </c>
      <c r="K30" s="191">
        <v>1</v>
      </c>
      <c r="L30" s="194">
        <v>1</v>
      </c>
      <c r="M30" s="195">
        <v>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8</v>
      </c>
      <c r="AD30" s="191">
        <v>12</v>
      </c>
      <c r="AE30" s="191">
        <v>3</v>
      </c>
      <c r="AF30" s="191">
        <v>1</v>
      </c>
      <c r="AG30" s="191">
        <v>1</v>
      </c>
      <c r="AH30" s="196">
        <v>45</v>
      </c>
      <c r="AI30" s="195">
        <v>45</v>
      </c>
      <c r="AJ30" s="190">
        <v>0</v>
      </c>
      <c r="AK30" s="191">
        <v>0</v>
      </c>
      <c r="AL30" s="196">
        <v>0</v>
      </c>
      <c r="AM30" s="193">
        <v>0</v>
      </c>
      <c r="AN30" s="191">
        <v>4</v>
      </c>
      <c r="AO30" s="191">
        <v>3</v>
      </c>
      <c r="AP30" s="191">
        <v>2</v>
      </c>
      <c r="AQ30" s="191">
        <v>1</v>
      </c>
      <c r="AR30" s="191">
        <v>0</v>
      </c>
      <c r="AS30" s="196">
        <v>10</v>
      </c>
      <c r="AT30" s="195">
        <v>1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1</v>
      </c>
      <c r="BK30" s="191">
        <v>5</v>
      </c>
      <c r="BL30" s="191">
        <v>3</v>
      </c>
      <c r="BM30" s="191">
        <v>3</v>
      </c>
      <c r="BN30" s="191">
        <v>5</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20</v>
      </c>
      <c r="AE31" s="191">
        <v>9</v>
      </c>
      <c r="AF31" s="191">
        <v>3</v>
      </c>
      <c r="AG31" s="191">
        <v>0</v>
      </c>
      <c r="AH31" s="196">
        <v>43</v>
      </c>
      <c r="AI31" s="195">
        <v>43</v>
      </c>
      <c r="AJ31" s="190">
        <v>0</v>
      </c>
      <c r="AK31" s="191">
        <v>0</v>
      </c>
      <c r="AL31" s="196">
        <v>0</v>
      </c>
      <c r="AM31" s="193">
        <v>0</v>
      </c>
      <c r="AN31" s="191">
        <v>2</v>
      </c>
      <c r="AO31" s="191">
        <v>1</v>
      </c>
      <c r="AP31" s="191">
        <v>0</v>
      </c>
      <c r="AQ31" s="191">
        <v>0</v>
      </c>
      <c r="AR31" s="191">
        <v>0</v>
      </c>
      <c r="AS31" s="196">
        <v>3</v>
      </c>
      <c r="AT31" s="195">
        <v>3</v>
      </c>
      <c r="AU31" s="190">
        <v>0</v>
      </c>
      <c r="AV31" s="191">
        <v>0</v>
      </c>
      <c r="AW31" s="196">
        <v>0</v>
      </c>
      <c r="AX31" s="193">
        <v>0</v>
      </c>
      <c r="AY31" s="191">
        <v>7</v>
      </c>
      <c r="AZ31" s="191">
        <v>6</v>
      </c>
      <c r="BA31" s="191">
        <v>5</v>
      </c>
      <c r="BB31" s="191">
        <v>6</v>
      </c>
      <c r="BC31" s="191">
        <v>1</v>
      </c>
      <c r="BD31" s="196">
        <v>25</v>
      </c>
      <c r="BE31" s="195">
        <v>25</v>
      </c>
      <c r="BF31" s="190">
        <v>0</v>
      </c>
      <c r="BG31" s="191">
        <v>0</v>
      </c>
      <c r="BH31" s="196">
        <v>0</v>
      </c>
      <c r="BI31" s="193">
        <v>0</v>
      </c>
      <c r="BJ31" s="191">
        <v>8</v>
      </c>
      <c r="BK31" s="191">
        <v>10</v>
      </c>
      <c r="BL31" s="191">
        <v>10</v>
      </c>
      <c r="BM31" s="191">
        <v>2</v>
      </c>
      <c r="BN31" s="191">
        <v>1</v>
      </c>
      <c r="BO31" s="194">
        <v>31</v>
      </c>
      <c r="BP31" s="195">
        <v>31</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2</v>
      </c>
      <c r="CI31" s="191">
        <v>9</v>
      </c>
      <c r="CJ31" s="191">
        <v>6</v>
      </c>
      <c r="CK31" s="196">
        <v>27</v>
      </c>
      <c r="CL31" s="195">
        <v>27</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0</v>
      </c>
      <c r="L32" s="194">
        <v>3</v>
      </c>
      <c r="M32" s="195">
        <v>3</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2</v>
      </c>
      <c r="AD32" s="191">
        <v>11</v>
      </c>
      <c r="AE32" s="191">
        <v>8</v>
      </c>
      <c r="AF32" s="191">
        <v>5</v>
      </c>
      <c r="AG32" s="191">
        <v>2</v>
      </c>
      <c r="AH32" s="196">
        <v>48</v>
      </c>
      <c r="AI32" s="195">
        <v>48</v>
      </c>
      <c r="AJ32" s="190">
        <v>0</v>
      </c>
      <c r="AK32" s="191">
        <v>0</v>
      </c>
      <c r="AL32" s="196">
        <v>0</v>
      </c>
      <c r="AM32" s="193">
        <v>0</v>
      </c>
      <c r="AN32" s="191">
        <v>1</v>
      </c>
      <c r="AO32" s="191">
        <v>2</v>
      </c>
      <c r="AP32" s="191">
        <v>0</v>
      </c>
      <c r="AQ32" s="191">
        <v>0</v>
      </c>
      <c r="AR32" s="191">
        <v>0</v>
      </c>
      <c r="AS32" s="196">
        <v>3</v>
      </c>
      <c r="AT32" s="195">
        <v>3</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5</v>
      </c>
      <c r="BK32" s="191">
        <v>4</v>
      </c>
      <c r="BL32" s="191">
        <v>2</v>
      </c>
      <c r="BM32" s="191">
        <v>6</v>
      </c>
      <c r="BN32" s="191">
        <v>1</v>
      </c>
      <c r="BO32" s="194">
        <v>18</v>
      </c>
      <c r="BP32" s="195">
        <v>18</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0</v>
      </c>
      <c r="J33" s="191">
        <v>0</v>
      </c>
      <c r="K33" s="191">
        <v>0</v>
      </c>
      <c r="L33" s="194">
        <v>1</v>
      </c>
      <c r="M33" s="195">
        <v>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9</v>
      </c>
      <c r="AD33" s="191">
        <v>17</v>
      </c>
      <c r="AE33" s="191">
        <v>6</v>
      </c>
      <c r="AF33" s="191">
        <v>1</v>
      </c>
      <c r="AG33" s="191">
        <v>0</v>
      </c>
      <c r="AH33" s="196">
        <v>53</v>
      </c>
      <c r="AI33" s="195">
        <v>53</v>
      </c>
      <c r="AJ33" s="190">
        <v>0</v>
      </c>
      <c r="AK33" s="191">
        <v>0</v>
      </c>
      <c r="AL33" s="196">
        <v>0</v>
      </c>
      <c r="AM33" s="193">
        <v>0</v>
      </c>
      <c r="AN33" s="191">
        <v>0</v>
      </c>
      <c r="AO33" s="191">
        <v>1</v>
      </c>
      <c r="AP33" s="191">
        <v>1</v>
      </c>
      <c r="AQ33" s="191">
        <v>1</v>
      </c>
      <c r="AR33" s="191">
        <v>0</v>
      </c>
      <c r="AS33" s="196">
        <v>3</v>
      </c>
      <c r="AT33" s="195">
        <v>3</v>
      </c>
      <c r="AU33" s="190">
        <v>0</v>
      </c>
      <c r="AV33" s="191">
        <v>1</v>
      </c>
      <c r="AW33" s="196">
        <v>1</v>
      </c>
      <c r="AX33" s="193">
        <v>0</v>
      </c>
      <c r="AY33" s="191">
        <v>8</v>
      </c>
      <c r="AZ33" s="191">
        <v>5</v>
      </c>
      <c r="BA33" s="191">
        <v>8</v>
      </c>
      <c r="BB33" s="191">
        <v>1</v>
      </c>
      <c r="BC33" s="191">
        <v>0</v>
      </c>
      <c r="BD33" s="196">
        <v>22</v>
      </c>
      <c r="BE33" s="195">
        <v>23</v>
      </c>
      <c r="BF33" s="190">
        <v>0</v>
      </c>
      <c r="BG33" s="191">
        <v>0</v>
      </c>
      <c r="BH33" s="196">
        <v>0</v>
      </c>
      <c r="BI33" s="193">
        <v>0</v>
      </c>
      <c r="BJ33" s="191">
        <v>8</v>
      </c>
      <c r="BK33" s="191">
        <v>10</v>
      </c>
      <c r="BL33" s="191">
        <v>10</v>
      </c>
      <c r="BM33" s="191">
        <v>9</v>
      </c>
      <c r="BN33" s="191">
        <v>5</v>
      </c>
      <c r="BO33" s="194">
        <v>42</v>
      </c>
      <c r="BP33" s="195">
        <v>42</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4</v>
      </c>
      <c r="I34" s="191">
        <v>1</v>
      </c>
      <c r="J34" s="191">
        <v>2</v>
      </c>
      <c r="K34" s="191">
        <v>0</v>
      </c>
      <c r="L34" s="194">
        <v>7</v>
      </c>
      <c r="M34" s="195">
        <v>7</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9</v>
      </c>
      <c r="AD34" s="191">
        <v>30</v>
      </c>
      <c r="AE34" s="191">
        <v>6</v>
      </c>
      <c r="AF34" s="191">
        <v>3</v>
      </c>
      <c r="AG34" s="191">
        <v>2</v>
      </c>
      <c r="AH34" s="196">
        <v>90</v>
      </c>
      <c r="AI34" s="195">
        <v>90</v>
      </c>
      <c r="AJ34" s="190">
        <v>0</v>
      </c>
      <c r="AK34" s="191">
        <v>0</v>
      </c>
      <c r="AL34" s="196">
        <v>0</v>
      </c>
      <c r="AM34" s="193">
        <v>0</v>
      </c>
      <c r="AN34" s="191">
        <v>5</v>
      </c>
      <c r="AO34" s="191">
        <v>1</v>
      </c>
      <c r="AP34" s="191">
        <v>1</v>
      </c>
      <c r="AQ34" s="191">
        <v>0</v>
      </c>
      <c r="AR34" s="191">
        <v>1</v>
      </c>
      <c r="AS34" s="196">
        <v>8</v>
      </c>
      <c r="AT34" s="195">
        <v>8</v>
      </c>
      <c r="AU34" s="190">
        <v>0</v>
      </c>
      <c r="AV34" s="191">
        <v>3</v>
      </c>
      <c r="AW34" s="196">
        <v>3</v>
      </c>
      <c r="AX34" s="193">
        <v>0</v>
      </c>
      <c r="AY34" s="191">
        <v>7</v>
      </c>
      <c r="AZ34" s="191">
        <v>2</v>
      </c>
      <c r="BA34" s="191">
        <v>4</v>
      </c>
      <c r="BB34" s="191">
        <v>3</v>
      </c>
      <c r="BC34" s="191">
        <v>1</v>
      </c>
      <c r="BD34" s="196">
        <v>17</v>
      </c>
      <c r="BE34" s="195">
        <v>20</v>
      </c>
      <c r="BF34" s="190">
        <v>0</v>
      </c>
      <c r="BG34" s="191">
        <v>0</v>
      </c>
      <c r="BH34" s="196">
        <v>0</v>
      </c>
      <c r="BI34" s="193">
        <v>0</v>
      </c>
      <c r="BJ34" s="191">
        <v>3</v>
      </c>
      <c r="BK34" s="191">
        <v>3</v>
      </c>
      <c r="BL34" s="191">
        <v>8</v>
      </c>
      <c r="BM34" s="191">
        <v>9</v>
      </c>
      <c r="BN34" s="191">
        <v>4</v>
      </c>
      <c r="BO34" s="194">
        <v>27</v>
      </c>
      <c r="BP34" s="195">
        <v>27</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2</v>
      </c>
      <c r="CI34" s="191">
        <v>9</v>
      </c>
      <c r="CJ34" s="191">
        <v>5</v>
      </c>
      <c r="CK34" s="196">
        <v>27</v>
      </c>
      <c r="CL34" s="195">
        <v>27</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4</v>
      </c>
      <c r="AD35" s="191">
        <v>12</v>
      </c>
      <c r="AE35" s="191">
        <v>4</v>
      </c>
      <c r="AF35" s="191">
        <v>3</v>
      </c>
      <c r="AG35" s="191">
        <v>2</v>
      </c>
      <c r="AH35" s="196">
        <v>45</v>
      </c>
      <c r="AI35" s="195">
        <v>45</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3</v>
      </c>
      <c r="BK35" s="191">
        <v>3</v>
      </c>
      <c r="BL35" s="191">
        <v>8</v>
      </c>
      <c r="BM35" s="191">
        <v>2</v>
      </c>
      <c r="BN35" s="191">
        <v>1</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1</v>
      </c>
      <c r="AD36" s="191">
        <v>4</v>
      </c>
      <c r="AE36" s="191">
        <v>2</v>
      </c>
      <c r="AF36" s="191">
        <v>1</v>
      </c>
      <c r="AG36" s="191">
        <v>0</v>
      </c>
      <c r="AH36" s="196">
        <v>18</v>
      </c>
      <c r="AI36" s="195">
        <v>18</v>
      </c>
      <c r="AJ36" s="190">
        <v>0</v>
      </c>
      <c r="AK36" s="191">
        <v>0</v>
      </c>
      <c r="AL36" s="196">
        <v>0</v>
      </c>
      <c r="AM36" s="193">
        <v>0</v>
      </c>
      <c r="AN36" s="191">
        <v>0</v>
      </c>
      <c r="AO36" s="191">
        <v>0</v>
      </c>
      <c r="AP36" s="191">
        <v>0</v>
      </c>
      <c r="AQ36" s="191">
        <v>0</v>
      </c>
      <c r="AR36" s="191">
        <v>1</v>
      </c>
      <c r="AS36" s="196">
        <v>1</v>
      </c>
      <c r="AT36" s="195">
        <v>1</v>
      </c>
      <c r="AU36" s="190">
        <v>2</v>
      </c>
      <c r="AV36" s="191">
        <v>3</v>
      </c>
      <c r="AW36" s="196">
        <v>5</v>
      </c>
      <c r="AX36" s="193">
        <v>0</v>
      </c>
      <c r="AY36" s="191">
        <v>9</v>
      </c>
      <c r="AZ36" s="191">
        <v>7</v>
      </c>
      <c r="BA36" s="191">
        <v>4</v>
      </c>
      <c r="BB36" s="191">
        <v>2</v>
      </c>
      <c r="BC36" s="191">
        <v>0</v>
      </c>
      <c r="BD36" s="196">
        <v>22</v>
      </c>
      <c r="BE36" s="195">
        <v>27</v>
      </c>
      <c r="BF36" s="190">
        <v>0</v>
      </c>
      <c r="BG36" s="191">
        <v>0</v>
      </c>
      <c r="BH36" s="196">
        <v>0</v>
      </c>
      <c r="BI36" s="193">
        <v>0</v>
      </c>
      <c r="BJ36" s="191">
        <v>8</v>
      </c>
      <c r="BK36" s="191">
        <v>5</v>
      </c>
      <c r="BL36" s="191">
        <v>0</v>
      </c>
      <c r="BM36" s="191">
        <v>4</v>
      </c>
      <c r="BN36" s="191">
        <v>1</v>
      </c>
      <c r="BO36" s="194">
        <v>18</v>
      </c>
      <c r="BP36" s="195">
        <v>18</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v>
      </c>
      <c r="CR36" s="191">
        <v>0</v>
      </c>
      <c r="CS36" s="191">
        <v>0</v>
      </c>
      <c r="CT36" s="191">
        <v>0</v>
      </c>
      <c r="CU36" s="191">
        <v>0</v>
      </c>
      <c r="CV36" s="196">
        <v>1</v>
      </c>
      <c r="CW36" s="195">
        <v>1</v>
      </c>
    </row>
    <row r="37" spans="2:101" ht="21" customHeight="1" x14ac:dyDescent="0.2">
      <c r="B37" s="106" t="s">
        <v>35</v>
      </c>
      <c r="C37" s="190">
        <v>0</v>
      </c>
      <c r="D37" s="196">
        <v>0</v>
      </c>
      <c r="E37" s="207">
        <v>0</v>
      </c>
      <c r="F37" s="193">
        <v>0</v>
      </c>
      <c r="G37" s="191">
        <v>1</v>
      </c>
      <c r="H37" s="191">
        <v>1</v>
      </c>
      <c r="I37" s="191">
        <v>2</v>
      </c>
      <c r="J37" s="191">
        <v>0</v>
      </c>
      <c r="K37" s="191">
        <v>0</v>
      </c>
      <c r="L37" s="194">
        <v>4</v>
      </c>
      <c r="M37" s="195">
        <v>4</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20</v>
      </c>
      <c r="AD37" s="191">
        <v>7</v>
      </c>
      <c r="AE37" s="191">
        <v>10</v>
      </c>
      <c r="AF37" s="191">
        <v>7</v>
      </c>
      <c r="AG37" s="191">
        <v>2</v>
      </c>
      <c r="AH37" s="196">
        <v>46</v>
      </c>
      <c r="AI37" s="195">
        <v>46</v>
      </c>
      <c r="AJ37" s="190">
        <v>0</v>
      </c>
      <c r="AK37" s="191">
        <v>0</v>
      </c>
      <c r="AL37" s="196">
        <v>0</v>
      </c>
      <c r="AM37" s="193">
        <v>0</v>
      </c>
      <c r="AN37" s="191">
        <v>0</v>
      </c>
      <c r="AO37" s="191">
        <v>0</v>
      </c>
      <c r="AP37" s="191">
        <v>0</v>
      </c>
      <c r="AQ37" s="191">
        <v>0</v>
      </c>
      <c r="AR37" s="191">
        <v>0</v>
      </c>
      <c r="AS37" s="196">
        <v>0</v>
      </c>
      <c r="AT37" s="195">
        <v>0</v>
      </c>
      <c r="AU37" s="190">
        <v>2</v>
      </c>
      <c r="AV37" s="191">
        <v>5</v>
      </c>
      <c r="AW37" s="196">
        <v>7</v>
      </c>
      <c r="AX37" s="193">
        <v>0</v>
      </c>
      <c r="AY37" s="191">
        <v>8</v>
      </c>
      <c r="AZ37" s="191">
        <v>5</v>
      </c>
      <c r="BA37" s="191">
        <v>9</v>
      </c>
      <c r="BB37" s="191">
        <v>6</v>
      </c>
      <c r="BC37" s="191">
        <v>4</v>
      </c>
      <c r="BD37" s="196">
        <v>32</v>
      </c>
      <c r="BE37" s="195">
        <v>39</v>
      </c>
      <c r="BF37" s="190">
        <v>0</v>
      </c>
      <c r="BG37" s="191">
        <v>0</v>
      </c>
      <c r="BH37" s="196">
        <v>0</v>
      </c>
      <c r="BI37" s="193">
        <v>0</v>
      </c>
      <c r="BJ37" s="191">
        <v>12</v>
      </c>
      <c r="BK37" s="191">
        <v>13</v>
      </c>
      <c r="BL37" s="191">
        <v>15</v>
      </c>
      <c r="BM37" s="191">
        <v>13</v>
      </c>
      <c r="BN37" s="191">
        <v>7</v>
      </c>
      <c r="BO37" s="194">
        <v>60</v>
      </c>
      <c r="BP37" s="195">
        <v>60</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6</v>
      </c>
      <c r="AD38" s="191">
        <v>52</v>
      </c>
      <c r="AE38" s="191">
        <v>34</v>
      </c>
      <c r="AF38" s="191">
        <v>12</v>
      </c>
      <c r="AG38" s="191">
        <v>17</v>
      </c>
      <c r="AH38" s="196">
        <v>191</v>
      </c>
      <c r="AI38" s="195">
        <v>191</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13</v>
      </c>
      <c r="AZ38" s="191">
        <v>12</v>
      </c>
      <c r="BA38" s="191">
        <v>7</v>
      </c>
      <c r="BB38" s="191">
        <v>2</v>
      </c>
      <c r="BC38" s="191">
        <v>3</v>
      </c>
      <c r="BD38" s="196">
        <v>37</v>
      </c>
      <c r="BE38" s="195">
        <v>37</v>
      </c>
      <c r="BF38" s="190">
        <v>0</v>
      </c>
      <c r="BG38" s="191">
        <v>0</v>
      </c>
      <c r="BH38" s="196">
        <v>0</v>
      </c>
      <c r="BI38" s="193">
        <v>0</v>
      </c>
      <c r="BJ38" s="191">
        <v>5</v>
      </c>
      <c r="BK38" s="191">
        <v>19</v>
      </c>
      <c r="BL38" s="191">
        <v>13</v>
      </c>
      <c r="BM38" s="191">
        <v>8</v>
      </c>
      <c r="BN38" s="191">
        <v>6</v>
      </c>
      <c r="BO38" s="194">
        <v>51</v>
      </c>
      <c r="BP38" s="195">
        <v>5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1</v>
      </c>
      <c r="CU38" s="191">
        <v>0</v>
      </c>
      <c r="CV38" s="196">
        <v>1</v>
      </c>
      <c r="CW38" s="195">
        <v>1</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3</v>
      </c>
      <c r="AD39" s="198">
        <v>7</v>
      </c>
      <c r="AE39" s="198">
        <v>6</v>
      </c>
      <c r="AF39" s="198">
        <v>2</v>
      </c>
      <c r="AG39" s="198">
        <v>2</v>
      </c>
      <c r="AH39" s="203">
        <v>30</v>
      </c>
      <c r="AI39" s="202">
        <v>30</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2</v>
      </c>
      <c r="BM39" s="198">
        <v>5</v>
      </c>
      <c r="BN39" s="198">
        <v>2</v>
      </c>
      <c r="BO39" s="201">
        <v>12</v>
      </c>
      <c r="BP39" s="202">
        <v>12</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8</v>
      </c>
      <c r="L1" s="445">
        <f>IF(K1&lt;3,K1+12-2,K1-2)</f>
        <v>6</v>
      </c>
      <c r="M1" s="445"/>
    </row>
    <row r="2" spans="2:101" s="71" customFormat="1" ht="24" customHeight="1" thickBot="1" x14ac:dyDescent="0.25">
      <c r="B2" s="142" t="s">
        <v>128</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22</v>
      </c>
      <c r="H6" s="184">
        <v>19</v>
      </c>
      <c r="I6" s="184">
        <v>20</v>
      </c>
      <c r="J6" s="184">
        <v>31</v>
      </c>
      <c r="K6" s="184">
        <v>13</v>
      </c>
      <c r="L6" s="187">
        <v>105</v>
      </c>
      <c r="M6" s="188">
        <v>105</v>
      </c>
      <c r="N6" s="183">
        <v>0</v>
      </c>
      <c r="O6" s="184">
        <v>0</v>
      </c>
      <c r="P6" s="189">
        <v>0</v>
      </c>
      <c r="Q6" s="186">
        <v>0</v>
      </c>
      <c r="R6" s="184">
        <v>12</v>
      </c>
      <c r="S6" s="184">
        <v>29</v>
      </c>
      <c r="T6" s="184">
        <v>31</v>
      </c>
      <c r="U6" s="184">
        <v>32</v>
      </c>
      <c r="V6" s="184">
        <v>28</v>
      </c>
      <c r="W6" s="189">
        <v>132</v>
      </c>
      <c r="X6" s="188">
        <v>132</v>
      </c>
      <c r="Y6" s="183">
        <v>0</v>
      </c>
      <c r="Z6" s="184">
        <v>0</v>
      </c>
      <c r="AA6" s="189">
        <v>0</v>
      </c>
      <c r="AB6" s="186">
        <v>0</v>
      </c>
      <c r="AC6" s="184">
        <v>957</v>
      </c>
      <c r="AD6" s="184">
        <v>908</v>
      </c>
      <c r="AE6" s="184">
        <v>337</v>
      </c>
      <c r="AF6" s="184">
        <v>150</v>
      </c>
      <c r="AG6" s="184">
        <v>66</v>
      </c>
      <c r="AH6" s="189">
        <v>2418</v>
      </c>
      <c r="AI6" s="188">
        <v>2418</v>
      </c>
      <c r="AJ6" s="183">
        <v>1</v>
      </c>
      <c r="AK6" s="184">
        <v>0</v>
      </c>
      <c r="AL6" s="189">
        <v>1</v>
      </c>
      <c r="AM6" s="186">
        <v>0</v>
      </c>
      <c r="AN6" s="184">
        <v>61</v>
      </c>
      <c r="AO6" s="184">
        <v>73</v>
      </c>
      <c r="AP6" s="184">
        <v>80</v>
      </c>
      <c r="AQ6" s="184">
        <v>35</v>
      </c>
      <c r="AR6" s="184">
        <v>17</v>
      </c>
      <c r="AS6" s="189">
        <v>266</v>
      </c>
      <c r="AT6" s="188">
        <v>267</v>
      </c>
      <c r="AU6" s="183">
        <v>11</v>
      </c>
      <c r="AV6" s="184">
        <v>7</v>
      </c>
      <c r="AW6" s="189">
        <v>18</v>
      </c>
      <c r="AX6" s="186">
        <v>0</v>
      </c>
      <c r="AY6" s="184">
        <v>78</v>
      </c>
      <c r="AZ6" s="184">
        <v>74</v>
      </c>
      <c r="BA6" s="184">
        <v>68</v>
      </c>
      <c r="BB6" s="184">
        <v>45</v>
      </c>
      <c r="BC6" s="184">
        <v>21</v>
      </c>
      <c r="BD6" s="189">
        <v>286</v>
      </c>
      <c r="BE6" s="188">
        <v>304</v>
      </c>
      <c r="BF6" s="183">
        <v>0</v>
      </c>
      <c r="BG6" s="184">
        <v>0</v>
      </c>
      <c r="BH6" s="189">
        <v>0</v>
      </c>
      <c r="BI6" s="186">
        <v>0</v>
      </c>
      <c r="BJ6" s="184">
        <v>100</v>
      </c>
      <c r="BK6" s="184">
        <v>132</v>
      </c>
      <c r="BL6" s="184">
        <v>142</v>
      </c>
      <c r="BM6" s="184">
        <v>110</v>
      </c>
      <c r="BN6" s="184">
        <v>51</v>
      </c>
      <c r="BO6" s="187">
        <v>535</v>
      </c>
      <c r="BP6" s="188">
        <v>535</v>
      </c>
      <c r="BQ6" s="183">
        <v>0</v>
      </c>
      <c r="BR6" s="184">
        <v>0</v>
      </c>
      <c r="BS6" s="189">
        <v>0</v>
      </c>
      <c r="BT6" s="186">
        <v>0</v>
      </c>
      <c r="BU6" s="184">
        <v>3</v>
      </c>
      <c r="BV6" s="184">
        <v>6</v>
      </c>
      <c r="BW6" s="184">
        <v>4</v>
      </c>
      <c r="BX6" s="184">
        <v>5</v>
      </c>
      <c r="BY6" s="184">
        <v>3</v>
      </c>
      <c r="BZ6" s="189">
        <v>21</v>
      </c>
      <c r="CA6" s="188">
        <v>21</v>
      </c>
      <c r="CB6" s="183">
        <v>0</v>
      </c>
      <c r="CC6" s="184">
        <v>0</v>
      </c>
      <c r="CD6" s="189">
        <v>0</v>
      </c>
      <c r="CE6" s="186">
        <v>0</v>
      </c>
      <c r="CF6" s="184">
        <v>1</v>
      </c>
      <c r="CG6" s="184">
        <v>2</v>
      </c>
      <c r="CH6" s="184">
        <v>13</v>
      </c>
      <c r="CI6" s="184">
        <v>29</v>
      </c>
      <c r="CJ6" s="184">
        <v>13</v>
      </c>
      <c r="CK6" s="189">
        <v>58</v>
      </c>
      <c r="CL6" s="188">
        <v>58</v>
      </c>
      <c r="CM6" s="183">
        <v>0</v>
      </c>
      <c r="CN6" s="184">
        <v>0</v>
      </c>
      <c r="CO6" s="189">
        <v>0</v>
      </c>
      <c r="CP6" s="186">
        <v>0</v>
      </c>
      <c r="CQ6" s="184">
        <v>17</v>
      </c>
      <c r="CR6" s="184">
        <v>19</v>
      </c>
      <c r="CS6" s="184">
        <v>25</v>
      </c>
      <c r="CT6" s="184">
        <v>23</v>
      </c>
      <c r="CU6" s="184">
        <v>27</v>
      </c>
      <c r="CV6" s="189">
        <v>111</v>
      </c>
      <c r="CW6" s="188">
        <v>111</v>
      </c>
    </row>
    <row r="7" spans="2:101" ht="21" customHeight="1" x14ac:dyDescent="0.2">
      <c r="B7" s="95" t="s">
        <v>5</v>
      </c>
      <c r="C7" s="190">
        <v>0</v>
      </c>
      <c r="D7" s="196">
        <v>0</v>
      </c>
      <c r="E7" s="207">
        <v>0</v>
      </c>
      <c r="F7" s="193">
        <v>0</v>
      </c>
      <c r="G7" s="191">
        <v>10</v>
      </c>
      <c r="H7" s="191">
        <v>9</v>
      </c>
      <c r="I7" s="191">
        <v>9</v>
      </c>
      <c r="J7" s="191">
        <v>17</v>
      </c>
      <c r="K7" s="191">
        <v>6</v>
      </c>
      <c r="L7" s="194">
        <v>51</v>
      </c>
      <c r="M7" s="195">
        <v>51</v>
      </c>
      <c r="N7" s="190">
        <v>0</v>
      </c>
      <c r="O7" s="191">
        <v>0</v>
      </c>
      <c r="P7" s="196">
        <v>0</v>
      </c>
      <c r="Q7" s="193">
        <v>0</v>
      </c>
      <c r="R7" s="191">
        <v>6</v>
      </c>
      <c r="S7" s="191">
        <v>21</v>
      </c>
      <c r="T7" s="191">
        <v>22</v>
      </c>
      <c r="U7" s="191">
        <v>28</v>
      </c>
      <c r="V7" s="191">
        <v>23</v>
      </c>
      <c r="W7" s="196">
        <v>100</v>
      </c>
      <c r="X7" s="195">
        <v>100</v>
      </c>
      <c r="Y7" s="190">
        <v>0</v>
      </c>
      <c r="Z7" s="191">
        <v>0</v>
      </c>
      <c r="AA7" s="196">
        <v>0</v>
      </c>
      <c r="AB7" s="193">
        <v>0</v>
      </c>
      <c r="AC7" s="191">
        <v>382</v>
      </c>
      <c r="AD7" s="191">
        <v>452</v>
      </c>
      <c r="AE7" s="191">
        <v>174</v>
      </c>
      <c r="AF7" s="191">
        <v>69</v>
      </c>
      <c r="AG7" s="191">
        <v>34</v>
      </c>
      <c r="AH7" s="196">
        <v>1111</v>
      </c>
      <c r="AI7" s="195">
        <v>1111</v>
      </c>
      <c r="AJ7" s="190">
        <v>0</v>
      </c>
      <c r="AK7" s="191">
        <v>0</v>
      </c>
      <c r="AL7" s="196">
        <v>0</v>
      </c>
      <c r="AM7" s="193">
        <v>0</v>
      </c>
      <c r="AN7" s="191">
        <v>29</v>
      </c>
      <c r="AO7" s="191">
        <v>44</v>
      </c>
      <c r="AP7" s="191">
        <v>40</v>
      </c>
      <c r="AQ7" s="191">
        <v>16</v>
      </c>
      <c r="AR7" s="191">
        <v>7</v>
      </c>
      <c r="AS7" s="196">
        <v>136</v>
      </c>
      <c r="AT7" s="195">
        <v>136</v>
      </c>
      <c r="AU7" s="190">
        <v>3</v>
      </c>
      <c r="AV7" s="191">
        <v>3</v>
      </c>
      <c r="AW7" s="196">
        <v>6</v>
      </c>
      <c r="AX7" s="193">
        <v>0</v>
      </c>
      <c r="AY7" s="191">
        <v>31</v>
      </c>
      <c r="AZ7" s="191">
        <v>33</v>
      </c>
      <c r="BA7" s="191">
        <v>30</v>
      </c>
      <c r="BB7" s="191">
        <v>17</v>
      </c>
      <c r="BC7" s="191">
        <v>10</v>
      </c>
      <c r="BD7" s="196">
        <v>121</v>
      </c>
      <c r="BE7" s="195">
        <v>127</v>
      </c>
      <c r="BF7" s="190">
        <v>0</v>
      </c>
      <c r="BG7" s="191">
        <v>0</v>
      </c>
      <c r="BH7" s="196">
        <v>0</v>
      </c>
      <c r="BI7" s="193">
        <v>0</v>
      </c>
      <c r="BJ7" s="191">
        <v>35</v>
      </c>
      <c r="BK7" s="191">
        <v>60</v>
      </c>
      <c r="BL7" s="191">
        <v>44</v>
      </c>
      <c r="BM7" s="191">
        <v>34</v>
      </c>
      <c r="BN7" s="191">
        <v>25</v>
      </c>
      <c r="BO7" s="194">
        <v>198</v>
      </c>
      <c r="BP7" s="195">
        <v>198</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2</v>
      </c>
      <c r="CI7" s="191">
        <v>5</v>
      </c>
      <c r="CJ7" s="191">
        <v>2</v>
      </c>
      <c r="CK7" s="196">
        <v>11</v>
      </c>
      <c r="CL7" s="195">
        <v>11</v>
      </c>
      <c r="CM7" s="190">
        <v>0</v>
      </c>
      <c r="CN7" s="191">
        <v>0</v>
      </c>
      <c r="CO7" s="196">
        <v>0</v>
      </c>
      <c r="CP7" s="193">
        <v>0</v>
      </c>
      <c r="CQ7" s="191">
        <v>2</v>
      </c>
      <c r="CR7" s="191">
        <v>5</v>
      </c>
      <c r="CS7" s="191">
        <v>7</v>
      </c>
      <c r="CT7" s="191">
        <v>6</v>
      </c>
      <c r="CU7" s="191">
        <v>10</v>
      </c>
      <c r="CV7" s="196">
        <v>30</v>
      </c>
      <c r="CW7" s="195">
        <v>30</v>
      </c>
    </row>
    <row r="8" spans="2:101" ht="21" customHeight="1" x14ac:dyDescent="0.2">
      <c r="B8" s="106" t="s">
        <v>6</v>
      </c>
      <c r="C8" s="190">
        <v>0</v>
      </c>
      <c r="D8" s="196">
        <v>0</v>
      </c>
      <c r="E8" s="207">
        <v>0</v>
      </c>
      <c r="F8" s="193">
        <v>0</v>
      </c>
      <c r="G8" s="191">
        <v>4</v>
      </c>
      <c r="H8" s="191">
        <v>5</v>
      </c>
      <c r="I8" s="191">
        <v>2</v>
      </c>
      <c r="J8" s="191">
        <v>5</v>
      </c>
      <c r="K8" s="191">
        <v>4</v>
      </c>
      <c r="L8" s="194">
        <v>20</v>
      </c>
      <c r="M8" s="195">
        <v>20</v>
      </c>
      <c r="N8" s="190">
        <v>0</v>
      </c>
      <c r="O8" s="191">
        <v>0</v>
      </c>
      <c r="P8" s="196">
        <v>0</v>
      </c>
      <c r="Q8" s="193">
        <v>0</v>
      </c>
      <c r="R8" s="191">
        <v>5</v>
      </c>
      <c r="S8" s="191">
        <v>6</v>
      </c>
      <c r="T8" s="191">
        <v>8</v>
      </c>
      <c r="U8" s="191">
        <v>4</v>
      </c>
      <c r="V8" s="191">
        <v>5</v>
      </c>
      <c r="W8" s="196">
        <v>28</v>
      </c>
      <c r="X8" s="195">
        <v>28</v>
      </c>
      <c r="Y8" s="190">
        <v>0</v>
      </c>
      <c r="Z8" s="191">
        <v>0</v>
      </c>
      <c r="AA8" s="196">
        <v>0</v>
      </c>
      <c r="AB8" s="193">
        <v>0</v>
      </c>
      <c r="AC8" s="191">
        <v>108</v>
      </c>
      <c r="AD8" s="191">
        <v>85</v>
      </c>
      <c r="AE8" s="191">
        <v>32</v>
      </c>
      <c r="AF8" s="191">
        <v>18</v>
      </c>
      <c r="AG8" s="191">
        <v>14</v>
      </c>
      <c r="AH8" s="196">
        <v>257</v>
      </c>
      <c r="AI8" s="195">
        <v>257</v>
      </c>
      <c r="AJ8" s="190">
        <v>0</v>
      </c>
      <c r="AK8" s="191">
        <v>0</v>
      </c>
      <c r="AL8" s="196">
        <v>0</v>
      </c>
      <c r="AM8" s="193">
        <v>0</v>
      </c>
      <c r="AN8" s="191">
        <v>12</v>
      </c>
      <c r="AO8" s="191">
        <v>15</v>
      </c>
      <c r="AP8" s="191">
        <v>16</v>
      </c>
      <c r="AQ8" s="191">
        <v>7</v>
      </c>
      <c r="AR8" s="191">
        <v>3</v>
      </c>
      <c r="AS8" s="196">
        <v>53</v>
      </c>
      <c r="AT8" s="195">
        <v>53</v>
      </c>
      <c r="AU8" s="190">
        <v>3</v>
      </c>
      <c r="AV8" s="191">
        <v>1</v>
      </c>
      <c r="AW8" s="196">
        <v>4</v>
      </c>
      <c r="AX8" s="193">
        <v>0</v>
      </c>
      <c r="AY8" s="191">
        <v>15</v>
      </c>
      <c r="AZ8" s="191">
        <v>10</v>
      </c>
      <c r="BA8" s="191">
        <v>2</v>
      </c>
      <c r="BB8" s="191">
        <v>8</v>
      </c>
      <c r="BC8" s="191">
        <v>2</v>
      </c>
      <c r="BD8" s="196">
        <v>37</v>
      </c>
      <c r="BE8" s="195">
        <v>41</v>
      </c>
      <c r="BF8" s="190">
        <v>0</v>
      </c>
      <c r="BG8" s="191">
        <v>0</v>
      </c>
      <c r="BH8" s="196">
        <v>0</v>
      </c>
      <c r="BI8" s="193">
        <v>0</v>
      </c>
      <c r="BJ8" s="191">
        <v>21</v>
      </c>
      <c r="BK8" s="191">
        <v>24</v>
      </c>
      <c r="BL8" s="191">
        <v>19</v>
      </c>
      <c r="BM8" s="191">
        <v>24</v>
      </c>
      <c r="BN8" s="191">
        <v>6</v>
      </c>
      <c r="BO8" s="194">
        <v>94</v>
      </c>
      <c r="BP8" s="195">
        <v>94</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2</v>
      </c>
      <c r="CI8" s="191">
        <v>8</v>
      </c>
      <c r="CJ8" s="191">
        <v>3</v>
      </c>
      <c r="CK8" s="196">
        <v>13</v>
      </c>
      <c r="CL8" s="195">
        <v>13</v>
      </c>
      <c r="CM8" s="190">
        <v>0</v>
      </c>
      <c r="CN8" s="191">
        <v>0</v>
      </c>
      <c r="CO8" s="196">
        <v>0</v>
      </c>
      <c r="CP8" s="193">
        <v>0</v>
      </c>
      <c r="CQ8" s="191">
        <v>7</v>
      </c>
      <c r="CR8" s="191">
        <v>4</v>
      </c>
      <c r="CS8" s="191">
        <v>4</v>
      </c>
      <c r="CT8" s="191">
        <v>8</v>
      </c>
      <c r="CU8" s="191">
        <v>3</v>
      </c>
      <c r="CV8" s="196">
        <v>26</v>
      </c>
      <c r="CW8" s="195">
        <v>26</v>
      </c>
    </row>
    <row r="9" spans="2:101" ht="21" customHeight="1" x14ac:dyDescent="0.2">
      <c r="B9" s="106" t="s">
        <v>14</v>
      </c>
      <c r="C9" s="190">
        <v>0</v>
      </c>
      <c r="D9" s="196">
        <v>0</v>
      </c>
      <c r="E9" s="207">
        <v>0</v>
      </c>
      <c r="F9" s="193">
        <v>0</v>
      </c>
      <c r="G9" s="191">
        <v>1</v>
      </c>
      <c r="H9" s="191">
        <v>2</v>
      </c>
      <c r="I9" s="191">
        <v>1</v>
      </c>
      <c r="J9" s="191">
        <v>4</v>
      </c>
      <c r="K9" s="191">
        <v>2</v>
      </c>
      <c r="L9" s="194">
        <v>10</v>
      </c>
      <c r="M9" s="195">
        <v>10</v>
      </c>
      <c r="N9" s="190">
        <v>0</v>
      </c>
      <c r="O9" s="191">
        <v>0</v>
      </c>
      <c r="P9" s="196">
        <v>0</v>
      </c>
      <c r="Q9" s="193">
        <v>0</v>
      </c>
      <c r="R9" s="191">
        <v>0</v>
      </c>
      <c r="S9" s="191">
        <v>0</v>
      </c>
      <c r="T9" s="191">
        <v>0</v>
      </c>
      <c r="U9" s="191">
        <v>0</v>
      </c>
      <c r="V9" s="191">
        <v>0</v>
      </c>
      <c r="W9" s="196">
        <v>0</v>
      </c>
      <c r="X9" s="195">
        <v>0</v>
      </c>
      <c r="Y9" s="190">
        <v>0</v>
      </c>
      <c r="Z9" s="191">
        <v>0</v>
      </c>
      <c r="AA9" s="196">
        <v>0</v>
      </c>
      <c r="AB9" s="193">
        <v>0</v>
      </c>
      <c r="AC9" s="191">
        <v>87</v>
      </c>
      <c r="AD9" s="191">
        <v>83</v>
      </c>
      <c r="AE9" s="191">
        <v>39</v>
      </c>
      <c r="AF9" s="191">
        <v>18</v>
      </c>
      <c r="AG9" s="191">
        <v>1</v>
      </c>
      <c r="AH9" s="196">
        <v>228</v>
      </c>
      <c r="AI9" s="195">
        <v>228</v>
      </c>
      <c r="AJ9" s="190">
        <v>0</v>
      </c>
      <c r="AK9" s="191">
        <v>0</v>
      </c>
      <c r="AL9" s="196">
        <v>0</v>
      </c>
      <c r="AM9" s="193">
        <v>0</v>
      </c>
      <c r="AN9" s="191">
        <v>2</v>
      </c>
      <c r="AO9" s="191">
        <v>4</v>
      </c>
      <c r="AP9" s="191">
        <v>1</v>
      </c>
      <c r="AQ9" s="191">
        <v>0</v>
      </c>
      <c r="AR9" s="191">
        <v>0</v>
      </c>
      <c r="AS9" s="196">
        <v>7</v>
      </c>
      <c r="AT9" s="195">
        <v>7</v>
      </c>
      <c r="AU9" s="190">
        <v>0</v>
      </c>
      <c r="AV9" s="191">
        <v>1</v>
      </c>
      <c r="AW9" s="196">
        <v>1</v>
      </c>
      <c r="AX9" s="193">
        <v>0</v>
      </c>
      <c r="AY9" s="191">
        <v>5</v>
      </c>
      <c r="AZ9" s="191">
        <v>5</v>
      </c>
      <c r="BA9" s="191">
        <v>7</v>
      </c>
      <c r="BB9" s="191">
        <v>6</v>
      </c>
      <c r="BC9" s="191">
        <v>2</v>
      </c>
      <c r="BD9" s="196">
        <v>25</v>
      </c>
      <c r="BE9" s="195">
        <v>26</v>
      </c>
      <c r="BF9" s="190">
        <v>0</v>
      </c>
      <c r="BG9" s="191">
        <v>0</v>
      </c>
      <c r="BH9" s="196">
        <v>0</v>
      </c>
      <c r="BI9" s="193">
        <v>0</v>
      </c>
      <c r="BJ9" s="191">
        <v>7</v>
      </c>
      <c r="BK9" s="191">
        <v>10</v>
      </c>
      <c r="BL9" s="191">
        <v>13</v>
      </c>
      <c r="BM9" s="191">
        <v>14</v>
      </c>
      <c r="BN9" s="191">
        <v>4</v>
      </c>
      <c r="BO9" s="194">
        <v>48</v>
      </c>
      <c r="BP9" s="195">
        <v>48</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2</v>
      </c>
      <c r="CR9" s="191">
        <v>0</v>
      </c>
      <c r="CS9" s="191">
        <v>1</v>
      </c>
      <c r="CT9" s="191">
        <v>1</v>
      </c>
      <c r="CU9" s="191">
        <v>3</v>
      </c>
      <c r="CV9" s="196">
        <v>7</v>
      </c>
      <c r="CW9" s="195">
        <v>7</v>
      </c>
    </row>
    <row r="10" spans="2:101" ht="21" customHeight="1" x14ac:dyDescent="0.2">
      <c r="B10" s="106" t="s">
        <v>7</v>
      </c>
      <c r="C10" s="190">
        <v>0</v>
      </c>
      <c r="D10" s="196">
        <v>0</v>
      </c>
      <c r="E10" s="207">
        <v>0</v>
      </c>
      <c r="F10" s="193">
        <v>0</v>
      </c>
      <c r="G10" s="191">
        <v>1</v>
      </c>
      <c r="H10" s="191">
        <v>0</v>
      </c>
      <c r="I10" s="191">
        <v>0</v>
      </c>
      <c r="J10" s="191">
        <v>1</v>
      </c>
      <c r="K10" s="191">
        <v>0</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73</v>
      </c>
      <c r="AD10" s="191">
        <v>62</v>
      </c>
      <c r="AE10" s="191">
        <v>17</v>
      </c>
      <c r="AF10" s="191">
        <v>4</v>
      </c>
      <c r="AG10" s="191">
        <v>1</v>
      </c>
      <c r="AH10" s="196">
        <v>157</v>
      </c>
      <c r="AI10" s="195">
        <v>157</v>
      </c>
      <c r="AJ10" s="190">
        <v>0</v>
      </c>
      <c r="AK10" s="191">
        <v>0</v>
      </c>
      <c r="AL10" s="196">
        <v>0</v>
      </c>
      <c r="AM10" s="193">
        <v>0</v>
      </c>
      <c r="AN10" s="191">
        <v>8</v>
      </c>
      <c r="AO10" s="191">
        <v>4</v>
      </c>
      <c r="AP10" s="191">
        <v>5</v>
      </c>
      <c r="AQ10" s="191">
        <v>4</v>
      </c>
      <c r="AR10" s="191">
        <v>3</v>
      </c>
      <c r="AS10" s="196">
        <v>24</v>
      </c>
      <c r="AT10" s="195">
        <v>24</v>
      </c>
      <c r="AU10" s="190">
        <v>0</v>
      </c>
      <c r="AV10" s="191">
        <v>0</v>
      </c>
      <c r="AW10" s="196">
        <v>0</v>
      </c>
      <c r="AX10" s="193">
        <v>0</v>
      </c>
      <c r="AY10" s="191">
        <v>5</v>
      </c>
      <c r="AZ10" s="191">
        <v>2</v>
      </c>
      <c r="BA10" s="191">
        <v>3</v>
      </c>
      <c r="BB10" s="191">
        <v>1</v>
      </c>
      <c r="BC10" s="191">
        <v>0</v>
      </c>
      <c r="BD10" s="196">
        <v>11</v>
      </c>
      <c r="BE10" s="195">
        <v>11</v>
      </c>
      <c r="BF10" s="190">
        <v>0</v>
      </c>
      <c r="BG10" s="191">
        <v>0</v>
      </c>
      <c r="BH10" s="196">
        <v>0</v>
      </c>
      <c r="BI10" s="193">
        <v>0</v>
      </c>
      <c r="BJ10" s="191">
        <v>8</v>
      </c>
      <c r="BK10" s="191">
        <v>7</v>
      </c>
      <c r="BL10" s="191">
        <v>11</v>
      </c>
      <c r="BM10" s="191">
        <v>6</v>
      </c>
      <c r="BN10" s="191">
        <v>2</v>
      </c>
      <c r="BO10" s="194">
        <v>34</v>
      </c>
      <c r="BP10" s="195">
        <v>34</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2</v>
      </c>
      <c r="CT10" s="191">
        <v>2</v>
      </c>
      <c r="CU10" s="191">
        <v>4</v>
      </c>
      <c r="CV10" s="196">
        <v>9</v>
      </c>
      <c r="CW10" s="195">
        <v>9</v>
      </c>
    </row>
    <row r="11" spans="2:101" ht="21" customHeight="1" x14ac:dyDescent="0.2">
      <c r="B11" s="106" t="s">
        <v>8</v>
      </c>
      <c r="C11" s="190">
        <v>0</v>
      </c>
      <c r="D11" s="196">
        <v>0</v>
      </c>
      <c r="E11" s="207">
        <v>0</v>
      </c>
      <c r="F11" s="193">
        <v>0</v>
      </c>
      <c r="G11" s="191">
        <v>2</v>
      </c>
      <c r="H11" s="191">
        <v>0</v>
      </c>
      <c r="I11" s="191">
        <v>0</v>
      </c>
      <c r="J11" s="191">
        <v>0</v>
      </c>
      <c r="K11" s="191">
        <v>0</v>
      </c>
      <c r="L11" s="194">
        <v>2</v>
      </c>
      <c r="M11" s="195">
        <v>2</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4</v>
      </c>
      <c r="AD11" s="191">
        <v>35</v>
      </c>
      <c r="AE11" s="191">
        <v>8</v>
      </c>
      <c r="AF11" s="191">
        <v>5</v>
      </c>
      <c r="AG11" s="191">
        <v>2</v>
      </c>
      <c r="AH11" s="196">
        <v>84</v>
      </c>
      <c r="AI11" s="195">
        <v>84</v>
      </c>
      <c r="AJ11" s="190">
        <v>0</v>
      </c>
      <c r="AK11" s="191">
        <v>0</v>
      </c>
      <c r="AL11" s="196">
        <v>0</v>
      </c>
      <c r="AM11" s="193">
        <v>0</v>
      </c>
      <c r="AN11" s="191">
        <v>0</v>
      </c>
      <c r="AO11" s="191">
        <v>0</v>
      </c>
      <c r="AP11" s="191">
        <v>0</v>
      </c>
      <c r="AQ11" s="191">
        <v>1</v>
      </c>
      <c r="AR11" s="191">
        <v>0</v>
      </c>
      <c r="AS11" s="196">
        <v>1</v>
      </c>
      <c r="AT11" s="195">
        <v>1</v>
      </c>
      <c r="AU11" s="190">
        <v>0</v>
      </c>
      <c r="AV11" s="191">
        <v>2</v>
      </c>
      <c r="AW11" s="196">
        <v>2</v>
      </c>
      <c r="AX11" s="193">
        <v>0</v>
      </c>
      <c r="AY11" s="191">
        <v>1</v>
      </c>
      <c r="AZ11" s="191">
        <v>0</v>
      </c>
      <c r="BA11" s="191">
        <v>1</v>
      </c>
      <c r="BB11" s="191">
        <v>1</v>
      </c>
      <c r="BC11" s="191">
        <v>0</v>
      </c>
      <c r="BD11" s="196">
        <v>3</v>
      </c>
      <c r="BE11" s="195">
        <v>5</v>
      </c>
      <c r="BF11" s="190">
        <v>0</v>
      </c>
      <c r="BG11" s="191">
        <v>0</v>
      </c>
      <c r="BH11" s="196">
        <v>0</v>
      </c>
      <c r="BI11" s="193">
        <v>0</v>
      </c>
      <c r="BJ11" s="191">
        <v>6</v>
      </c>
      <c r="BK11" s="191">
        <v>1</v>
      </c>
      <c r="BL11" s="191">
        <v>5</v>
      </c>
      <c r="BM11" s="191">
        <v>5</v>
      </c>
      <c r="BN11" s="191">
        <v>1</v>
      </c>
      <c r="BO11" s="194">
        <v>18</v>
      </c>
      <c r="BP11" s="195">
        <v>18</v>
      </c>
      <c r="BQ11" s="190">
        <v>0</v>
      </c>
      <c r="BR11" s="191">
        <v>0</v>
      </c>
      <c r="BS11" s="196">
        <v>0</v>
      </c>
      <c r="BT11" s="193">
        <v>0</v>
      </c>
      <c r="BU11" s="191">
        <v>0</v>
      </c>
      <c r="BV11" s="191">
        <v>0</v>
      </c>
      <c r="BW11" s="191">
        <v>1</v>
      </c>
      <c r="BX11" s="191">
        <v>0</v>
      </c>
      <c r="BY11" s="191">
        <v>2</v>
      </c>
      <c r="BZ11" s="196">
        <v>3</v>
      </c>
      <c r="CA11" s="195">
        <v>3</v>
      </c>
      <c r="CB11" s="190">
        <v>0</v>
      </c>
      <c r="CC11" s="191">
        <v>0</v>
      </c>
      <c r="CD11" s="196">
        <v>0</v>
      </c>
      <c r="CE11" s="193">
        <v>0</v>
      </c>
      <c r="CF11" s="191">
        <v>0</v>
      </c>
      <c r="CG11" s="191">
        <v>0</v>
      </c>
      <c r="CH11" s="191">
        <v>1</v>
      </c>
      <c r="CI11" s="191">
        <v>1</v>
      </c>
      <c r="CJ11" s="191">
        <v>0</v>
      </c>
      <c r="CK11" s="196">
        <v>2</v>
      </c>
      <c r="CL11" s="195">
        <v>2</v>
      </c>
      <c r="CM11" s="190">
        <v>0</v>
      </c>
      <c r="CN11" s="191">
        <v>0</v>
      </c>
      <c r="CO11" s="196">
        <v>0</v>
      </c>
      <c r="CP11" s="193">
        <v>0</v>
      </c>
      <c r="CQ11" s="191">
        <v>3</v>
      </c>
      <c r="CR11" s="191">
        <v>1</v>
      </c>
      <c r="CS11" s="191">
        <v>0</v>
      </c>
      <c r="CT11" s="191">
        <v>2</v>
      </c>
      <c r="CU11" s="191">
        <v>2</v>
      </c>
      <c r="CV11" s="196">
        <v>8</v>
      </c>
      <c r="CW11" s="195">
        <v>8</v>
      </c>
    </row>
    <row r="12" spans="2:101" ht="21" customHeight="1" x14ac:dyDescent="0.2">
      <c r="B12" s="106" t="s">
        <v>9</v>
      </c>
      <c r="C12" s="190">
        <v>0</v>
      </c>
      <c r="D12" s="196">
        <v>0</v>
      </c>
      <c r="E12" s="207">
        <v>0</v>
      </c>
      <c r="F12" s="193">
        <v>0</v>
      </c>
      <c r="G12" s="191">
        <v>0</v>
      </c>
      <c r="H12" s="191">
        <v>0</v>
      </c>
      <c r="I12" s="191">
        <v>1</v>
      </c>
      <c r="J12" s="191">
        <v>0</v>
      </c>
      <c r="K12" s="191">
        <v>0</v>
      </c>
      <c r="L12" s="194">
        <v>1</v>
      </c>
      <c r="M12" s="195">
        <v>1</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5</v>
      </c>
      <c r="AD12" s="191">
        <v>17</v>
      </c>
      <c r="AE12" s="191">
        <v>13</v>
      </c>
      <c r="AF12" s="191">
        <v>7</v>
      </c>
      <c r="AG12" s="191">
        <v>2</v>
      </c>
      <c r="AH12" s="196">
        <v>84</v>
      </c>
      <c r="AI12" s="195">
        <v>84</v>
      </c>
      <c r="AJ12" s="190">
        <v>0</v>
      </c>
      <c r="AK12" s="191">
        <v>0</v>
      </c>
      <c r="AL12" s="196">
        <v>0</v>
      </c>
      <c r="AM12" s="193">
        <v>0</v>
      </c>
      <c r="AN12" s="191">
        <v>0</v>
      </c>
      <c r="AO12" s="191">
        <v>0</v>
      </c>
      <c r="AP12" s="191">
        <v>0</v>
      </c>
      <c r="AQ12" s="191">
        <v>0</v>
      </c>
      <c r="AR12" s="191">
        <v>1</v>
      </c>
      <c r="AS12" s="196">
        <v>1</v>
      </c>
      <c r="AT12" s="195">
        <v>1</v>
      </c>
      <c r="AU12" s="190">
        <v>1</v>
      </c>
      <c r="AV12" s="191">
        <v>0</v>
      </c>
      <c r="AW12" s="196">
        <v>1</v>
      </c>
      <c r="AX12" s="193">
        <v>0</v>
      </c>
      <c r="AY12" s="191">
        <v>1</v>
      </c>
      <c r="AZ12" s="191">
        <v>3</v>
      </c>
      <c r="BA12" s="191">
        <v>1</v>
      </c>
      <c r="BB12" s="191">
        <v>0</v>
      </c>
      <c r="BC12" s="191">
        <v>0</v>
      </c>
      <c r="BD12" s="196">
        <v>5</v>
      </c>
      <c r="BE12" s="195">
        <v>6</v>
      </c>
      <c r="BF12" s="190">
        <v>0</v>
      </c>
      <c r="BG12" s="191">
        <v>0</v>
      </c>
      <c r="BH12" s="196">
        <v>0</v>
      </c>
      <c r="BI12" s="193">
        <v>0</v>
      </c>
      <c r="BJ12" s="191">
        <v>1</v>
      </c>
      <c r="BK12" s="191">
        <v>2</v>
      </c>
      <c r="BL12" s="191">
        <v>9</v>
      </c>
      <c r="BM12" s="191">
        <v>3</v>
      </c>
      <c r="BN12" s="191">
        <v>0</v>
      </c>
      <c r="BO12" s="194">
        <v>15</v>
      </c>
      <c r="BP12" s="195">
        <v>15</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2</v>
      </c>
      <c r="CT12" s="191">
        <v>0</v>
      </c>
      <c r="CU12" s="191">
        <v>0</v>
      </c>
      <c r="CV12" s="196">
        <v>3</v>
      </c>
      <c r="CW12" s="195">
        <v>3</v>
      </c>
    </row>
    <row r="13" spans="2:101" ht="21" customHeight="1" x14ac:dyDescent="0.2">
      <c r="B13" s="106" t="s">
        <v>10</v>
      </c>
      <c r="C13" s="190">
        <v>0</v>
      </c>
      <c r="D13" s="196">
        <v>0</v>
      </c>
      <c r="E13" s="207">
        <v>0</v>
      </c>
      <c r="F13" s="193">
        <v>0</v>
      </c>
      <c r="G13" s="191">
        <v>1</v>
      </c>
      <c r="H13" s="191">
        <v>2</v>
      </c>
      <c r="I13" s="191">
        <v>2</v>
      </c>
      <c r="J13" s="191">
        <v>1</v>
      </c>
      <c r="K13" s="191">
        <v>0</v>
      </c>
      <c r="L13" s="194">
        <v>6</v>
      </c>
      <c r="M13" s="195">
        <v>6</v>
      </c>
      <c r="N13" s="190">
        <v>0</v>
      </c>
      <c r="O13" s="191">
        <v>0</v>
      </c>
      <c r="P13" s="196">
        <v>0</v>
      </c>
      <c r="Q13" s="193">
        <v>0</v>
      </c>
      <c r="R13" s="191">
        <v>1</v>
      </c>
      <c r="S13" s="191">
        <v>1</v>
      </c>
      <c r="T13" s="191">
        <v>1</v>
      </c>
      <c r="U13" s="191">
        <v>0</v>
      </c>
      <c r="V13" s="191">
        <v>0</v>
      </c>
      <c r="W13" s="196">
        <v>3</v>
      </c>
      <c r="X13" s="195">
        <v>3</v>
      </c>
      <c r="Y13" s="190">
        <v>0</v>
      </c>
      <c r="Z13" s="191">
        <v>0</v>
      </c>
      <c r="AA13" s="196">
        <v>0</v>
      </c>
      <c r="AB13" s="193">
        <v>0</v>
      </c>
      <c r="AC13" s="191">
        <v>38</v>
      </c>
      <c r="AD13" s="191">
        <v>15</v>
      </c>
      <c r="AE13" s="191">
        <v>4</v>
      </c>
      <c r="AF13" s="191">
        <v>5</v>
      </c>
      <c r="AG13" s="191">
        <v>3</v>
      </c>
      <c r="AH13" s="196">
        <v>65</v>
      </c>
      <c r="AI13" s="195">
        <v>65</v>
      </c>
      <c r="AJ13" s="190">
        <v>0</v>
      </c>
      <c r="AK13" s="191">
        <v>0</v>
      </c>
      <c r="AL13" s="196">
        <v>0</v>
      </c>
      <c r="AM13" s="193">
        <v>0</v>
      </c>
      <c r="AN13" s="191">
        <v>5</v>
      </c>
      <c r="AO13" s="191">
        <v>0</v>
      </c>
      <c r="AP13" s="191">
        <v>2</v>
      </c>
      <c r="AQ13" s="191">
        <v>0</v>
      </c>
      <c r="AR13" s="191">
        <v>0</v>
      </c>
      <c r="AS13" s="196">
        <v>7</v>
      </c>
      <c r="AT13" s="195">
        <v>7</v>
      </c>
      <c r="AU13" s="190">
        <v>1</v>
      </c>
      <c r="AV13" s="191">
        <v>0</v>
      </c>
      <c r="AW13" s="196">
        <v>1</v>
      </c>
      <c r="AX13" s="193">
        <v>0</v>
      </c>
      <c r="AY13" s="191">
        <v>5</v>
      </c>
      <c r="AZ13" s="191">
        <v>2</v>
      </c>
      <c r="BA13" s="191">
        <v>2</v>
      </c>
      <c r="BB13" s="191">
        <v>2</v>
      </c>
      <c r="BC13" s="191">
        <v>0</v>
      </c>
      <c r="BD13" s="196">
        <v>11</v>
      </c>
      <c r="BE13" s="195">
        <v>12</v>
      </c>
      <c r="BF13" s="190">
        <v>0</v>
      </c>
      <c r="BG13" s="191">
        <v>0</v>
      </c>
      <c r="BH13" s="196">
        <v>0</v>
      </c>
      <c r="BI13" s="193">
        <v>0</v>
      </c>
      <c r="BJ13" s="191">
        <v>7</v>
      </c>
      <c r="BK13" s="191">
        <v>6</v>
      </c>
      <c r="BL13" s="191">
        <v>10</v>
      </c>
      <c r="BM13" s="191">
        <v>4</v>
      </c>
      <c r="BN13" s="191">
        <v>4</v>
      </c>
      <c r="BO13" s="194">
        <v>31</v>
      </c>
      <c r="BP13" s="195">
        <v>31</v>
      </c>
      <c r="BQ13" s="190">
        <v>0</v>
      </c>
      <c r="BR13" s="191">
        <v>0</v>
      </c>
      <c r="BS13" s="196">
        <v>0</v>
      </c>
      <c r="BT13" s="193">
        <v>0</v>
      </c>
      <c r="BU13" s="191">
        <v>3</v>
      </c>
      <c r="BV13" s="191">
        <v>2</v>
      </c>
      <c r="BW13" s="191">
        <v>2</v>
      </c>
      <c r="BX13" s="191">
        <v>2</v>
      </c>
      <c r="BY13" s="191">
        <v>1</v>
      </c>
      <c r="BZ13" s="196">
        <v>10</v>
      </c>
      <c r="CA13" s="195">
        <v>10</v>
      </c>
      <c r="CB13" s="190">
        <v>0</v>
      </c>
      <c r="CC13" s="191">
        <v>0</v>
      </c>
      <c r="CD13" s="196">
        <v>0</v>
      </c>
      <c r="CE13" s="193">
        <v>0</v>
      </c>
      <c r="CF13" s="191">
        <v>0</v>
      </c>
      <c r="CG13" s="191">
        <v>1</v>
      </c>
      <c r="CH13" s="191">
        <v>1</v>
      </c>
      <c r="CI13" s="191">
        <v>2</v>
      </c>
      <c r="CJ13" s="191">
        <v>6</v>
      </c>
      <c r="CK13" s="196">
        <v>10</v>
      </c>
      <c r="CL13" s="195">
        <v>10</v>
      </c>
      <c r="CM13" s="190">
        <v>0</v>
      </c>
      <c r="CN13" s="191">
        <v>0</v>
      </c>
      <c r="CO13" s="196">
        <v>0</v>
      </c>
      <c r="CP13" s="193">
        <v>0</v>
      </c>
      <c r="CQ13" s="191">
        <v>1</v>
      </c>
      <c r="CR13" s="191">
        <v>2</v>
      </c>
      <c r="CS13" s="191">
        <v>2</v>
      </c>
      <c r="CT13" s="191">
        <v>1</v>
      </c>
      <c r="CU13" s="191">
        <v>1</v>
      </c>
      <c r="CV13" s="196">
        <v>7</v>
      </c>
      <c r="CW13" s="195">
        <v>7</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6</v>
      </c>
      <c r="AD14" s="191">
        <v>7</v>
      </c>
      <c r="AE14" s="191">
        <v>4</v>
      </c>
      <c r="AF14" s="191">
        <v>2</v>
      </c>
      <c r="AG14" s="191">
        <v>2</v>
      </c>
      <c r="AH14" s="196">
        <v>31</v>
      </c>
      <c r="AI14" s="195">
        <v>31</v>
      </c>
      <c r="AJ14" s="190">
        <v>0</v>
      </c>
      <c r="AK14" s="191">
        <v>0</v>
      </c>
      <c r="AL14" s="196">
        <v>0</v>
      </c>
      <c r="AM14" s="193">
        <v>0</v>
      </c>
      <c r="AN14" s="191">
        <v>1</v>
      </c>
      <c r="AO14" s="191">
        <v>1</v>
      </c>
      <c r="AP14" s="191">
        <v>2</v>
      </c>
      <c r="AQ14" s="191">
        <v>2</v>
      </c>
      <c r="AR14" s="191">
        <v>0</v>
      </c>
      <c r="AS14" s="196">
        <v>6</v>
      </c>
      <c r="AT14" s="195">
        <v>6</v>
      </c>
      <c r="AU14" s="190">
        <v>0</v>
      </c>
      <c r="AV14" s="191">
        <v>0</v>
      </c>
      <c r="AW14" s="196">
        <v>0</v>
      </c>
      <c r="AX14" s="193">
        <v>0</v>
      </c>
      <c r="AY14" s="191">
        <v>1</v>
      </c>
      <c r="AZ14" s="191">
        <v>3</v>
      </c>
      <c r="BA14" s="191">
        <v>1</v>
      </c>
      <c r="BB14" s="191">
        <v>0</v>
      </c>
      <c r="BC14" s="191">
        <v>0</v>
      </c>
      <c r="BD14" s="196">
        <v>5</v>
      </c>
      <c r="BE14" s="195">
        <v>5</v>
      </c>
      <c r="BF14" s="190">
        <v>0</v>
      </c>
      <c r="BG14" s="191">
        <v>0</v>
      </c>
      <c r="BH14" s="196">
        <v>0</v>
      </c>
      <c r="BI14" s="193">
        <v>0</v>
      </c>
      <c r="BJ14" s="191">
        <v>2</v>
      </c>
      <c r="BK14" s="191">
        <v>3</v>
      </c>
      <c r="BL14" s="191">
        <v>1</v>
      </c>
      <c r="BM14" s="191">
        <v>3</v>
      </c>
      <c r="BN14" s="191">
        <v>0</v>
      </c>
      <c r="BO14" s="194">
        <v>9</v>
      </c>
      <c r="BP14" s="195">
        <v>9</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v>
      </c>
      <c r="CR14" s="191">
        <v>1</v>
      </c>
      <c r="CS14" s="191">
        <v>1</v>
      </c>
      <c r="CT14" s="191">
        <v>0</v>
      </c>
      <c r="CU14" s="191">
        <v>1</v>
      </c>
      <c r="CV14" s="196">
        <v>4</v>
      </c>
      <c r="CW14" s="195">
        <v>4</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2</v>
      </c>
      <c r="AD15" s="191">
        <v>22</v>
      </c>
      <c r="AE15" s="191">
        <v>4</v>
      </c>
      <c r="AF15" s="191">
        <v>4</v>
      </c>
      <c r="AG15" s="191">
        <v>1</v>
      </c>
      <c r="AH15" s="196">
        <v>53</v>
      </c>
      <c r="AI15" s="195">
        <v>53</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4</v>
      </c>
      <c r="BA15" s="191">
        <v>3</v>
      </c>
      <c r="BB15" s="191">
        <v>3</v>
      </c>
      <c r="BC15" s="191">
        <v>3</v>
      </c>
      <c r="BD15" s="196">
        <v>16</v>
      </c>
      <c r="BE15" s="195">
        <v>16</v>
      </c>
      <c r="BF15" s="190">
        <v>0</v>
      </c>
      <c r="BG15" s="191">
        <v>0</v>
      </c>
      <c r="BH15" s="196">
        <v>0</v>
      </c>
      <c r="BI15" s="193">
        <v>0</v>
      </c>
      <c r="BJ15" s="191">
        <v>1</v>
      </c>
      <c r="BK15" s="191">
        <v>1</v>
      </c>
      <c r="BL15" s="191">
        <v>1</v>
      </c>
      <c r="BM15" s="191">
        <v>2</v>
      </c>
      <c r="BN15" s="191">
        <v>2</v>
      </c>
      <c r="BO15" s="194">
        <v>7</v>
      </c>
      <c r="BP15" s="195">
        <v>7</v>
      </c>
      <c r="BQ15" s="190">
        <v>0</v>
      </c>
      <c r="BR15" s="191">
        <v>0</v>
      </c>
      <c r="BS15" s="196">
        <v>0</v>
      </c>
      <c r="BT15" s="193">
        <v>0</v>
      </c>
      <c r="BU15" s="191">
        <v>0</v>
      </c>
      <c r="BV15" s="191">
        <v>3</v>
      </c>
      <c r="BW15" s="191">
        <v>1</v>
      </c>
      <c r="BX15" s="191">
        <v>3</v>
      </c>
      <c r="BY15" s="191">
        <v>0</v>
      </c>
      <c r="BZ15" s="196">
        <v>7</v>
      </c>
      <c r="CA15" s="195">
        <v>7</v>
      </c>
      <c r="CB15" s="190">
        <v>0</v>
      </c>
      <c r="CC15" s="191">
        <v>0</v>
      </c>
      <c r="CD15" s="196">
        <v>0</v>
      </c>
      <c r="CE15" s="193">
        <v>0</v>
      </c>
      <c r="CF15" s="191">
        <v>0</v>
      </c>
      <c r="CG15" s="191">
        <v>0</v>
      </c>
      <c r="CH15" s="191">
        <v>1</v>
      </c>
      <c r="CI15" s="191">
        <v>0</v>
      </c>
      <c r="CJ15" s="191">
        <v>2</v>
      </c>
      <c r="CK15" s="196">
        <v>3</v>
      </c>
      <c r="CL15" s="195">
        <v>3</v>
      </c>
      <c r="CM15" s="190">
        <v>0</v>
      </c>
      <c r="CN15" s="191">
        <v>0</v>
      </c>
      <c r="CO15" s="196">
        <v>0</v>
      </c>
      <c r="CP15" s="193">
        <v>0</v>
      </c>
      <c r="CQ15" s="191">
        <v>0</v>
      </c>
      <c r="CR15" s="191">
        <v>2</v>
      </c>
      <c r="CS15" s="191">
        <v>1</v>
      </c>
      <c r="CT15" s="191">
        <v>2</v>
      </c>
      <c r="CU15" s="191">
        <v>0</v>
      </c>
      <c r="CV15" s="196">
        <v>5</v>
      </c>
      <c r="CW15" s="195">
        <v>5</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20</v>
      </c>
      <c r="AD16" s="191">
        <v>20</v>
      </c>
      <c r="AE16" s="191">
        <v>5</v>
      </c>
      <c r="AF16" s="191">
        <v>4</v>
      </c>
      <c r="AG16" s="191">
        <v>0</v>
      </c>
      <c r="AH16" s="196">
        <v>49</v>
      </c>
      <c r="AI16" s="195">
        <v>49</v>
      </c>
      <c r="AJ16" s="190">
        <v>0</v>
      </c>
      <c r="AK16" s="191">
        <v>0</v>
      </c>
      <c r="AL16" s="196">
        <v>0</v>
      </c>
      <c r="AM16" s="193">
        <v>0</v>
      </c>
      <c r="AN16" s="191">
        <v>0</v>
      </c>
      <c r="AO16" s="191">
        <v>0</v>
      </c>
      <c r="AP16" s="191">
        <v>3</v>
      </c>
      <c r="AQ16" s="191">
        <v>0</v>
      </c>
      <c r="AR16" s="191">
        <v>2</v>
      </c>
      <c r="AS16" s="196">
        <v>5</v>
      </c>
      <c r="AT16" s="195">
        <v>5</v>
      </c>
      <c r="AU16" s="190">
        <v>0</v>
      </c>
      <c r="AV16" s="191">
        <v>0</v>
      </c>
      <c r="AW16" s="196">
        <v>0</v>
      </c>
      <c r="AX16" s="193">
        <v>0</v>
      </c>
      <c r="AY16" s="191">
        <v>1</v>
      </c>
      <c r="AZ16" s="191">
        <v>2</v>
      </c>
      <c r="BA16" s="191">
        <v>0</v>
      </c>
      <c r="BB16" s="191">
        <v>0</v>
      </c>
      <c r="BC16" s="191">
        <v>1</v>
      </c>
      <c r="BD16" s="196">
        <v>4</v>
      </c>
      <c r="BE16" s="195">
        <v>4</v>
      </c>
      <c r="BF16" s="190">
        <v>0</v>
      </c>
      <c r="BG16" s="191">
        <v>0</v>
      </c>
      <c r="BH16" s="196">
        <v>0</v>
      </c>
      <c r="BI16" s="193">
        <v>0</v>
      </c>
      <c r="BJ16" s="191">
        <v>1</v>
      </c>
      <c r="BK16" s="191">
        <v>0</v>
      </c>
      <c r="BL16" s="191">
        <v>2</v>
      </c>
      <c r="BM16" s="191">
        <v>2</v>
      </c>
      <c r="BN16" s="191">
        <v>1</v>
      </c>
      <c r="BO16" s="194">
        <v>6</v>
      </c>
      <c r="BP16" s="195">
        <v>6</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1</v>
      </c>
      <c r="H17" s="191">
        <v>0</v>
      </c>
      <c r="I17" s="191">
        <v>0</v>
      </c>
      <c r="J17" s="191">
        <v>1</v>
      </c>
      <c r="K17" s="191">
        <v>0</v>
      </c>
      <c r="L17" s="194">
        <v>2</v>
      </c>
      <c r="M17" s="195">
        <v>2</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9</v>
      </c>
      <c r="AD17" s="191">
        <v>9</v>
      </c>
      <c r="AE17" s="191">
        <v>1</v>
      </c>
      <c r="AF17" s="191">
        <v>3</v>
      </c>
      <c r="AG17" s="191">
        <v>0</v>
      </c>
      <c r="AH17" s="196">
        <v>22</v>
      </c>
      <c r="AI17" s="195">
        <v>22</v>
      </c>
      <c r="AJ17" s="190">
        <v>0</v>
      </c>
      <c r="AK17" s="191">
        <v>0</v>
      </c>
      <c r="AL17" s="196">
        <v>0</v>
      </c>
      <c r="AM17" s="193">
        <v>0</v>
      </c>
      <c r="AN17" s="191">
        <v>0</v>
      </c>
      <c r="AO17" s="191">
        <v>0</v>
      </c>
      <c r="AP17" s="191">
        <v>0</v>
      </c>
      <c r="AQ17" s="191">
        <v>1</v>
      </c>
      <c r="AR17" s="191">
        <v>0</v>
      </c>
      <c r="AS17" s="196">
        <v>1</v>
      </c>
      <c r="AT17" s="195">
        <v>1</v>
      </c>
      <c r="AU17" s="190">
        <v>0</v>
      </c>
      <c r="AV17" s="191">
        <v>0</v>
      </c>
      <c r="AW17" s="196">
        <v>0</v>
      </c>
      <c r="AX17" s="193">
        <v>0</v>
      </c>
      <c r="AY17" s="191">
        <v>1</v>
      </c>
      <c r="AZ17" s="191">
        <v>1</v>
      </c>
      <c r="BA17" s="191">
        <v>0</v>
      </c>
      <c r="BB17" s="191">
        <v>2</v>
      </c>
      <c r="BC17" s="191">
        <v>1</v>
      </c>
      <c r="BD17" s="196">
        <v>5</v>
      </c>
      <c r="BE17" s="195">
        <v>5</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2</v>
      </c>
      <c r="CS17" s="191">
        <v>1</v>
      </c>
      <c r="CT17" s="191">
        <v>1</v>
      </c>
      <c r="CU17" s="191">
        <v>0</v>
      </c>
      <c r="CV17" s="196">
        <v>4</v>
      </c>
      <c r="CW17" s="195">
        <v>4</v>
      </c>
    </row>
    <row r="18" spans="2:101" ht="21" customHeight="1" x14ac:dyDescent="0.2">
      <c r="B18" s="106" t="s">
        <v>16</v>
      </c>
      <c r="C18" s="190">
        <v>0</v>
      </c>
      <c r="D18" s="196">
        <v>0</v>
      </c>
      <c r="E18" s="207">
        <v>0</v>
      </c>
      <c r="F18" s="193">
        <v>0</v>
      </c>
      <c r="G18" s="191">
        <v>0</v>
      </c>
      <c r="H18" s="191">
        <v>0</v>
      </c>
      <c r="I18" s="191">
        <v>1</v>
      </c>
      <c r="J18" s="191">
        <v>0</v>
      </c>
      <c r="K18" s="191">
        <v>0</v>
      </c>
      <c r="L18" s="194">
        <v>1</v>
      </c>
      <c r="M18" s="195">
        <v>1</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7</v>
      </c>
      <c r="AD18" s="191">
        <v>10</v>
      </c>
      <c r="AE18" s="191">
        <v>8</v>
      </c>
      <c r="AF18" s="191">
        <v>2</v>
      </c>
      <c r="AG18" s="191">
        <v>1</v>
      </c>
      <c r="AH18" s="196">
        <v>28</v>
      </c>
      <c r="AI18" s="195">
        <v>28</v>
      </c>
      <c r="AJ18" s="190">
        <v>0</v>
      </c>
      <c r="AK18" s="191">
        <v>0</v>
      </c>
      <c r="AL18" s="196">
        <v>0</v>
      </c>
      <c r="AM18" s="193">
        <v>0</v>
      </c>
      <c r="AN18" s="191">
        <v>0</v>
      </c>
      <c r="AO18" s="191">
        <v>0</v>
      </c>
      <c r="AP18" s="191">
        <v>2</v>
      </c>
      <c r="AQ18" s="191">
        <v>1</v>
      </c>
      <c r="AR18" s="191">
        <v>0</v>
      </c>
      <c r="AS18" s="196">
        <v>3</v>
      </c>
      <c r="AT18" s="195">
        <v>3</v>
      </c>
      <c r="AU18" s="190">
        <v>0</v>
      </c>
      <c r="AV18" s="191">
        <v>0</v>
      </c>
      <c r="AW18" s="196">
        <v>0</v>
      </c>
      <c r="AX18" s="193">
        <v>0</v>
      </c>
      <c r="AY18" s="191">
        <v>0</v>
      </c>
      <c r="AZ18" s="191">
        <v>0</v>
      </c>
      <c r="BA18" s="191">
        <v>1</v>
      </c>
      <c r="BB18" s="191">
        <v>2</v>
      </c>
      <c r="BC18" s="191">
        <v>1</v>
      </c>
      <c r="BD18" s="196">
        <v>4</v>
      </c>
      <c r="BE18" s="195">
        <v>4</v>
      </c>
      <c r="BF18" s="190">
        <v>0</v>
      </c>
      <c r="BG18" s="191">
        <v>0</v>
      </c>
      <c r="BH18" s="196">
        <v>0</v>
      </c>
      <c r="BI18" s="193">
        <v>0</v>
      </c>
      <c r="BJ18" s="191">
        <v>0</v>
      </c>
      <c r="BK18" s="191">
        <v>3</v>
      </c>
      <c r="BL18" s="191">
        <v>1</v>
      </c>
      <c r="BM18" s="191">
        <v>1</v>
      </c>
      <c r="BN18" s="191">
        <v>1</v>
      </c>
      <c r="BO18" s="194">
        <v>6</v>
      </c>
      <c r="BP18" s="195">
        <v>6</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1</v>
      </c>
      <c r="CJ18" s="191">
        <v>0</v>
      </c>
      <c r="CK18" s="196">
        <v>1</v>
      </c>
      <c r="CL18" s="195">
        <v>1</v>
      </c>
      <c r="CM18" s="190">
        <v>0</v>
      </c>
      <c r="CN18" s="191">
        <v>0</v>
      </c>
      <c r="CO18" s="196">
        <v>0</v>
      </c>
      <c r="CP18" s="193">
        <v>0</v>
      </c>
      <c r="CQ18" s="191">
        <v>0</v>
      </c>
      <c r="CR18" s="191">
        <v>1</v>
      </c>
      <c r="CS18" s="191">
        <v>0</v>
      </c>
      <c r="CT18" s="191">
        <v>0</v>
      </c>
      <c r="CU18" s="191">
        <v>0</v>
      </c>
      <c r="CV18" s="196">
        <v>1</v>
      </c>
      <c r="CW18" s="195">
        <v>1</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5</v>
      </c>
      <c r="AD19" s="191">
        <v>27</v>
      </c>
      <c r="AE19" s="191">
        <v>6</v>
      </c>
      <c r="AF19" s="191">
        <v>3</v>
      </c>
      <c r="AG19" s="191">
        <v>0</v>
      </c>
      <c r="AH19" s="196">
        <v>61</v>
      </c>
      <c r="AI19" s="195">
        <v>61</v>
      </c>
      <c r="AJ19" s="190">
        <v>1</v>
      </c>
      <c r="AK19" s="191">
        <v>0</v>
      </c>
      <c r="AL19" s="196">
        <v>1</v>
      </c>
      <c r="AM19" s="193">
        <v>0</v>
      </c>
      <c r="AN19" s="191">
        <v>1</v>
      </c>
      <c r="AO19" s="191">
        <v>2</v>
      </c>
      <c r="AP19" s="191">
        <v>1</v>
      </c>
      <c r="AQ19" s="191">
        <v>0</v>
      </c>
      <c r="AR19" s="191">
        <v>0</v>
      </c>
      <c r="AS19" s="196">
        <v>4</v>
      </c>
      <c r="AT19" s="195">
        <v>5</v>
      </c>
      <c r="AU19" s="190">
        <v>0</v>
      </c>
      <c r="AV19" s="191">
        <v>0</v>
      </c>
      <c r="AW19" s="196">
        <v>0</v>
      </c>
      <c r="AX19" s="193">
        <v>0</v>
      </c>
      <c r="AY19" s="191">
        <v>0</v>
      </c>
      <c r="AZ19" s="191">
        <v>2</v>
      </c>
      <c r="BA19" s="191">
        <v>2</v>
      </c>
      <c r="BB19" s="191">
        <v>1</v>
      </c>
      <c r="BC19" s="191">
        <v>1</v>
      </c>
      <c r="BD19" s="196">
        <v>6</v>
      </c>
      <c r="BE19" s="195">
        <v>6</v>
      </c>
      <c r="BF19" s="190">
        <v>0</v>
      </c>
      <c r="BG19" s="191">
        <v>0</v>
      </c>
      <c r="BH19" s="196">
        <v>0</v>
      </c>
      <c r="BI19" s="193">
        <v>0</v>
      </c>
      <c r="BJ19" s="191">
        <v>0</v>
      </c>
      <c r="BK19" s="191">
        <v>2</v>
      </c>
      <c r="BL19" s="191">
        <v>6</v>
      </c>
      <c r="BM19" s="191">
        <v>1</v>
      </c>
      <c r="BN19" s="191">
        <v>0</v>
      </c>
      <c r="BO19" s="194">
        <v>9</v>
      </c>
      <c r="BP19" s="195">
        <v>9</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2</v>
      </c>
      <c r="CJ19" s="191">
        <v>0</v>
      </c>
      <c r="CK19" s="196">
        <v>2</v>
      </c>
      <c r="CL19" s="195">
        <v>2</v>
      </c>
      <c r="CM19" s="190">
        <v>0</v>
      </c>
      <c r="CN19" s="191">
        <v>0</v>
      </c>
      <c r="CO19" s="196">
        <v>0</v>
      </c>
      <c r="CP19" s="193">
        <v>0</v>
      </c>
      <c r="CQ19" s="191">
        <v>0</v>
      </c>
      <c r="CR19" s="191">
        <v>0</v>
      </c>
      <c r="CS19" s="191">
        <v>1</v>
      </c>
      <c r="CT19" s="191">
        <v>0</v>
      </c>
      <c r="CU19" s="191">
        <v>0</v>
      </c>
      <c r="CV19" s="196">
        <v>1</v>
      </c>
      <c r="CW19" s="195">
        <v>1</v>
      </c>
    </row>
    <row r="20" spans="2:101" ht="21" customHeight="1" x14ac:dyDescent="0.2">
      <c r="B20" s="106" t="s">
        <v>18</v>
      </c>
      <c r="C20" s="190">
        <v>0</v>
      </c>
      <c r="D20" s="196">
        <v>0</v>
      </c>
      <c r="E20" s="207">
        <v>0</v>
      </c>
      <c r="F20" s="193">
        <v>0</v>
      </c>
      <c r="G20" s="191">
        <v>0</v>
      </c>
      <c r="H20" s="191">
        <v>0</v>
      </c>
      <c r="I20" s="191">
        <v>0</v>
      </c>
      <c r="J20" s="191">
        <v>0</v>
      </c>
      <c r="K20" s="191">
        <v>1</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8</v>
      </c>
      <c r="AD20" s="191">
        <v>13</v>
      </c>
      <c r="AE20" s="191">
        <v>6</v>
      </c>
      <c r="AF20" s="191">
        <v>0</v>
      </c>
      <c r="AG20" s="191">
        <v>2</v>
      </c>
      <c r="AH20" s="196">
        <v>39</v>
      </c>
      <c r="AI20" s="195">
        <v>39</v>
      </c>
      <c r="AJ20" s="190">
        <v>0</v>
      </c>
      <c r="AK20" s="191">
        <v>0</v>
      </c>
      <c r="AL20" s="196">
        <v>0</v>
      </c>
      <c r="AM20" s="193">
        <v>0</v>
      </c>
      <c r="AN20" s="191">
        <v>0</v>
      </c>
      <c r="AO20" s="191">
        <v>1</v>
      </c>
      <c r="AP20" s="191">
        <v>5</v>
      </c>
      <c r="AQ20" s="191">
        <v>0</v>
      </c>
      <c r="AR20" s="191">
        <v>1</v>
      </c>
      <c r="AS20" s="196">
        <v>7</v>
      </c>
      <c r="AT20" s="195">
        <v>7</v>
      </c>
      <c r="AU20" s="190">
        <v>1</v>
      </c>
      <c r="AV20" s="191">
        <v>0</v>
      </c>
      <c r="AW20" s="196">
        <v>1</v>
      </c>
      <c r="AX20" s="193">
        <v>0</v>
      </c>
      <c r="AY20" s="191">
        <v>4</v>
      </c>
      <c r="AZ20" s="191">
        <v>2</v>
      </c>
      <c r="BA20" s="191">
        <v>4</v>
      </c>
      <c r="BB20" s="191">
        <v>2</v>
      </c>
      <c r="BC20" s="191">
        <v>0</v>
      </c>
      <c r="BD20" s="196">
        <v>12</v>
      </c>
      <c r="BE20" s="195">
        <v>13</v>
      </c>
      <c r="BF20" s="190">
        <v>0</v>
      </c>
      <c r="BG20" s="191">
        <v>0</v>
      </c>
      <c r="BH20" s="196">
        <v>0</v>
      </c>
      <c r="BI20" s="193">
        <v>0</v>
      </c>
      <c r="BJ20" s="191">
        <v>2</v>
      </c>
      <c r="BK20" s="191">
        <v>1</v>
      </c>
      <c r="BL20" s="191">
        <v>6</v>
      </c>
      <c r="BM20" s="191">
        <v>3</v>
      </c>
      <c r="BN20" s="191">
        <v>2</v>
      </c>
      <c r="BO20" s="194">
        <v>14</v>
      </c>
      <c r="BP20" s="195">
        <v>14</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0</v>
      </c>
      <c r="CK20" s="196">
        <v>2</v>
      </c>
      <c r="CL20" s="195">
        <v>2</v>
      </c>
      <c r="CM20" s="190">
        <v>0</v>
      </c>
      <c r="CN20" s="191">
        <v>0</v>
      </c>
      <c r="CO20" s="196">
        <v>0</v>
      </c>
      <c r="CP20" s="193">
        <v>0</v>
      </c>
      <c r="CQ20" s="191">
        <v>0</v>
      </c>
      <c r="CR20" s="191">
        <v>0</v>
      </c>
      <c r="CS20" s="191">
        <v>1</v>
      </c>
      <c r="CT20" s="191">
        <v>0</v>
      </c>
      <c r="CU20" s="191">
        <v>0</v>
      </c>
      <c r="CV20" s="196">
        <v>1</v>
      </c>
      <c r="CW20" s="195">
        <v>1</v>
      </c>
    </row>
    <row r="21" spans="2:101" ht="21" customHeight="1" x14ac:dyDescent="0.2">
      <c r="B21" s="106" t="s">
        <v>19</v>
      </c>
      <c r="C21" s="190">
        <v>0</v>
      </c>
      <c r="D21" s="196">
        <v>0</v>
      </c>
      <c r="E21" s="207">
        <v>0</v>
      </c>
      <c r="F21" s="193">
        <v>0</v>
      </c>
      <c r="G21" s="191">
        <v>0</v>
      </c>
      <c r="H21" s="191">
        <v>0</v>
      </c>
      <c r="I21" s="191">
        <v>0</v>
      </c>
      <c r="J21" s="191">
        <v>0</v>
      </c>
      <c r="K21" s="191">
        <v>0</v>
      </c>
      <c r="L21" s="194">
        <v>0</v>
      </c>
      <c r="M21" s="195">
        <v>0</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9</v>
      </c>
      <c r="AD21" s="191">
        <v>4</v>
      </c>
      <c r="AE21" s="191">
        <v>1</v>
      </c>
      <c r="AF21" s="191">
        <v>0</v>
      </c>
      <c r="AG21" s="191">
        <v>0</v>
      </c>
      <c r="AH21" s="196">
        <v>14</v>
      </c>
      <c r="AI21" s="195">
        <v>14</v>
      </c>
      <c r="AJ21" s="190">
        <v>0</v>
      </c>
      <c r="AK21" s="191">
        <v>0</v>
      </c>
      <c r="AL21" s="196">
        <v>0</v>
      </c>
      <c r="AM21" s="193">
        <v>0</v>
      </c>
      <c r="AN21" s="191">
        <v>2</v>
      </c>
      <c r="AO21" s="191">
        <v>2</v>
      </c>
      <c r="AP21" s="191">
        <v>1</v>
      </c>
      <c r="AQ21" s="191">
        <v>0</v>
      </c>
      <c r="AR21" s="191">
        <v>0</v>
      </c>
      <c r="AS21" s="196">
        <v>5</v>
      </c>
      <c r="AT21" s="195">
        <v>5</v>
      </c>
      <c r="AU21" s="190">
        <v>0</v>
      </c>
      <c r="AV21" s="191">
        <v>0</v>
      </c>
      <c r="AW21" s="196">
        <v>0</v>
      </c>
      <c r="AX21" s="193">
        <v>0</v>
      </c>
      <c r="AY21" s="191">
        <v>2</v>
      </c>
      <c r="AZ21" s="191">
        <v>1</v>
      </c>
      <c r="BA21" s="191">
        <v>4</v>
      </c>
      <c r="BB21" s="191">
        <v>0</v>
      </c>
      <c r="BC21" s="191">
        <v>0</v>
      </c>
      <c r="BD21" s="196">
        <v>7</v>
      </c>
      <c r="BE21" s="195">
        <v>7</v>
      </c>
      <c r="BF21" s="190">
        <v>0</v>
      </c>
      <c r="BG21" s="191">
        <v>0</v>
      </c>
      <c r="BH21" s="196">
        <v>0</v>
      </c>
      <c r="BI21" s="193">
        <v>0</v>
      </c>
      <c r="BJ21" s="191">
        <v>1</v>
      </c>
      <c r="BK21" s="191">
        <v>2</v>
      </c>
      <c r="BL21" s="191">
        <v>0</v>
      </c>
      <c r="BM21" s="191">
        <v>0</v>
      </c>
      <c r="BN21" s="191">
        <v>0</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1</v>
      </c>
      <c r="CT21" s="191">
        <v>0</v>
      </c>
      <c r="CU21" s="191">
        <v>3</v>
      </c>
      <c r="CV21" s="196">
        <v>4</v>
      </c>
      <c r="CW21" s="195">
        <v>4</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6</v>
      </c>
      <c r="AD22" s="191">
        <v>12</v>
      </c>
      <c r="AE22" s="191">
        <v>2</v>
      </c>
      <c r="AF22" s="191">
        <v>1</v>
      </c>
      <c r="AG22" s="191">
        <v>0</v>
      </c>
      <c r="AH22" s="196">
        <v>31</v>
      </c>
      <c r="AI22" s="195">
        <v>31</v>
      </c>
      <c r="AJ22" s="190">
        <v>0</v>
      </c>
      <c r="AK22" s="191">
        <v>0</v>
      </c>
      <c r="AL22" s="196">
        <v>0</v>
      </c>
      <c r="AM22" s="193">
        <v>0</v>
      </c>
      <c r="AN22" s="191">
        <v>0</v>
      </c>
      <c r="AO22" s="191">
        <v>0</v>
      </c>
      <c r="AP22" s="191">
        <v>0</v>
      </c>
      <c r="AQ22" s="191">
        <v>1</v>
      </c>
      <c r="AR22" s="191">
        <v>0</v>
      </c>
      <c r="AS22" s="196">
        <v>1</v>
      </c>
      <c r="AT22" s="195">
        <v>1</v>
      </c>
      <c r="AU22" s="190">
        <v>0</v>
      </c>
      <c r="AV22" s="191">
        <v>0</v>
      </c>
      <c r="AW22" s="196">
        <v>0</v>
      </c>
      <c r="AX22" s="193">
        <v>0</v>
      </c>
      <c r="AY22" s="191">
        <v>0</v>
      </c>
      <c r="AZ22" s="191">
        <v>0</v>
      </c>
      <c r="BA22" s="191">
        <v>1</v>
      </c>
      <c r="BB22" s="191">
        <v>0</v>
      </c>
      <c r="BC22" s="191">
        <v>0</v>
      </c>
      <c r="BD22" s="196">
        <v>1</v>
      </c>
      <c r="BE22" s="195">
        <v>1</v>
      </c>
      <c r="BF22" s="190">
        <v>0</v>
      </c>
      <c r="BG22" s="191">
        <v>0</v>
      </c>
      <c r="BH22" s="196">
        <v>0</v>
      </c>
      <c r="BI22" s="193">
        <v>0</v>
      </c>
      <c r="BJ22" s="191">
        <v>0</v>
      </c>
      <c r="BK22" s="191">
        <v>1</v>
      </c>
      <c r="BL22" s="191">
        <v>3</v>
      </c>
      <c r="BM22" s="191">
        <v>1</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5</v>
      </c>
      <c r="AD23" s="191">
        <v>8</v>
      </c>
      <c r="AE23" s="191">
        <v>5</v>
      </c>
      <c r="AF23" s="191">
        <v>2</v>
      </c>
      <c r="AG23" s="191">
        <v>0</v>
      </c>
      <c r="AH23" s="196">
        <v>30</v>
      </c>
      <c r="AI23" s="195">
        <v>30</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2</v>
      </c>
      <c r="BB23" s="191">
        <v>0</v>
      </c>
      <c r="BC23" s="191">
        <v>0</v>
      </c>
      <c r="BD23" s="196">
        <v>2</v>
      </c>
      <c r="BE23" s="195">
        <v>2</v>
      </c>
      <c r="BF23" s="190">
        <v>0</v>
      </c>
      <c r="BG23" s="191">
        <v>0</v>
      </c>
      <c r="BH23" s="196">
        <v>0</v>
      </c>
      <c r="BI23" s="193">
        <v>0</v>
      </c>
      <c r="BJ23" s="191">
        <v>1</v>
      </c>
      <c r="BK23" s="191">
        <v>2</v>
      </c>
      <c r="BL23" s="191">
        <v>1</v>
      </c>
      <c r="BM23" s="191">
        <v>1</v>
      </c>
      <c r="BN23" s="191">
        <v>0</v>
      </c>
      <c r="BO23" s="194">
        <v>5</v>
      </c>
      <c r="BP23" s="195">
        <v>5</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1</v>
      </c>
      <c r="J24" s="191">
        <v>0</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6</v>
      </c>
      <c r="AD24" s="191">
        <v>3</v>
      </c>
      <c r="AE24" s="191">
        <v>1</v>
      </c>
      <c r="AF24" s="191">
        <v>1</v>
      </c>
      <c r="AG24" s="191">
        <v>2</v>
      </c>
      <c r="AH24" s="196">
        <v>13</v>
      </c>
      <c r="AI24" s="195">
        <v>13</v>
      </c>
      <c r="AJ24" s="190">
        <v>0</v>
      </c>
      <c r="AK24" s="191">
        <v>0</v>
      </c>
      <c r="AL24" s="196">
        <v>0</v>
      </c>
      <c r="AM24" s="193">
        <v>0</v>
      </c>
      <c r="AN24" s="191">
        <v>1</v>
      </c>
      <c r="AO24" s="191">
        <v>0</v>
      </c>
      <c r="AP24" s="191">
        <v>1</v>
      </c>
      <c r="AQ24" s="191">
        <v>0</v>
      </c>
      <c r="AR24" s="191">
        <v>0</v>
      </c>
      <c r="AS24" s="196">
        <v>2</v>
      </c>
      <c r="AT24" s="195">
        <v>2</v>
      </c>
      <c r="AU24" s="190">
        <v>0</v>
      </c>
      <c r="AV24" s="191">
        <v>0</v>
      </c>
      <c r="AW24" s="196">
        <v>0</v>
      </c>
      <c r="AX24" s="193">
        <v>0</v>
      </c>
      <c r="AY24" s="191">
        <v>1</v>
      </c>
      <c r="AZ24" s="191">
        <v>1</v>
      </c>
      <c r="BA24" s="191">
        <v>2</v>
      </c>
      <c r="BB24" s="191">
        <v>0</v>
      </c>
      <c r="BC24" s="191">
        <v>0</v>
      </c>
      <c r="BD24" s="196">
        <v>4</v>
      </c>
      <c r="BE24" s="195">
        <v>4</v>
      </c>
      <c r="BF24" s="190">
        <v>0</v>
      </c>
      <c r="BG24" s="191">
        <v>0</v>
      </c>
      <c r="BH24" s="196">
        <v>0</v>
      </c>
      <c r="BI24" s="193">
        <v>0</v>
      </c>
      <c r="BJ24" s="191">
        <v>1</v>
      </c>
      <c r="BK24" s="191">
        <v>1</v>
      </c>
      <c r="BL24" s="191">
        <v>2</v>
      </c>
      <c r="BM24" s="191">
        <v>1</v>
      </c>
      <c r="BN24" s="191">
        <v>0</v>
      </c>
      <c r="BO24" s="194">
        <v>5</v>
      </c>
      <c r="BP24" s="195">
        <v>5</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1</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4</v>
      </c>
      <c r="AD25" s="191">
        <v>2</v>
      </c>
      <c r="AE25" s="191">
        <v>2</v>
      </c>
      <c r="AF25" s="191">
        <v>0</v>
      </c>
      <c r="AG25" s="191">
        <v>0</v>
      </c>
      <c r="AH25" s="196">
        <v>8</v>
      </c>
      <c r="AI25" s="195">
        <v>8</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1</v>
      </c>
      <c r="BB25" s="191">
        <v>0</v>
      </c>
      <c r="BC25" s="191">
        <v>0</v>
      </c>
      <c r="BD25" s="196">
        <v>1</v>
      </c>
      <c r="BE25" s="195">
        <v>1</v>
      </c>
      <c r="BF25" s="190">
        <v>0</v>
      </c>
      <c r="BG25" s="191">
        <v>0</v>
      </c>
      <c r="BH25" s="196">
        <v>0</v>
      </c>
      <c r="BI25" s="193">
        <v>0</v>
      </c>
      <c r="BJ25" s="191">
        <v>2</v>
      </c>
      <c r="BK25" s="191">
        <v>2</v>
      </c>
      <c r="BL25" s="191">
        <v>2</v>
      </c>
      <c r="BM25" s="191">
        <v>1</v>
      </c>
      <c r="BN25" s="191">
        <v>0</v>
      </c>
      <c r="BO25" s="194">
        <v>7</v>
      </c>
      <c r="BP25" s="195">
        <v>7</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1</v>
      </c>
      <c r="CT25" s="191">
        <v>0</v>
      </c>
      <c r="CU25" s="191">
        <v>0</v>
      </c>
      <c r="CV25" s="196">
        <v>1</v>
      </c>
      <c r="CW25" s="195">
        <v>1</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v>
      </c>
      <c r="AD26" s="191">
        <v>2</v>
      </c>
      <c r="AE26" s="191">
        <v>2</v>
      </c>
      <c r="AF26" s="191">
        <v>0</v>
      </c>
      <c r="AG26" s="191">
        <v>0</v>
      </c>
      <c r="AH26" s="196">
        <v>6</v>
      </c>
      <c r="AI26" s="195">
        <v>6</v>
      </c>
      <c r="AJ26" s="190">
        <v>0</v>
      </c>
      <c r="AK26" s="191">
        <v>0</v>
      </c>
      <c r="AL26" s="196">
        <v>0</v>
      </c>
      <c r="AM26" s="193">
        <v>0</v>
      </c>
      <c r="AN26" s="191">
        <v>0</v>
      </c>
      <c r="AO26" s="191">
        <v>0</v>
      </c>
      <c r="AP26" s="191">
        <v>1</v>
      </c>
      <c r="AQ26" s="191">
        <v>0</v>
      </c>
      <c r="AR26" s="191">
        <v>0</v>
      </c>
      <c r="AS26" s="196">
        <v>1</v>
      </c>
      <c r="AT26" s="195">
        <v>1</v>
      </c>
      <c r="AU26" s="190">
        <v>1</v>
      </c>
      <c r="AV26" s="191">
        <v>0</v>
      </c>
      <c r="AW26" s="196">
        <v>1</v>
      </c>
      <c r="AX26" s="193">
        <v>0</v>
      </c>
      <c r="AY26" s="191">
        <v>0</v>
      </c>
      <c r="AZ26" s="191">
        <v>1</v>
      </c>
      <c r="BA26" s="191">
        <v>0</v>
      </c>
      <c r="BB26" s="191">
        <v>0</v>
      </c>
      <c r="BC26" s="191">
        <v>0</v>
      </c>
      <c r="BD26" s="196">
        <v>1</v>
      </c>
      <c r="BE26" s="195">
        <v>2</v>
      </c>
      <c r="BF26" s="190">
        <v>0</v>
      </c>
      <c r="BG26" s="191">
        <v>0</v>
      </c>
      <c r="BH26" s="196">
        <v>0</v>
      </c>
      <c r="BI26" s="193">
        <v>0</v>
      </c>
      <c r="BJ26" s="191">
        <v>0</v>
      </c>
      <c r="BK26" s="191">
        <v>0</v>
      </c>
      <c r="BL26" s="191">
        <v>2</v>
      </c>
      <c r="BM26" s="191">
        <v>0</v>
      </c>
      <c r="BN26" s="191">
        <v>0</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5</v>
      </c>
      <c r="AD27" s="191">
        <v>4</v>
      </c>
      <c r="AE27" s="191">
        <v>1</v>
      </c>
      <c r="AF27" s="191">
        <v>1</v>
      </c>
      <c r="AG27" s="191">
        <v>0</v>
      </c>
      <c r="AH27" s="196">
        <v>11</v>
      </c>
      <c r="AI27" s="195">
        <v>11</v>
      </c>
      <c r="AJ27" s="190">
        <v>0</v>
      </c>
      <c r="AK27" s="191">
        <v>0</v>
      </c>
      <c r="AL27" s="196">
        <v>0</v>
      </c>
      <c r="AM27" s="193">
        <v>0</v>
      </c>
      <c r="AN27" s="191">
        <v>0</v>
      </c>
      <c r="AO27" s="191">
        <v>0</v>
      </c>
      <c r="AP27" s="191">
        <v>0</v>
      </c>
      <c r="AQ27" s="191">
        <v>0</v>
      </c>
      <c r="AR27" s="191">
        <v>0</v>
      </c>
      <c r="AS27" s="196">
        <v>0</v>
      </c>
      <c r="AT27" s="195">
        <v>0</v>
      </c>
      <c r="AU27" s="190">
        <v>1</v>
      </c>
      <c r="AV27" s="191">
        <v>0</v>
      </c>
      <c r="AW27" s="196">
        <v>1</v>
      </c>
      <c r="AX27" s="193">
        <v>0</v>
      </c>
      <c r="AY27" s="191">
        <v>0</v>
      </c>
      <c r="AZ27" s="191">
        <v>0</v>
      </c>
      <c r="BA27" s="191">
        <v>0</v>
      </c>
      <c r="BB27" s="191">
        <v>0</v>
      </c>
      <c r="BC27" s="191">
        <v>0</v>
      </c>
      <c r="BD27" s="196">
        <v>0</v>
      </c>
      <c r="BE27" s="195">
        <v>1</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1</v>
      </c>
      <c r="AD28" s="191">
        <v>2</v>
      </c>
      <c r="AE28" s="191">
        <v>2</v>
      </c>
      <c r="AF28" s="191">
        <v>1</v>
      </c>
      <c r="AG28" s="191">
        <v>0</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0</v>
      </c>
      <c r="BK28" s="191">
        <v>0</v>
      </c>
      <c r="BL28" s="191">
        <v>1</v>
      </c>
      <c r="BM28" s="191">
        <v>0</v>
      </c>
      <c r="BN28" s="191">
        <v>1</v>
      </c>
      <c r="BO28" s="194">
        <v>2</v>
      </c>
      <c r="BP28" s="195">
        <v>2</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2</v>
      </c>
      <c r="AE29" s="191">
        <v>0</v>
      </c>
      <c r="AF29" s="191">
        <v>0</v>
      </c>
      <c r="AG29" s="191">
        <v>0</v>
      </c>
      <c r="AH29" s="196">
        <v>2</v>
      </c>
      <c r="AI29" s="195">
        <v>2</v>
      </c>
      <c r="AJ29" s="190">
        <v>0</v>
      </c>
      <c r="AK29" s="191">
        <v>0</v>
      </c>
      <c r="AL29" s="196">
        <v>0</v>
      </c>
      <c r="AM29" s="193">
        <v>0</v>
      </c>
      <c r="AN29" s="191">
        <v>0</v>
      </c>
      <c r="AO29" s="191">
        <v>0</v>
      </c>
      <c r="AP29" s="191">
        <v>0</v>
      </c>
      <c r="AQ29" s="191">
        <v>1</v>
      </c>
      <c r="AR29" s="191">
        <v>0</v>
      </c>
      <c r="AS29" s="196">
        <v>1</v>
      </c>
      <c r="AT29" s="195">
        <v>1</v>
      </c>
      <c r="AU29" s="190">
        <v>0</v>
      </c>
      <c r="AV29" s="191">
        <v>0</v>
      </c>
      <c r="AW29" s="196">
        <v>0</v>
      </c>
      <c r="AX29" s="193">
        <v>0</v>
      </c>
      <c r="AY29" s="191">
        <v>1</v>
      </c>
      <c r="AZ29" s="191">
        <v>0</v>
      </c>
      <c r="BA29" s="191">
        <v>0</v>
      </c>
      <c r="BB29" s="191">
        <v>0</v>
      </c>
      <c r="BC29" s="191">
        <v>0</v>
      </c>
      <c r="BD29" s="196">
        <v>1</v>
      </c>
      <c r="BE29" s="195">
        <v>1</v>
      </c>
      <c r="BF29" s="190">
        <v>0</v>
      </c>
      <c r="BG29" s="191">
        <v>0</v>
      </c>
      <c r="BH29" s="196">
        <v>0</v>
      </c>
      <c r="BI29" s="193">
        <v>0</v>
      </c>
      <c r="BJ29" s="191">
        <v>1</v>
      </c>
      <c r="BK29" s="191">
        <v>0</v>
      </c>
      <c r="BL29" s="191">
        <v>1</v>
      </c>
      <c r="BM29" s="191">
        <v>1</v>
      </c>
      <c r="BN29" s="191">
        <v>0</v>
      </c>
      <c r="BO29" s="194">
        <v>3</v>
      </c>
      <c r="BP29" s="195">
        <v>3</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0</v>
      </c>
      <c r="CK29" s="196">
        <v>1</v>
      </c>
      <c r="CL29" s="195">
        <v>1</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0</v>
      </c>
      <c r="AE30" s="191">
        <v>0</v>
      </c>
      <c r="AF30" s="191">
        <v>0</v>
      </c>
      <c r="AG30" s="191">
        <v>0</v>
      </c>
      <c r="AH30" s="196">
        <v>5</v>
      </c>
      <c r="AI30" s="195">
        <v>5</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0</v>
      </c>
      <c r="AF31" s="191">
        <v>0</v>
      </c>
      <c r="AG31" s="191">
        <v>0</v>
      </c>
      <c r="AH31" s="196">
        <v>2</v>
      </c>
      <c r="AI31" s="195">
        <v>2</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1</v>
      </c>
      <c r="BL33" s="191">
        <v>0</v>
      </c>
      <c r="BM33" s="191">
        <v>1</v>
      </c>
      <c r="BN33" s="191">
        <v>1</v>
      </c>
      <c r="BO33" s="194">
        <v>3</v>
      </c>
      <c r="BP33" s="195">
        <v>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1</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5</v>
      </c>
      <c r="AE34" s="191">
        <v>0</v>
      </c>
      <c r="AF34" s="191">
        <v>0</v>
      </c>
      <c r="AG34" s="191">
        <v>1</v>
      </c>
      <c r="AH34" s="196">
        <v>10</v>
      </c>
      <c r="AI34" s="195">
        <v>10</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1</v>
      </c>
      <c r="BN34" s="191">
        <v>0</v>
      </c>
      <c r="BO34" s="194">
        <v>2</v>
      </c>
      <c r="BP34" s="195">
        <v>2</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1</v>
      </c>
      <c r="CI34" s="191">
        <v>1</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0</v>
      </c>
      <c r="AE35" s="191">
        <v>0</v>
      </c>
      <c r="AF35" s="191">
        <v>0</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2</v>
      </c>
      <c r="AE36" s="191">
        <v>0</v>
      </c>
      <c r="AF36" s="191">
        <v>0</v>
      </c>
      <c r="AG36" s="191">
        <v>0</v>
      </c>
      <c r="AH36" s="196">
        <v>3</v>
      </c>
      <c r="AI36" s="195">
        <v>3</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0</v>
      </c>
      <c r="BK37" s="191">
        <v>1</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2</v>
      </c>
      <c r="AE38" s="191">
        <v>0</v>
      </c>
      <c r="AF38" s="191">
        <v>0</v>
      </c>
      <c r="AG38" s="191">
        <v>0</v>
      </c>
      <c r="AH38" s="196">
        <v>4</v>
      </c>
      <c r="AI38" s="195">
        <v>4</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1</v>
      </c>
      <c r="BA38" s="191">
        <v>0</v>
      </c>
      <c r="BB38" s="191">
        <v>0</v>
      </c>
      <c r="BC38" s="191">
        <v>0</v>
      </c>
      <c r="BD38" s="196">
        <v>1</v>
      </c>
      <c r="BE38" s="195">
        <v>1</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8</v>
      </c>
      <c r="L1" s="445">
        <f>IF(K1&lt;3,K1+12-2,K1-2)</f>
        <v>6</v>
      </c>
      <c r="M1" s="445"/>
    </row>
    <row r="2" spans="2:101" s="71" customFormat="1" ht="24" customHeight="1" thickBot="1" x14ac:dyDescent="0.25">
      <c r="B2" s="142" t="s">
        <v>152</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7</v>
      </c>
      <c r="H6" s="184">
        <v>35</v>
      </c>
      <c r="I6" s="184">
        <v>25</v>
      </c>
      <c r="J6" s="184">
        <v>27</v>
      </c>
      <c r="K6" s="184">
        <v>24</v>
      </c>
      <c r="L6" s="187">
        <v>128</v>
      </c>
      <c r="M6" s="188">
        <v>128</v>
      </c>
      <c r="N6" s="183">
        <v>0</v>
      </c>
      <c r="O6" s="184">
        <v>0</v>
      </c>
      <c r="P6" s="189">
        <v>0</v>
      </c>
      <c r="Q6" s="186">
        <v>0</v>
      </c>
      <c r="R6" s="184">
        <v>10</v>
      </c>
      <c r="S6" s="184">
        <v>29</v>
      </c>
      <c r="T6" s="184">
        <v>24</v>
      </c>
      <c r="U6" s="184">
        <v>22</v>
      </c>
      <c r="V6" s="184">
        <v>26</v>
      </c>
      <c r="W6" s="189">
        <v>111</v>
      </c>
      <c r="X6" s="188">
        <v>111</v>
      </c>
      <c r="Y6" s="183">
        <v>0</v>
      </c>
      <c r="Z6" s="184">
        <v>0</v>
      </c>
      <c r="AA6" s="189">
        <v>0</v>
      </c>
      <c r="AB6" s="186">
        <v>0</v>
      </c>
      <c r="AC6" s="184">
        <v>871</v>
      </c>
      <c r="AD6" s="184">
        <v>739</v>
      </c>
      <c r="AE6" s="184">
        <v>334</v>
      </c>
      <c r="AF6" s="184">
        <v>143</v>
      </c>
      <c r="AG6" s="184">
        <v>52</v>
      </c>
      <c r="AH6" s="189">
        <v>2139</v>
      </c>
      <c r="AI6" s="188">
        <v>2139</v>
      </c>
      <c r="AJ6" s="183">
        <v>2</v>
      </c>
      <c r="AK6" s="184">
        <v>0</v>
      </c>
      <c r="AL6" s="189">
        <v>2</v>
      </c>
      <c r="AM6" s="186">
        <v>0</v>
      </c>
      <c r="AN6" s="184">
        <v>49</v>
      </c>
      <c r="AO6" s="184">
        <v>57</v>
      </c>
      <c r="AP6" s="184">
        <v>71</v>
      </c>
      <c r="AQ6" s="184">
        <v>18</v>
      </c>
      <c r="AR6" s="184">
        <v>21</v>
      </c>
      <c r="AS6" s="189">
        <v>216</v>
      </c>
      <c r="AT6" s="188">
        <v>218</v>
      </c>
      <c r="AU6" s="183">
        <v>10</v>
      </c>
      <c r="AV6" s="184">
        <v>23</v>
      </c>
      <c r="AW6" s="189">
        <v>33</v>
      </c>
      <c r="AX6" s="186">
        <v>0</v>
      </c>
      <c r="AY6" s="184">
        <v>68</v>
      </c>
      <c r="AZ6" s="184">
        <v>50</v>
      </c>
      <c r="BA6" s="184">
        <v>66</v>
      </c>
      <c r="BB6" s="184">
        <v>37</v>
      </c>
      <c r="BC6" s="184">
        <v>19</v>
      </c>
      <c r="BD6" s="189">
        <v>240</v>
      </c>
      <c r="BE6" s="188">
        <v>273</v>
      </c>
      <c r="BF6" s="183">
        <v>0</v>
      </c>
      <c r="BG6" s="184">
        <v>0</v>
      </c>
      <c r="BH6" s="189">
        <v>0</v>
      </c>
      <c r="BI6" s="186">
        <v>0</v>
      </c>
      <c r="BJ6" s="184">
        <v>71</v>
      </c>
      <c r="BK6" s="184">
        <v>111</v>
      </c>
      <c r="BL6" s="184">
        <v>137</v>
      </c>
      <c r="BM6" s="184">
        <v>83</v>
      </c>
      <c r="BN6" s="184">
        <v>75</v>
      </c>
      <c r="BO6" s="187">
        <v>477</v>
      </c>
      <c r="BP6" s="188">
        <v>477</v>
      </c>
      <c r="BQ6" s="183">
        <v>0</v>
      </c>
      <c r="BR6" s="184">
        <v>0</v>
      </c>
      <c r="BS6" s="189">
        <v>0</v>
      </c>
      <c r="BT6" s="186">
        <v>0</v>
      </c>
      <c r="BU6" s="184">
        <v>1</v>
      </c>
      <c r="BV6" s="184">
        <v>5</v>
      </c>
      <c r="BW6" s="184">
        <v>8</v>
      </c>
      <c r="BX6" s="184">
        <v>6</v>
      </c>
      <c r="BY6" s="184">
        <v>7</v>
      </c>
      <c r="BZ6" s="189">
        <v>27</v>
      </c>
      <c r="CA6" s="188">
        <v>27</v>
      </c>
      <c r="CB6" s="183">
        <v>0</v>
      </c>
      <c r="CC6" s="184">
        <v>0</v>
      </c>
      <c r="CD6" s="189">
        <v>0</v>
      </c>
      <c r="CE6" s="186">
        <v>0</v>
      </c>
      <c r="CF6" s="184">
        <v>0</v>
      </c>
      <c r="CG6" s="184">
        <v>1</v>
      </c>
      <c r="CH6" s="184">
        <v>4</v>
      </c>
      <c r="CI6" s="184">
        <v>19</v>
      </c>
      <c r="CJ6" s="184">
        <v>8</v>
      </c>
      <c r="CK6" s="189">
        <v>32</v>
      </c>
      <c r="CL6" s="188">
        <v>32</v>
      </c>
      <c r="CM6" s="183">
        <v>0</v>
      </c>
      <c r="CN6" s="184">
        <v>0</v>
      </c>
      <c r="CO6" s="189">
        <v>0</v>
      </c>
      <c r="CP6" s="186">
        <v>0</v>
      </c>
      <c r="CQ6" s="184">
        <v>10</v>
      </c>
      <c r="CR6" s="184">
        <v>16</v>
      </c>
      <c r="CS6" s="184">
        <v>14</v>
      </c>
      <c r="CT6" s="184">
        <v>17</v>
      </c>
      <c r="CU6" s="184">
        <v>33</v>
      </c>
      <c r="CV6" s="189">
        <v>90</v>
      </c>
      <c r="CW6" s="188">
        <v>90</v>
      </c>
    </row>
    <row r="7" spans="2:101" ht="21" customHeight="1" x14ac:dyDescent="0.2">
      <c r="B7" s="95" t="s">
        <v>5</v>
      </c>
      <c r="C7" s="190">
        <v>0</v>
      </c>
      <c r="D7" s="196">
        <v>0</v>
      </c>
      <c r="E7" s="207">
        <v>0</v>
      </c>
      <c r="F7" s="193">
        <v>0</v>
      </c>
      <c r="G7" s="191">
        <v>8</v>
      </c>
      <c r="H7" s="191">
        <v>15</v>
      </c>
      <c r="I7" s="191">
        <v>16</v>
      </c>
      <c r="J7" s="191">
        <v>13</v>
      </c>
      <c r="K7" s="191">
        <v>12</v>
      </c>
      <c r="L7" s="194">
        <v>64</v>
      </c>
      <c r="M7" s="195">
        <v>64</v>
      </c>
      <c r="N7" s="190">
        <v>0</v>
      </c>
      <c r="O7" s="191">
        <v>0</v>
      </c>
      <c r="P7" s="196">
        <v>0</v>
      </c>
      <c r="Q7" s="193">
        <v>0</v>
      </c>
      <c r="R7" s="191">
        <v>5</v>
      </c>
      <c r="S7" s="191">
        <v>22</v>
      </c>
      <c r="T7" s="191">
        <v>17</v>
      </c>
      <c r="U7" s="191">
        <v>14</v>
      </c>
      <c r="V7" s="191">
        <v>20</v>
      </c>
      <c r="W7" s="196">
        <v>78</v>
      </c>
      <c r="X7" s="195">
        <v>78</v>
      </c>
      <c r="Y7" s="190">
        <v>0</v>
      </c>
      <c r="Z7" s="191">
        <v>0</v>
      </c>
      <c r="AA7" s="196">
        <v>0</v>
      </c>
      <c r="AB7" s="193">
        <v>0</v>
      </c>
      <c r="AC7" s="191">
        <v>349</v>
      </c>
      <c r="AD7" s="191">
        <v>394</v>
      </c>
      <c r="AE7" s="191">
        <v>179</v>
      </c>
      <c r="AF7" s="191">
        <v>63</v>
      </c>
      <c r="AG7" s="191">
        <v>17</v>
      </c>
      <c r="AH7" s="196">
        <v>1002</v>
      </c>
      <c r="AI7" s="195">
        <v>1002</v>
      </c>
      <c r="AJ7" s="190">
        <v>1</v>
      </c>
      <c r="AK7" s="191">
        <v>0</v>
      </c>
      <c r="AL7" s="196">
        <v>1</v>
      </c>
      <c r="AM7" s="193">
        <v>0</v>
      </c>
      <c r="AN7" s="191">
        <v>27</v>
      </c>
      <c r="AO7" s="191">
        <v>29</v>
      </c>
      <c r="AP7" s="191">
        <v>39</v>
      </c>
      <c r="AQ7" s="191">
        <v>8</v>
      </c>
      <c r="AR7" s="191">
        <v>15</v>
      </c>
      <c r="AS7" s="196">
        <v>118</v>
      </c>
      <c r="AT7" s="195">
        <v>119</v>
      </c>
      <c r="AU7" s="190">
        <v>6</v>
      </c>
      <c r="AV7" s="191">
        <v>11</v>
      </c>
      <c r="AW7" s="196">
        <v>17</v>
      </c>
      <c r="AX7" s="193">
        <v>0</v>
      </c>
      <c r="AY7" s="191">
        <v>27</v>
      </c>
      <c r="AZ7" s="191">
        <v>22</v>
      </c>
      <c r="BA7" s="191">
        <v>30</v>
      </c>
      <c r="BB7" s="191">
        <v>21</v>
      </c>
      <c r="BC7" s="191">
        <v>9</v>
      </c>
      <c r="BD7" s="196">
        <v>109</v>
      </c>
      <c r="BE7" s="195">
        <v>126</v>
      </c>
      <c r="BF7" s="190">
        <v>0</v>
      </c>
      <c r="BG7" s="191">
        <v>0</v>
      </c>
      <c r="BH7" s="196">
        <v>0</v>
      </c>
      <c r="BI7" s="193">
        <v>0</v>
      </c>
      <c r="BJ7" s="191">
        <v>31</v>
      </c>
      <c r="BK7" s="191">
        <v>43</v>
      </c>
      <c r="BL7" s="191">
        <v>47</v>
      </c>
      <c r="BM7" s="191">
        <v>39</v>
      </c>
      <c r="BN7" s="191">
        <v>32</v>
      </c>
      <c r="BO7" s="194">
        <v>192</v>
      </c>
      <c r="BP7" s="195">
        <v>192</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1</v>
      </c>
      <c r="CK7" s="196">
        <v>2</v>
      </c>
      <c r="CL7" s="195">
        <v>2</v>
      </c>
      <c r="CM7" s="190">
        <v>0</v>
      </c>
      <c r="CN7" s="191">
        <v>0</v>
      </c>
      <c r="CO7" s="196">
        <v>0</v>
      </c>
      <c r="CP7" s="193">
        <v>0</v>
      </c>
      <c r="CQ7" s="191">
        <v>1</v>
      </c>
      <c r="CR7" s="191">
        <v>5</v>
      </c>
      <c r="CS7" s="191">
        <v>2</v>
      </c>
      <c r="CT7" s="191">
        <v>7</v>
      </c>
      <c r="CU7" s="191">
        <v>10</v>
      </c>
      <c r="CV7" s="196">
        <v>25</v>
      </c>
      <c r="CW7" s="195">
        <v>25</v>
      </c>
    </row>
    <row r="8" spans="2:101" ht="21" customHeight="1" x14ac:dyDescent="0.2">
      <c r="B8" s="106" t="s">
        <v>6</v>
      </c>
      <c r="C8" s="190">
        <v>0</v>
      </c>
      <c r="D8" s="196">
        <v>0</v>
      </c>
      <c r="E8" s="207">
        <v>0</v>
      </c>
      <c r="F8" s="193">
        <v>0</v>
      </c>
      <c r="G8" s="191">
        <v>4</v>
      </c>
      <c r="H8" s="191">
        <v>6</v>
      </c>
      <c r="I8" s="191">
        <v>6</v>
      </c>
      <c r="J8" s="191">
        <v>7</v>
      </c>
      <c r="K8" s="191">
        <v>5</v>
      </c>
      <c r="L8" s="194">
        <v>28</v>
      </c>
      <c r="M8" s="195">
        <v>28</v>
      </c>
      <c r="N8" s="190">
        <v>0</v>
      </c>
      <c r="O8" s="191">
        <v>0</v>
      </c>
      <c r="P8" s="196">
        <v>0</v>
      </c>
      <c r="Q8" s="193">
        <v>0</v>
      </c>
      <c r="R8" s="191">
        <v>5</v>
      </c>
      <c r="S8" s="191">
        <v>7</v>
      </c>
      <c r="T8" s="191">
        <v>7</v>
      </c>
      <c r="U8" s="191">
        <v>4</v>
      </c>
      <c r="V8" s="191">
        <v>5</v>
      </c>
      <c r="W8" s="196">
        <v>28</v>
      </c>
      <c r="X8" s="195">
        <v>28</v>
      </c>
      <c r="Y8" s="190">
        <v>0</v>
      </c>
      <c r="Z8" s="191">
        <v>0</v>
      </c>
      <c r="AA8" s="196">
        <v>0</v>
      </c>
      <c r="AB8" s="193">
        <v>0</v>
      </c>
      <c r="AC8" s="191">
        <v>138</v>
      </c>
      <c r="AD8" s="191">
        <v>93</v>
      </c>
      <c r="AE8" s="191">
        <v>43</v>
      </c>
      <c r="AF8" s="191">
        <v>21</v>
      </c>
      <c r="AG8" s="191">
        <v>11</v>
      </c>
      <c r="AH8" s="196">
        <v>306</v>
      </c>
      <c r="AI8" s="195">
        <v>306</v>
      </c>
      <c r="AJ8" s="190">
        <v>0</v>
      </c>
      <c r="AK8" s="191">
        <v>0</v>
      </c>
      <c r="AL8" s="196">
        <v>0</v>
      </c>
      <c r="AM8" s="193">
        <v>0</v>
      </c>
      <c r="AN8" s="191">
        <v>11</v>
      </c>
      <c r="AO8" s="191">
        <v>16</v>
      </c>
      <c r="AP8" s="191">
        <v>22</v>
      </c>
      <c r="AQ8" s="191">
        <v>2</v>
      </c>
      <c r="AR8" s="191">
        <v>5</v>
      </c>
      <c r="AS8" s="196">
        <v>56</v>
      </c>
      <c r="AT8" s="195">
        <v>56</v>
      </c>
      <c r="AU8" s="190">
        <v>1</v>
      </c>
      <c r="AV8" s="191">
        <v>6</v>
      </c>
      <c r="AW8" s="196">
        <v>7</v>
      </c>
      <c r="AX8" s="193">
        <v>0</v>
      </c>
      <c r="AY8" s="191">
        <v>9</v>
      </c>
      <c r="AZ8" s="191">
        <v>6</v>
      </c>
      <c r="BA8" s="191">
        <v>10</v>
      </c>
      <c r="BB8" s="191">
        <v>4</v>
      </c>
      <c r="BC8" s="191">
        <v>3</v>
      </c>
      <c r="BD8" s="196">
        <v>32</v>
      </c>
      <c r="BE8" s="195">
        <v>39</v>
      </c>
      <c r="BF8" s="190">
        <v>0</v>
      </c>
      <c r="BG8" s="191">
        <v>0</v>
      </c>
      <c r="BH8" s="196">
        <v>0</v>
      </c>
      <c r="BI8" s="193">
        <v>0</v>
      </c>
      <c r="BJ8" s="191">
        <v>16</v>
      </c>
      <c r="BK8" s="191">
        <v>24</v>
      </c>
      <c r="BL8" s="191">
        <v>29</v>
      </c>
      <c r="BM8" s="191">
        <v>17</v>
      </c>
      <c r="BN8" s="191">
        <v>16</v>
      </c>
      <c r="BO8" s="194">
        <v>102</v>
      </c>
      <c r="BP8" s="195">
        <v>102</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3</v>
      </c>
      <c r="CI8" s="191">
        <v>6</v>
      </c>
      <c r="CJ8" s="191">
        <v>3</v>
      </c>
      <c r="CK8" s="196">
        <v>13</v>
      </c>
      <c r="CL8" s="195">
        <v>13</v>
      </c>
      <c r="CM8" s="190">
        <v>0</v>
      </c>
      <c r="CN8" s="191">
        <v>0</v>
      </c>
      <c r="CO8" s="196">
        <v>0</v>
      </c>
      <c r="CP8" s="193">
        <v>0</v>
      </c>
      <c r="CQ8" s="191">
        <v>4</v>
      </c>
      <c r="CR8" s="191">
        <v>3</v>
      </c>
      <c r="CS8" s="191">
        <v>7</v>
      </c>
      <c r="CT8" s="191">
        <v>5</v>
      </c>
      <c r="CU8" s="191">
        <v>9</v>
      </c>
      <c r="CV8" s="196">
        <v>28</v>
      </c>
      <c r="CW8" s="195">
        <v>28</v>
      </c>
    </row>
    <row r="9" spans="2:101" ht="21" customHeight="1" x14ac:dyDescent="0.2">
      <c r="B9" s="106" t="s">
        <v>14</v>
      </c>
      <c r="C9" s="190">
        <v>0</v>
      </c>
      <c r="D9" s="196">
        <v>0</v>
      </c>
      <c r="E9" s="207">
        <v>0</v>
      </c>
      <c r="F9" s="193">
        <v>0</v>
      </c>
      <c r="G9" s="191">
        <v>1</v>
      </c>
      <c r="H9" s="191">
        <v>5</v>
      </c>
      <c r="I9" s="191">
        <v>0</v>
      </c>
      <c r="J9" s="191">
        <v>1</v>
      </c>
      <c r="K9" s="191">
        <v>2</v>
      </c>
      <c r="L9" s="194">
        <v>9</v>
      </c>
      <c r="M9" s="195">
        <v>9</v>
      </c>
      <c r="N9" s="190">
        <v>0</v>
      </c>
      <c r="O9" s="191">
        <v>0</v>
      </c>
      <c r="P9" s="196">
        <v>0</v>
      </c>
      <c r="Q9" s="193">
        <v>0</v>
      </c>
      <c r="R9" s="191">
        <v>0</v>
      </c>
      <c r="S9" s="191">
        <v>0</v>
      </c>
      <c r="T9" s="191">
        <v>0</v>
      </c>
      <c r="U9" s="191">
        <v>0</v>
      </c>
      <c r="V9" s="191">
        <v>0</v>
      </c>
      <c r="W9" s="196">
        <v>0</v>
      </c>
      <c r="X9" s="195">
        <v>0</v>
      </c>
      <c r="Y9" s="190">
        <v>0</v>
      </c>
      <c r="Z9" s="191">
        <v>0</v>
      </c>
      <c r="AA9" s="196">
        <v>0</v>
      </c>
      <c r="AB9" s="193">
        <v>0</v>
      </c>
      <c r="AC9" s="191">
        <v>45</v>
      </c>
      <c r="AD9" s="191">
        <v>56</v>
      </c>
      <c r="AE9" s="191">
        <v>17</v>
      </c>
      <c r="AF9" s="191">
        <v>7</v>
      </c>
      <c r="AG9" s="191">
        <v>1</v>
      </c>
      <c r="AH9" s="196">
        <v>126</v>
      </c>
      <c r="AI9" s="195">
        <v>126</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4</v>
      </c>
      <c r="AZ9" s="191">
        <v>6</v>
      </c>
      <c r="BA9" s="191">
        <v>6</v>
      </c>
      <c r="BB9" s="191">
        <v>2</v>
      </c>
      <c r="BC9" s="191">
        <v>2</v>
      </c>
      <c r="BD9" s="196">
        <v>20</v>
      </c>
      <c r="BE9" s="195">
        <v>22</v>
      </c>
      <c r="BF9" s="190">
        <v>0</v>
      </c>
      <c r="BG9" s="191">
        <v>0</v>
      </c>
      <c r="BH9" s="196">
        <v>0</v>
      </c>
      <c r="BI9" s="193">
        <v>0</v>
      </c>
      <c r="BJ9" s="191">
        <v>5</v>
      </c>
      <c r="BK9" s="191">
        <v>7</v>
      </c>
      <c r="BL9" s="191">
        <v>16</v>
      </c>
      <c r="BM9" s="191">
        <v>6</v>
      </c>
      <c r="BN9" s="191">
        <v>6</v>
      </c>
      <c r="BO9" s="194">
        <v>40</v>
      </c>
      <c r="BP9" s="195">
        <v>40</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3</v>
      </c>
      <c r="CS9" s="191">
        <v>2</v>
      </c>
      <c r="CT9" s="191">
        <v>1</v>
      </c>
      <c r="CU9" s="191">
        <v>1</v>
      </c>
      <c r="CV9" s="196">
        <v>7</v>
      </c>
      <c r="CW9" s="195">
        <v>7</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42</v>
      </c>
      <c r="AD10" s="191">
        <v>20</v>
      </c>
      <c r="AE10" s="191">
        <v>7</v>
      </c>
      <c r="AF10" s="191">
        <v>7</v>
      </c>
      <c r="AG10" s="191">
        <v>2</v>
      </c>
      <c r="AH10" s="196">
        <v>78</v>
      </c>
      <c r="AI10" s="195">
        <v>78</v>
      </c>
      <c r="AJ10" s="190">
        <v>0</v>
      </c>
      <c r="AK10" s="191">
        <v>0</v>
      </c>
      <c r="AL10" s="196">
        <v>0</v>
      </c>
      <c r="AM10" s="193">
        <v>0</v>
      </c>
      <c r="AN10" s="191">
        <v>2</v>
      </c>
      <c r="AO10" s="191">
        <v>3</v>
      </c>
      <c r="AP10" s="191">
        <v>4</v>
      </c>
      <c r="AQ10" s="191">
        <v>3</v>
      </c>
      <c r="AR10" s="191">
        <v>0</v>
      </c>
      <c r="AS10" s="196">
        <v>12</v>
      </c>
      <c r="AT10" s="195">
        <v>12</v>
      </c>
      <c r="AU10" s="190">
        <v>0</v>
      </c>
      <c r="AV10" s="191">
        <v>0</v>
      </c>
      <c r="AW10" s="196">
        <v>0</v>
      </c>
      <c r="AX10" s="193">
        <v>0</v>
      </c>
      <c r="AY10" s="191">
        <v>3</v>
      </c>
      <c r="AZ10" s="191">
        <v>1</v>
      </c>
      <c r="BA10" s="191">
        <v>1</v>
      </c>
      <c r="BB10" s="191">
        <v>1</v>
      </c>
      <c r="BC10" s="191">
        <v>0</v>
      </c>
      <c r="BD10" s="196">
        <v>6</v>
      </c>
      <c r="BE10" s="195">
        <v>6</v>
      </c>
      <c r="BF10" s="190">
        <v>0</v>
      </c>
      <c r="BG10" s="191">
        <v>0</v>
      </c>
      <c r="BH10" s="196">
        <v>0</v>
      </c>
      <c r="BI10" s="193">
        <v>0</v>
      </c>
      <c r="BJ10" s="191">
        <v>2</v>
      </c>
      <c r="BK10" s="191">
        <v>4</v>
      </c>
      <c r="BL10" s="191">
        <v>4</v>
      </c>
      <c r="BM10" s="191">
        <v>5</v>
      </c>
      <c r="BN10" s="191">
        <v>2</v>
      </c>
      <c r="BO10" s="194">
        <v>17</v>
      </c>
      <c r="BP10" s="195">
        <v>17</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2</v>
      </c>
      <c r="CR10" s="191">
        <v>0</v>
      </c>
      <c r="CS10" s="191">
        <v>0</v>
      </c>
      <c r="CT10" s="191">
        <v>1</v>
      </c>
      <c r="CU10" s="191">
        <v>1</v>
      </c>
      <c r="CV10" s="196">
        <v>4</v>
      </c>
      <c r="CW10" s="195">
        <v>4</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8</v>
      </c>
      <c r="AD11" s="191">
        <v>21</v>
      </c>
      <c r="AE11" s="191">
        <v>7</v>
      </c>
      <c r="AF11" s="191">
        <v>2</v>
      </c>
      <c r="AG11" s="191">
        <v>1</v>
      </c>
      <c r="AH11" s="196">
        <v>69</v>
      </c>
      <c r="AI11" s="195">
        <v>69</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0</v>
      </c>
      <c r="AZ11" s="191">
        <v>0</v>
      </c>
      <c r="BA11" s="191">
        <v>3</v>
      </c>
      <c r="BB11" s="191">
        <v>1</v>
      </c>
      <c r="BC11" s="191">
        <v>0</v>
      </c>
      <c r="BD11" s="196">
        <v>4</v>
      </c>
      <c r="BE11" s="195">
        <v>5</v>
      </c>
      <c r="BF11" s="190">
        <v>0</v>
      </c>
      <c r="BG11" s="191">
        <v>0</v>
      </c>
      <c r="BH11" s="196">
        <v>0</v>
      </c>
      <c r="BI11" s="193">
        <v>0</v>
      </c>
      <c r="BJ11" s="191">
        <v>1</v>
      </c>
      <c r="BK11" s="191">
        <v>4</v>
      </c>
      <c r="BL11" s="191">
        <v>3</v>
      </c>
      <c r="BM11" s="191">
        <v>2</v>
      </c>
      <c r="BN11" s="191">
        <v>0</v>
      </c>
      <c r="BO11" s="194">
        <v>10</v>
      </c>
      <c r="BP11" s="195">
        <v>10</v>
      </c>
      <c r="BQ11" s="190">
        <v>0</v>
      </c>
      <c r="BR11" s="191">
        <v>0</v>
      </c>
      <c r="BS11" s="196">
        <v>0</v>
      </c>
      <c r="BT11" s="193">
        <v>0</v>
      </c>
      <c r="BU11" s="191">
        <v>0</v>
      </c>
      <c r="BV11" s="191">
        <v>0</v>
      </c>
      <c r="BW11" s="191">
        <v>0</v>
      </c>
      <c r="BX11" s="191">
        <v>2</v>
      </c>
      <c r="BY11" s="191">
        <v>1</v>
      </c>
      <c r="BZ11" s="196">
        <v>3</v>
      </c>
      <c r="CA11" s="195">
        <v>3</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1</v>
      </c>
      <c r="CR11" s="191">
        <v>1</v>
      </c>
      <c r="CS11" s="191">
        <v>0</v>
      </c>
      <c r="CT11" s="191">
        <v>1</v>
      </c>
      <c r="CU11" s="191">
        <v>0</v>
      </c>
      <c r="CV11" s="196">
        <v>3</v>
      </c>
      <c r="CW11" s="195">
        <v>3</v>
      </c>
    </row>
    <row r="12" spans="2:101" ht="21" customHeight="1" x14ac:dyDescent="0.2">
      <c r="B12" s="106" t="s">
        <v>9</v>
      </c>
      <c r="C12" s="190">
        <v>0</v>
      </c>
      <c r="D12" s="196">
        <v>0</v>
      </c>
      <c r="E12" s="207">
        <v>0</v>
      </c>
      <c r="F12" s="193">
        <v>0</v>
      </c>
      <c r="G12" s="191">
        <v>0</v>
      </c>
      <c r="H12" s="191">
        <v>1</v>
      </c>
      <c r="I12" s="191">
        <v>0</v>
      </c>
      <c r="J12" s="191">
        <v>1</v>
      </c>
      <c r="K12" s="191">
        <v>1</v>
      </c>
      <c r="L12" s="194">
        <v>3</v>
      </c>
      <c r="M12" s="195">
        <v>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2</v>
      </c>
      <c r="AD12" s="191">
        <v>33</v>
      </c>
      <c r="AE12" s="191">
        <v>18</v>
      </c>
      <c r="AF12" s="191">
        <v>10</v>
      </c>
      <c r="AG12" s="191">
        <v>3</v>
      </c>
      <c r="AH12" s="196">
        <v>106</v>
      </c>
      <c r="AI12" s="195">
        <v>106</v>
      </c>
      <c r="AJ12" s="190">
        <v>0</v>
      </c>
      <c r="AK12" s="191">
        <v>0</v>
      </c>
      <c r="AL12" s="196">
        <v>0</v>
      </c>
      <c r="AM12" s="193">
        <v>0</v>
      </c>
      <c r="AN12" s="191">
        <v>0</v>
      </c>
      <c r="AO12" s="191">
        <v>1</v>
      </c>
      <c r="AP12" s="191">
        <v>1</v>
      </c>
      <c r="AQ12" s="191">
        <v>0</v>
      </c>
      <c r="AR12" s="191">
        <v>0</v>
      </c>
      <c r="AS12" s="196">
        <v>2</v>
      </c>
      <c r="AT12" s="195">
        <v>2</v>
      </c>
      <c r="AU12" s="190">
        <v>0</v>
      </c>
      <c r="AV12" s="191">
        <v>1</v>
      </c>
      <c r="AW12" s="196">
        <v>1</v>
      </c>
      <c r="AX12" s="193">
        <v>0</v>
      </c>
      <c r="AY12" s="191">
        <v>5</v>
      </c>
      <c r="AZ12" s="191">
        <v>1</v>
      </c>
      <c r="BA12" s="191">
        <v>2</v>
      </c>
      <c r="BB12" s="191">
        <v>0</v>
      </c>
      <c r="BC12" s="191">
        <v>2</v>
      </c>
      <c r="BD12" s="196">
        <v>10</v>
      </c>
      <c r="BE12" s="195">
        <v>11</v>
      </c>
      <c r="BF12" s="190">
        <v>0</v>
      </c>
      <c r="BG12" s="191">
        <v>0</v>
      </c>
      <c r="BH12" s="196">
        <v>0</v>
      </c>
      <c r="BI12" s="193">
        <v>0</v>
      </c>
      <c r="BJ12" s="191">
        <v>0</v>
      </c>
      <c r="BK12" s="191">
        <v>1</v>
      </c>
      <c r="BL12" s="191">
        <v>6</v>
      </c>
      <c r="BM12" s="191">
        <v>4</v>
      </c>
      <c r="BN12" s="191">
        <v>1</v>
      </c>
      <c r="BO12" s="194">
        <v>12</v>
      </c>
      <c r="BP12" s="195">
        <v>12</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0</v>
      </c>
      <c r="CT12" s="191">
        <v>0</v>
      </c>
      <c r="CU12" s="191">
        <v>2</v>
      </c>
      <c r="CV12" s="196">
        <v>3</v>
      </c>
      <c r="CW12" s="195">
        <v>3</v>
      </c>
    </row>
    <row r="13" spans="2:101" ht="21" customHeight="1" x14ac:dyDescent="0.2">
      <c r="B13" s="106" t="s">
        <v>10</v>
      </c>
      <c r="C13" s="190">
        <v>0</v>
      </c>
      <c r="D13" s="196">
        <v>0</v>
      </c>
      <c r="E13" s="207">
        <v>0</v>
      </c>
      <c r="F13" s="193">
        <v>0</v>
      </c>
      <c r="G13" s="191">
        <v>1</v>
      </c>
      <c r="H13" s="191">
        <v>2</v>
      </c>
      <c r="I13" s="191">
        <v>2</v>
      </c>
      <c r="J13" s="191">
        <v>0</v>
      </c>
      <c r="K13" s="191">
        <v>1</v>
      </c>
      <c r="L13" s="194">
        <v>6</v>
      </c>
      <c r="M13" s="195">
        <v>6</v>
      </c>
      <c r="N13" s="190">
        <v>0</v>
      </c>
      <c r="O13" s="191">
        <v>0</v>
      </c>
      <c r="P13" s="196">
        <v>0</v>
      </c>
      <c r="Q13" s="193">
        <v>0</v>
      </c>
      <c r="R13" s="191">
        <v>0</v>
      </c>
      <c r="S13" s="191">
        <v>0</v>
      </c>
      <c r="T13" s="191">
        <v>0</v>
      </c>
      <c r="U13" s="191">
        <v>1</v>
      </c>
      <c r="V13" s="191">
        <v>1</v>
      </c>
      <c r="W13" s="196">
        <v>2</v>
      </c>
      <c r="X13" s="195">
        <v>2</v>
      </c>
      <c r="Y13" s="190">
        <v>0</v>
      </c>
      <c r="Z13" s="191">
        <v>0</v>
      </c>
      <c r="AA13" s="196">
        <v>0</v>
      </c>
      <c r="AB13" s="193">
        <v>0</v>
      </c>
      <c r="AC13" s="191">
        <v>39</v>
      </c>
      <c r="AD13" s="191">
        <v>14</v>
      </c>
      <c r="AE13" s="191">
        <v>7</v>
      </c>
      <c r="AF13" s="191">
        <v>6</v>
      </c>
      <c r="AG13" s="191">
        <v>1</v>
      </c>
      <c r="AH13" s="196">
        <v>67</v>
      </c>
      <c r="AI13" s="195">
        <v>67</v>
      </c>
      <c r="AJ13" s="190">
        <v>0</v>
      </c>
      <c r="AK13" s="191">
        <v>0</v>
      </c>
      <c r="AL13" s="196">
        <v>0</v>
      </c>
      <c r="AM13" s="193">
        <v>0</v>
      </c>
      <c r="AN13" s="191">
        <v>2</v>
      </c>
      <c r="AO13" s="191">
        <v>0</v>
      </c>
      <c r="AP13" s="191">
        <v>2</v>
      </c>
      <c r="AQ13" s="191">
        <v>2</v>
      </c>
      <c r="AR13" s="191">
        <v>0</v>
      </c>
      <c r="AS13" s="196">
        <v>6</v>
      </c>
      <c r="AT13" s="195">
        <v>6</v>
      </c>
      <c r="AU13" s="190">
        <v>1</v>
      </c>
      <c r="AV13" s="191">
        <v>1</v>
      </c>
      <c r="AW13" s="196">
        <v>2</v>
      </c>
      <c r="AX13" s="193">
        <v>0</v>
      </c>
      <c r="AY13" s="191">
        <v>4</v>
      </c>
      <c r="AZ13" s="191">
        <v>2</v>
      </c>
      <c r="BA13" s="191">
        <v>3</v>
      </c>
      <c r="BB13" s="191">
        <v>2</v>
      </c>
      <c r="BC13" s="191">
        <v>0</v>
      </c>
      <c r="BD13" s="196">
        <v>11</v>
      </c>
      <c r="BE13" s="195">
        <v>13</v>
      </c>
      <c r="BF13" s="190">
        <v>0</v>
      </c>
      <c r="BG13" s="191">
        <v>0</v>
      </c>
      <c r="BH13" s="196">
        <v>0</v>
      </c>
      <c r="BI13" s="193">
        <v>0</v>
      </c>
      <c r="BJ13" s="191">
        <v>3</v>
      </c>
      <c r="BK13" s="191">
        <v>6</v>
      </c>
      <c r="BL13" s="191">
        <v>4</v>
      </c>
      <c r="BM13" s="191">
        <v>5</v>
      </c>
      <c r="BN13" s="191">
        <v>9</v>
      </c>
      <c r="BO13" s="194">
        <v>27</v>
      </c>
      <c r="BP13" s="195">
        <v>27</v>
      </c>
      <c r="BQ13" s="190">
        <v>0</v>
      </c>
      <c r="BR13" s="191">
        <v>0</v>
      </c>
      <c r="BS13" s="196">
        <v>0</v>
      </c>
      <c r="BT13" s="193">
        <v>0</v>
      </c>
      <c r="BU13" s="191">
        <v>1</v>
      </c>
      <c r="BV13" s="191">
        <v>3</v>
      </c>
      <c r="BW13" s="191">
        <v>6</v>
      </c>
      <c r="BX13" s="191">
        <v>3</v>
      </c>
      <c r="BY13" s="191">
        <v>5</v>
      </c>
      <c r="BZ13" s="196">
        <v>18</v>
      </c>
      <c r="CA13" s="195">
        <v>18</v>
      </c>
      <c r="CB13" s="190">
        <v>0</v>
      </c>
      <c r="CC13" s="191">
        <v>0</v>
      </c>
      <c r="CD13" s="196">
        <v>0</v>
      </c>
      <c r="CE13" s="193">
        <v>0</v>
      </c>
      <c r="CF13" s="191">
        <v>0</v>
      </c>
      <c r="CG13" s="191">
        <v>0</v>
      </c>
      <c r="CH13" s="191">
        <v>0</v>
      </c>
      <c r="CI13" s="191">
        <v>2</v>
      </c>
      <c r="CJ13" s="191">
        <v>0</v>
      </c>
      <c r="CK13" s="196">
        <v>2</v>
      </c>
      <c r="CL13" s="195">
        <v>2</v>
      </c>
      <c r="CM13" s="190">
        <v>0</v>
      </c>
      <c r="CN13" s="191">
        <v>0</v>
      </c>
      <c r="CO13" s="196">
        <v>0</v>
      </c>
      <c r="CP13" s="193">
        <v>0</v>
      </c>
      <c r="CQ13" s="191">
        <v>2</v>
      </c>
      <c r="CR13" s="191">
        <v>0</v>
      </c>
      <c r="CS13" s="191">
        <v>0</v>
      </c>
      <c r="CT13" s="191">
        <v>0</v>
      </c>
      <c r="CU13" s="191">
        <v>2</v>
      </c>
      <c r="CV13" s="196">
        <v>4</v>
      </c>
      <c r="CW13" s="195">
        <v>4</v>
      </c>
    </row>
    <row r="14" spans="2:101" ht="21" customHeight="1" x14ac:dyDescent="0.2">
      <c r="B14" s="106" t="s">
        <v>11</v>
      </c>
      <c r="C14" s="190">
        <v>0</v>
      </c>
      <c r="D14" s="196">
        <v>0</v>
      </c>
      <c r="E14" s="207">
        <v>0</v>
      </c>
      <c r="F14" s="193">
        <v>0</v>
      </c>
      <c r="G14" s="191">
        <v>0</v>
      </c>
      <c r="H14" s="191">
        <v>1</v>
      </c>
      <c r="I14" s="191">
        <v>0</v>
      </c>
      <c r="J14" s="191">
        <v>0</v>
      </c>
      <c r="K14" s="191">
        <v>1</v>
      </c>
      <c r="L14" s="194">
        <v>2</v>
      </c>
      <c r="M14" s="195">
        <v>2</v>
      </c>
      <c r="N14" s="190">
        <v>0</v>
      </c>
      <c r="O14" s="191">
        <v>0</v>
      </c>
      <c r="P14" s="196">
        <v>0</v>
      </c>
      <c r="Q14" s="193">
        <v>0</v>
      </c>
      <c r="R14" s="191">
        <v>0</v>
      </c>
      <c r="S14" s="191">
        <v>0</v>
      </c>
      <c r="T14" s="191">
        <v>0</v>
      </c>
      <c r="U14" s="191">
        <v>1</v>
      </c>
      <c r="V14" s="191">
        <v>0</v>
      </c>
      <c r="W14" s="196">
        <v>1</v>
      </c>
      <c r="X14" s="195">
        <v>1</v>
      </c>
      <c r="Y14" s="190">
        <v>0</v>
      </c>
      <c r="Z14" s="191">
        <v>0</v>
      </c>
      <c r="AA14" s="196">
        <v>0</v>
      </c>
      <c r="AB14" s="193">
        <v>0</v>
      </c>
      <c r="AC14" s="191">
        <v>27</v>
      </c>
      <c r="AD14" s="191">
        <v>11</v>
      </c>
      <c r="AE14" s="191">
        <v>3</v>
      </c>
      <c r="AF14" s="191">
        <v>4</v>
      </c>
      <c r="AG14" s="191">
        <v>2</v>
      </c>
      <c r="AH14" s="196">
        <v>47</v>
      </c>
      <c r="AI14" s="195">
        <v>47</v>
      </c>
      <c r="AJ14" s="190">
        <v>0</v>
      </c>
      <c r="AK14" s="191">
        <v>0</v>
      </c>
      <c r="AL14" s="196">
        <v>0</v>
      </c>
      <c r="AM14" s="193">
        <v>0</v>
      </c>
      <c r="AN14" s="191">
        <v>2</v>
      </c>
      <c r="AO14" s="191">
        <v>0</v>
      </c>
      <c r="AP14" s="191">
        <v>0</v>
      </c>
      <c r="AQ14" s="191">
        <v>0</v>
      </c>
      <c r="AR14" s="191">
        <v>0</v>
      </c>
      <c r="AS14" s="196">
        <v>2</v>
      </c>
      <c r="AT14" s="195">
        <v>2</v>
      </c>
      <c r="AU14" s="190">
        <v>0</v>
      </c>
      <c r="AV14" s="191">
        <v>1</v>
      </c>
      <c r="AW14" s="196">
        <v>1</v>
      </c>
      <c r="AX14" s="193">
        <v>0</v>
      </c>
      <c r="AY14" s="191">
        <v>2</v>
      </c>
      <c r="AZ14" s="191">
        <v>2</v>
      </c>
      <c r="BA14" s="191">
        <v>1</v>
      </c>
      <c r="BB14" s="191">
        <v>2</v>
      </c>
      <c r="BC14" s="191">
        <v>0</v>
      </c>
      <c r="BD14" s="196">
        <v>7</v>
      </c>
      <c r="BE14" s="195">
        <v>8</v>
      </c>
      <c r="BF14" s="190">
        <v>0</v>
      </c>
      <c r="BG14" s="191">
        <v>0</v>
      </c>
      <c r="BH14" s="196">
        <v>0</v>
      </c>
      <c r="BI14" s="193">
        <v>0</v>
      </c>
      <c r="BJ14" s="191">
        <v>1</v>
      </c>
      <c r="BK14" s="191">
        <v>2</v>
      </c>
      <c r="BL14" s="191">
        <v>4</v>
      </c>
      <c r="BM14" s="191">
        <v>1</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1</v>
      </c>
      <c r="CS14" s="191">
        <v>0</v>
      </c>
      <c r="CT14" s="191">
        <v>0</v>
      </c>
      <c r="CU14" s="191">
        <v>0</v>
      </c>
      <c r="CV14" s="196">
        <v>1</v>
      </c>
      <c r="CW14" s="195">
        <v>1</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6</v>
      </c>
      <c r="AD15" s="191">
        <v>10</v>
      </c>
      <c r="AE15" s="191">
        <v>4</v>
      </c>
      <c r="AF15" s="191">
        <v>5</v>
      </c>
      <c r="AG15" s="191">
        <v>6</v>
      </c>
      <c r="AH15" s="196">
        <v>41</v>
      </c>
      <c r="AI15" s="195">
        <v>41</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1</v>
      </c>
      <c r="AZ15" s="191">
        <v>1</v>
      </c>
      <c r="BA15" s="191">
        <v>1</v>
      </c>
      <c r="BB15" s="191">
        <v>2</v>
      </c>
      <c r="BC15" s="191">
        <v>0</v>
      </c>
      <c r="BD15" s="196">
        <v>5</v>
      </c>
      <c r="BE15" s="195">
        <v>5</v>
      </c>
      <c r="BF15" s="190">
        <v>0</v>
      </c>
      <c r="BG15" s="191">
        <v>0</v>
      </c>
      <c r="BH15" s="196">
        <v>0</v>
      </c>
      <c r="BI15" s="193">
        <v>0</v>
      </c>
      <c r="BJ15" s="191">
        <v>1</v>
      </c>
      <c r="BK15" s="191">
        <v>2</v>
      </c>
      <c r="BL15" s="191">
        <v>0</v>
      </c>
      <c r="BM15" s="191">
        <v>0</v>
      </c>
      <c r="BN15" s="191">
        <v>1</v>
      </c>
      <c r="BO15" s="194">
        <v>4</v>
      </c>
      <c r="BP15" s="195">
        <v>4</v>
      </c>
      <c r="BQ15" s="190">
        <v>0</v>
      </c>
      <c r="BR15" s="191">
        <v>0</v>
      </c>
      <c r="BS15" s="196">
        <v>0</v>
      </c>
      <c r="BT15" s="193">
        <v>0</v>
      </c>
      <c r="BU15" s="191">
        <v>0</v>
      </c>
      <c r="BV15" s="191">
        <v>1</v>
      </c>
      <c r="BW15" s="191">
        <v>0</v>
      </c>
      <c r="BX15" s="191">
        <v>1</v>
      </c>
      <c r="BY15" s="191">
        <v>0</v>
      </c>
      <c r="BZ15" s="196">
        <v>2</v>
      </c>
      <c r="CA15" s="195">
        <v>2</v>
      </c>
      <c r="CB15" s="190">
        <v>0</v>
      </c>
      <c r="CC15" s="191">
        <v>0</v>
      </c>
      <c r="CD15" s="196">
        <v>0</v>
      </c>
      <c r="CE15" s="193">
        <v>0</v>
      </c>
      <c r="CF15" s="191">
        <v>0</v>
      </c>
      <c r="CG15" s="191">
        <v>0</v>
      </c>
      <c r="CH15" s="191">
        <v>0</v>
      </c>
      <c r="CI15" s="191">
        <v>1</v>
      </c>
      <c r="CJ15" s="191">
        <v>0</v>
      </c>
      <c r="CK15" s="196">
        <v>1</v>
      </c>
      <c r="CL15" s="195">
        <v>1</v>
      </c>
      <c r="CM15" s="190">
        <v>0</v>
      </c>
      <c r="CN15" s="191">
        <v>0</v>
      </c>
      <c r="CO15" s="196">
        <v>0</v>
      </c>
      <c r="CP15" s="193">
        <v>0</v>
      </c>
      <c r="CQ15" s="191">
        <v>0</v>
      </c>
      <c r="CR15" s="191">
        <v>1</v>
      </c>
      <c r="CS15" s="191">
        <v>1</v>
      </c>
      <c r="CT15" s="191">
        <v>0</v>
      </c>
      <c r="CU15" s="191">
        <v>1</v>
      </c>
      <c r="CV15" s="196">
        <v>3</v>
      </c>
      <c r="CW15" s="195">
        <v>3</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2</v>
      </c>
      <c r="AD16" s="191">
        <v>11</v>
      </c>
      <c r="AE16" s="191">
        <v>7</v>
      </c>
      <c r="AF16" s="191">
        <v>1</v>
      </c>
      <c r="AG16" s="191">
        <v>4</v>
      </c>
      <c r="AH16" s="196">
        <v>35</v>
      </c>
      <c r="AI16" s="195">
        <v>35</v>
      </c>
      <c r="AJ16" s="190">
        <v>0</v>
      </c>
      <c r="AK16" s="191">
        <v>0</v>
      </c>
      <c r="AL16" s="196">
        <v>0</v>
      </c>
      <c r="AM16" s="193">
        <v>0</v>
      </c>
      <c r="AN16" s="191">
        <v>0</v>
      </c>
      <c r="AO16" s="191">
        <v>2</v>
      </c>
      <c r="AP16" s="191">
        <v>0</v>
      </c>
      <c r="AQ16" s="191">
        <v>0</v>
      </c>
      <c r="AR16" s="191">
        <v>0</v>
      </c>
      <c r="AS16" s="196">
        <v>2</v>
      </c>
      <c r="AT16" s="195">
        <v>2</v>
      </c>
      <c r="AU16" s="190">
        <v>0</v>
      </c>
      <c r="AV16" s="191">
        <v>0</v>
      </c>
      <c r="AW16" s="196">
        <v>0</v>
      </c>
      <c r="AX16" s="193">
        <v>0</v>
      </c>
      <c r="AY16" s="191">
        <v>0</v>
      </c>
      <c r="AZ16" s="191">
        <v>0</v>
      </c>
      <c r="BA16" s="191">
        <v>1</v>
      </c>
      <c r="BB16" s="191">
        <v>0</v>
      </c>
      <c r="BC16" s="191">
        <v>0</v>
      </c>
      <c r="BD16" s="196">
        <v>1</v>
      </c>
      <c r="BE16" s="195">
        <v>1</v>
      </c>
      <c r="BF16" s="190">
        <v>0</v>
      </c>
      <c r="BG16" s="191">
        <v>0</v>
      </c>
      <c r="BH16" s="196">
        <v>0</v>
      </c>
      <c r="BI16" s="193">
        <v>0</v>
      </c>
      <c r="BJ16" s="191">
        <v>1</v>
      </c>
      <c r="BK16" s="191">
        <v>0</v>
      </c>
      <c r="BL16" s="191">
        <v>0</v>
      </c>
      <c r="BM16" s="191">
        <v>0</v>
      </c>
      <c r="BN16" s="191">
        <v>0</v>
      </c>
      <c r="BO16" s="194">
        <v>1</v>
      </c>
      <c r="BP16" s="195">
        <v>1</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5</v>
      </c>
      <c r="AD17" s="191">
        <v>9</v>
      </c>
      <c r="AE17" s="191">
        <v>3</v>
      </c>
      <c r="AF17" s="191">
        <v>1</v>
      </c>
      <c r="AG17" s="191">
        <v>1</v>
      </c>
      <c r="AH17" s="196">
        <v>19</v>
      </c>
      <c r="AI17" s="195">
        <v>19</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0</v>
      </c>
      <c r="BL17" s="191">
        <v>0</v>
      </c>
      <c r="BM17" s="191">
        <v>1</v>
      </c>
      <c r="BN17" s="191">
        <v>0</v>
      </c>
      <c r="BO17" s="194">
        <v>1</v>
      </c>
      <c r="BP17" s="195">
        <v>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0</v>
      </c>
      <c r="J18" s="191">
        <v>1</v>
      </c>
      <c r="K18" s="191">
        <v>0</v>
      </c>
      <c r="L18" s="194">
        <v>1</v>
      </c>
      <c r="M18" s="195">
        <v>1</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8</v>
      </c>
      <c r="AD18" s="191">
        <v>9</v>
      </c>
      <c r="AE18" s="191">
        <v>7</v>
      </c>
      <c r="AF18" s="191">
        <v>1</v>
      </c>
      <c r="AG18" s="191">
        <v>0</v>
      </c>
      <c r="AH18" s="196">
        <v>25</v>
      </c>
      <c r="AI18" s="195">
        <v>25</v>
      </c>
      <c r="AJ18" s="190">
        <v>0</v>
      </c>
      <c r="AK18" s="191">
        <v>0</v>
      </c>
      <c r="AL18" s="196">
        <v>0</v>
      </c>
      <c r="AM18" s="193">
        <v>0</v>
      </c>
      <c r="AN18" s="191">
        <v>1</v>
      </c>
      <c r="AO18" s="191">
        <v>1</v>
      </c>
      <c r="AP18" s="191">
        <v>0</v>
      </c>
      <c r="AQ18" s="191">
        <v>0</v>
      </c>
      <c r="AR18" s="191">
        <v>0</v>
      </c>
      <c r="AS18" s="196">
        <v>2</v>
      </c>
      <c r="AT18" s="195">
        <v>2</v>
      </c>
      <c r="AU18" s="190">
        <v>0</v>
      </c>
      <c r="AV18" s="191">
        <v>0</v>
      </c>
      <c r="AW18" s="196">
        <v>0</v>
      </c>
      <c r="AX18" s="193">
        <v>0</v>
      </c>
      <c r="AY18" s="191">
        <v>3</v>
      </c>
      <c r="AZ18" s="191">
        <v>1</v>
      </c>
      <c r="BA18" s="191">
        <v>0</v>
      </c>
      <c r="BB18" s="191">
        <v>0</v>
      </c>
      <c r="BC18" s="191">
        <v>1</v>
      </c>
      <c r="BD18" s="196">
        <v>5</v>
      </c>
      <c r="BE18" s="195">
        <v>5</v>
      </c>
      <c r="BF18" s="190">
        <v>0</v>
      </c>
      <c r="BG18" s="191">
        <v>0</v>
      </c>
      <c r="BH18" s="196">
        <v>0</v>
      </c>
      <c r="BI18" s="193">
        <v>0</v>
      </c>
      <c r="BJ18" s="191">
        <v>1</v>
      </c>
      <c r="BK18" s="191">
        <v>3</v>
      </c>
      <c r="BL18" s="191">
        <v>1</v>
      </c>
      <c r="BM18" s="191">
        <v>0</v>
      </c>
      <c r="BN18" s="191">
        <v>0</v>
      </c>
      <c r="BO18" s="194">
        <v>5</v>
      </c>
      <c r="BP18" s="195">
        <v>5</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1</v>
      </c>
      <c r="AD19" s="191">
        <v>16</v>
      </c>
      <c r="AE19" s="191">
        <v>13</v>
      </c>
      <c r="AF19" s="191">
        <v>3</v>
      </c>
      <c r="AG19" s="191">
        <v>1</v>
      </c>
      <c r="AH19" s="196">
        <v>54</v>
      </c>
      <c r="AI19" s="195">
        <v>54</v>
      </c>
      <c r="AJ19" s="190">
        <v>0</v>
      </c>
      <c r="AK19" s="191">
        <v>0</v>
      </c>
      <c r="AL19" s="196">
        <v>0</v>
      </c>
      <c r="AM19" s="193">
        <v>0</v>
      </c>
      <c r="AN19" s="191">
        <v>2</v>
      </c>
      <c r="AO19" s="191">
        <v>1</v>
      </c>
      <c r="AP19" s="191">
        <v>0</v>
      </c>
      <c r="AQ19" s="191">
        <v>0</v>
      </c>
      <c r="AR19" s="191">
        <v>0</v>
      </c>
      <c r="AS19" s="196">
        <v>3</v>
      </c>
      <c r="AT19" s="195">
        <v>3</v>
      </c>
      <c r="AU19" s="190">
        <v>0</v>
      </c>
      <c r="AV19" s="191">
        <v>0</v>
      </c>
      <c r="AW19" s="196">
        <v>0</v>
      </c>
      <c r="AX19" s="193">
        <v>0</v>
      </c>
      <c r="AY19" s="191">
        <v>1</v>
      </c>
      <c r="AZ19" s="191">
        <v>1</v>
      </c>
      <c r="BA19" s="191">
        <v>0</v>
      </c>
      <c r="BB19" s="191">
        <v>1</v>
      </c>
      <c r="BC19" s="191">
        <v>1</v>
      </c>
      <c r="BD19" s="196">
        <v>4</v>
      </c>
      <c r="BE19" s="195">
        <v>4</v>
      </c>
      <c r="BF19" s="190">
        <v>0</v>
      </c>
      <c r="BG19" s="191">
        <v>0</v>
      </c>
      <c r="BH19" s="196">
        <v>0</v>
      </c>
      <c r="BI19" s="193">
        <v>0</v>
      </c>
      <c r="BJ19" s="191">
        <v>1</v>
      </c>
      <c r="BK19" s="191">
        <v>4</v>
      </c>
      <c r="BL19" s="191">
        <v>3</v>
      </c>
      <c r="BM19" s="191">
        <v>1</v>
      </c>
      <c r="BN19" s="191">
        <v>3</v>
      </c>
      <c r="BO19" s="194">
        <v>12</v>
      </c>
      <c r="BP19" s="195">
        <v>12</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2</v>
      </c>
      <c r="CJ19" s="191">
        <v>3</v>
      </c>
      <c r="CK19" s="196">
        <v>6</v>
      </c>
      <c r="CL19" s="195">
        <v>6</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0</v>
      </c>
      <c r="I20" s="191">
        <v>0</v>
      </c>
      <c r="J20" s="191">
        <v>0</v>
      </c>
      <c r="K20" s="191">
        <v>0</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9</v>
      </c>
      <c r="AD20" s="191">
        <v>5</v>
      </c>
      <c r="AE20" s="191">
        <v>6</v>
      </c>
      <c r="AF20" s="191">
        <v>2</v>
      </c>
      <c r="AG20" s="191">
        <v>1</v>
      </c>
      <c r="AH20" s="196">
        <v>33</v>
      </c>
      <c r="AI20" s="195">
        <v>33</v>
      </c>
      <c r="AJ20" s="190">
        <v>0</v>
      </c>
      <c r="AK20" s="191">
        <v>0</v>
      </c>
      <c r="AL20" s="196">
        <v>0</v>
      </c>
      <c r="AM20" s="193">
        <v>0</v>
      </c>
      <c r="AN20" s="191">
        <v>0</v>
      </c>
      <c r="AO20" s="191">
        <v>0</v>
      </c>
      <c r="AP20" s="191">
        <v>0</v>
      </c>
      <c r="AQ20" s="191">
        <v>2</v>
      </c>
      <c r="AR20" s="191">
        <v>0</v>
      </c>
      <c r="AS20" s="196">
        <v>2</v>
      </c>
      <c r="AT20" s="195">
        <v>2</v>
      </c>
      <c r="AU20" s="190">
        <v>0</v>
      </c>
      <c r="AV20" s="191">
        <v>0</v>
      </c>
      <c r="AW20" s="196">
        <v>0</v>
      </c>
      <c r="AX20" s="193">
        <v>0</v>
      </c>
      <c r="AY20" s="191">
        <v>2</v>
      </c>
      <c r="AZ20" s="191">
        <v>0</v>
      </c>
      <c r="BA20" s="191">
        <v>1</v>
      </c>
      <c r="BB20" s="191">
        <v>0</v>
      </c>
      <c r="BC20" s="191">
        <v>0</v>
      </c>
      <c r="BD20" s="196">
        <v>3</v>
      </c>
      <c r="BE20" s="195">
        <v>3</v>
      </c>
      <c r="BF20" s="190">
        <v>0</v>
      </c>
      <c r="BG20" s="191">
        <v>0</v>
      </c>
      <c r="BH20" s="196">
        <v>0</v>
      </c>
      <c r="BI20" s="193">
        <v>0</v>
      </c>
      <c r="BJ20" s="191">
        <v>2</v>
      </c>
      <c r="BK20" s="191">
        <v>5</v>
      </c>
      <c r="BL20" s="191">
        <v>6</v>
      </c>
      <c r="BM20" s="191">
        <v>0</v>
      </c>
      <c r="BN20" s="191">
        <v>2</v>
      </c>
      <c r="BO20" s="194">
        <v>15</v>
      </c>
      <c r="BP20" s="195">
        <v>15</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1</v>
      </c>
      <c r="CK20" s="196">
        <v>2</v>
      </c>
      <c r="CL20" s="195">
        <v>2</v>
      </c>
      <c r="CM20" s="190">
        <v>0</v>
      </c>
      <c r="CN20" s="191">
        <v>0</v>
      </c>
      <c r="CO20" s="196">
        <v>0</v>
      </c>
      <c r="CP20" s="193">
        <v>0</v>
      </c>
      <c r="CQ20" s="191">
        <v>0</v>
      </c>
      <c r="CR20" s="191">
        <v>0</v>
      </c>
      <c r="CS20" s="191">
        <v>2</v>
      </c>
      <c r="CT20" s="191">
        <v>0</v>
      </c>
      <c r="CU20" s="191">
        <v>4</v>
      </c>
      <c r="CV20" s="196">
        <v>6</v>
      </c>
      <c r="CW20" s="195">
        <v>6</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0</v>
      </c>
      <c r="T21" s="191">
        <v>0</v>
      </c>
      <c r="U21" s="191">
        <v>1</v>
      </c>
      <c r="V21" s="191">
        <v>0</v>
      </c>
      <c r="W21" s="196">
        <v>1</v>
      </c>
      <c r="X21" s="195">
        <v>1</v>
      </c>
      <c r="Y21" s="190">
        <v>0</v>
      </c>
      <c r="Z21" s="191">
        <v>0</v>
      </c>
      <c r="AA21" s="196">
        <v>0</v>
      </c>
      <c r="AB21" s="193">
        <v>0</v>
      </c>
      <c r="AC21" s="191">
        <v>9</v>
      </c>
      <c r="AD21" s="191">
        <v>5</v>
      </c>
      <c r="AE21" s="191">
        <v>1</v>
      </c>
      <c r="AF21" s="191">
        <v>2</v>
      </c>
      <c r="AG21" s="191">
        <v>0</v>
      </c>
      <c r="AH21" s="196">
        <v>17</v>
      </c>
      <c r="AI21" s="195">
        <v>17</v>
      </c>
      <c r="AJ21" s="190">
        <v>1</v>
      </c>
      <c r="AK21" s="191">
        <v>0</v>
      </c>
      <c r="AL21" s="196">
        <v>1</v>
      </c>
      <c r="AM21" s="193">
        <v>0</v>
      </c>
      <c r="AN21" s="191">
        <v>1</v>
      </c>
      <c r="AO21" s="191">
        <v>1</v>
      </c>
      <c r="AP21" s="191">
        <v>0</v>
      </c>
      <c r="AQ21" s="191">
        <v>0</v>
      </c>
      <c r="AR21" s="191">
        <v>0</v>
      </c>
      <c r="AS21" s="196">
        <v>2</v>
      </c>
      <c r="AT21" s="195">
        <v>3</v>
      </c>
      <c r="AU21" s="190">
        <v>0</v>
      </c>
      <c r="AV21" s="191">
        <v>0</v>
      </c>
      <c r="AW21" s="196">
        <v>0</v>
      </c>
      <c r="AX21" s="193">
        <v>0</v>
      </c>
      <c r="AY21" s="191">
        <v>1</v>
      </c>
      <c r="AZ21" s="191">
        <v>1</v>
      </c>
      <c r="BA21" s="191">
        <v>1</v>
      </c>
      <c r="BB21" s="191">
        <v>0</v>
      </c>
      <c r="BC21" s="191">
        <v>0</v>
      </c>
      <c r="BD21" s="196">
        <v>3</v>
      </c>
      <c r="BE21" s="195">
        <v>3</v>
      </c>
      <c r="BF21" s="190">
        <v>0</v>
      </c>
      <c r="BG21" s="191">
        <v>0</v>
      </c>
      <c r="BH21" s="196">
        <v>0</v>
      </c>
      <c r="BI21" s="193">
        <v>0</v>
      </c>
      <c r="BJ21" s="191">
        <v>1</v>
      </c>
      <c r="BK21" s="191">
        <v>0</v>
      </c>
      <c r="BL21" s="191">
        <v>1</v>
      </c>
      <c r="BM21" s="191">
        <v>0</v>
      </c>
      <c r="BN21" s="191">
        <v>1</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2</v>
      </c>
      <c r="CV21" s="196">
        <v>2</v>
      </c>
      <c r="CW21" s="195">
        <v>2</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1</v>
      </c>
      <c r="AD22" s="191">
        <v>9</v>
      </c>
      <c r="AE22" s="191">
        <v>1</v>
      </c>
      <c r="AF22" s="191">
        <v>1</v>
      </c>
      <c r="AG22" s="191">
        <v>0</v>
      </c>
      <c r="AH22" s="196">
        <v>22</v>
      </c>
      <c r="AI22" s="195">
        <v>22</v>
      </c>
      <c r="AJ22" s="190">
        <v>0</v>
      </c>
      <c r="AK22" s="191">
        <v>0</v>
      </c>
      <c r="AL22" s="196">
        <v>0</v>
      </c>
      <c r="AM22" s="193">
        <v>0</v>
      </c>
      <c r="AN22" s="191">
        <v>0</v>
      </c>
      <c r="AO22" s="191">
        <v>0</v>
      </c>
      <c r="AP22" s="191">
        <v>1</v>
      </c>
      <c r="AQ22" s="191">
        <v>0</v>
      </c>
      <c r="AR22" s="191">
        <v>0</v>
      </c>
      <c r="AS22" s="196">
        <v>1</v>
      </c>
      <c r="AT22" s="195">
        <v>1</v>
      </c>
      <c r="AU22" s="190">
        <v>0</v>
      </c>
      <c r="AV22" s="191">
        <v>1</v>
      </c>
      <c r="AW22" s="196">
        <v>1</v>
      </c>
      <c r="AX22" s="193">
        <v>0</v>
      </c>
      <c r="AY22" s="191">
        <v>0</v>
      </c>
      <c r="AZ22" s="191">
        <v>0</v>
      </c>
      <c r="BA22" s="191">
        <v>2</v>
      </c>
      <c r="BB22" s="191">
        <v>0</v>
      </c>
      <c r="BC22" s="191">
        <v>1</v>
      </c>
      <c r="BD22" s="196">
        <v>3</v>
      </c>
      <c r="BE22" s="195">
        <v>4</v>
      </c>
      <c r="BF22" s="190">
        <v>0</v>
      </c>
      <c r="BG22" s="191">
        <v>0</v>
      </c>
      <c r="BH22" s="196">
        <v>0</v>
      </c>
      <c r="BI22" s="193">
        <v>0</v>
      </c>
      <c r="BJ22" s="191">
        <v>1</v>
      </c>
      <c r="BK22" s="191">
        <v>1</v>
      </c>
      <c r="BL22" s="191">
        <v>3</v>
      </c>
      <c r="BM22" s="191">
        <v>0</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3</v>
      </c>
      <c r="AD23" s="191">
        <v>4</v>
      </c>
      <c r="AE23" s="191">
        <v>1</v>
      </c>
      <c r="AF23" s="191">
        <v>2</v>
      </c>
      <c r="AG23" s="191">
        <v>0</v>
      </c>
      <c r="AH23" s="196">
        <v>20</v>
      </c>
      <c r="AI23" s="195">
        <v>20</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1</v>
      </c>
      <c r="BB23" s="191">
        <v>0</v>
      </c>
      <c r="BC23" s="191">
        <v>0</v>
      </c>
      <c r="BD23" s="196">
        <v>2</v>
      </c>
      <c r="BE23" s="195">
        <v>2</v>
      </c>
      <c r="BF23" s="190">
        <v>0</v>
      </c>
      <c r="BG23" s="191">
        <v>0</v>
      </c>
      <c r="BH23" s="196">
        <v>0</v>
      </c>
      <c r="BI23" s="193">
        <v>0</v>
      </c>
      <c r="BJ23" s="191">
        <v>0</v>
      </c>
      <c r="BK23" s="191">
        <v>1</v>
      </c>
      <c r="BL23" s="191">
        <v>0</v>
      </c>
      <c r="BM23" s="191">
        <v>2</v>
      </c>
      <c r="BN23" s="191">
        <v>0</v>
      </c>
      <c r="BO23" s="194">
        <v>3</v>
      </c>
      <c r="BP23" s="195">
        <v>3</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1</v>
      </c>
      <c r="J24" s="191">
        <v>1</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0</v>
      </c>
      <c r="AD24" s="191">
        <v>5</v>
      </c>
      <c r="AE24" s="191">
        <v>0</v>
      </c>
      <c r="AF24" s="191">
        <v>1</v>
      </c>
      <c r="AG24" s="191">
        <v>0</v>
      </c>
      <c r="AH24" s="196">
        <v>16</v>
      </c>
      <c r="AI24" s="195">
        <v>16</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3</v>
      </c>
      <c r="BA24" s="191">
        <v>0</v>
      </c>
      <c r="BB24" s="191">
        <v>0</v>
      </c>
      <c r="BC24" s="191">
        <v>0</v>
      </c>
      <c r="BD24" s="196">
        <v>3</v>
      </c>
      <c r="BE24" s="195">
        <v>3</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2</v>
      </c>
      <c r="AE25" s="191">
        <v>2</v>
      </c>
      <c r="AF25" s="191">
        <v>0</v>
      </c>
      <c r="AG25" s="191">
        <v>0</v>
      </c>
      <c r="AH25" s="196">
        <v>6</v>
      </c>
      <c r="AI25" s="195">
        <v>6</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0</v>
      </c>
      <c r="BL25" s="191">
        <v>3</v>
      </c>
      <c r="BM25" s="191">
        <v>0</v>
      </c>
      <c r="BN25" s="191">
        <v>0</v>
      </c>
      <c r="BO25" s="194">
        <v>4</v>
      </c>
      <c r="BP25" s="195">
        <v>4</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0</v>
      </c>
      <c r="CT25" s="191">
        <v>1</v>
      </c>
      <c r="CU25" s="191">
        <v>1</v>
      </c>
      <c r="CV25" s="196">
        <v>3</v>
      </c>
      <c r="CW25" s="195">
        <v>3</v>
      </c>
    </row>
    <row r="26" spans="2:101" ht="21" customHeight="1" x14ac:dyDescent="0.2">
      <c r="B26" s="106" t="s">
        <v>24</v>
      </c>
      <c r="C26" s="190">
        <v>0</v>
      </c>
      <c r="D26" s="196">
        <v>0</v>
      </c>
      <c r="E26" s="207">
        <v>0</v>
      </c>
      <c r="F26" s="193">
        <v>0</v>
      </c>
      <c r="G26" s="191">
        <v>0</v>
      </c>
      <c r="H26" s="191">
        <v>0</v>
      </c>
      <c r="I26" s="191">
        <v>0</v>
      </c>
      <c r="J26" s="191">
        <v>2</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1</v>
      </c>
      <c r="AE26" s="191">
        <v>1</v>
      </c>
      <c r="AF26" s="191">
        <v>1</v>
      </c>
      <c r="AG26" s="191">
        <v>0</v>
      </c>
      <c r="AH26" s="196">
        <v>3</v>
      </c>
      <c r="AI26" s="195">
        <v>3</v>
      </c>
      <c r="AJ26" s="190">
        <v>0</v>
      </c>
      <c r="AK26" s="191">
        <v>0</v>
      </c>
      <c r="AL26" s="196">
        <v>0</v>
      </c>
      <c r="AM26" s="193">
        <v>0</v>
      </c>
      <c r="AN26" s="191">
        <v>0</v>
      </c>
      <c r="AO26" s="191">
        <v>0</v>
      </c>
      <c r="AP26" s="191">
        <v>0</v>
      </c>
      <c r="AQ26" s="191">
        <v>0</v>
      </c>
      <c r="AR26" s="191">
        <v>1</v>
      </c>
      <c r="AS26" s="196">
        <v>1</v>
      </c>
      <c r="AT26" s="195">
        <v>1</v>
      </c>
      <c r="AU26" s="190">
        <v>0</v>
      </c>
      <c r="AV26" s="191">
        <v>0</v>
      </c>
      <c r="AW26" s="196">
        <v>0</v>
      </c>
      <c r="AX26" s="193">
        <v>0</v>
      </c>
      <c r="AY26" s="191">
        <v>2</v>
      </c>
      <c r="AZ26" s="191">
        <v>1</v>
      </c>
      <c r="BA26" s="191">
        <v>0</v>
      </c>
      <c r="BB26" s="191">
        <v>1</v>
      </c>
      <c r="BC26" s="191">
        <v>0</v>
      </c>
      <c r="BD26" s="196">
        <v>4</v>
      </c>
      <c r="BE26" s="195">
        <v>4</v>
      </c>
      <c r="BF26" s="190">
        <v>0</v>
      </c>
      <c r="BG26" s="191">
        <v>0</v>
      </c>
      <c r="BH26" s="196">
        <v>0</v>
      </c>
      <c r="BI26" s="193">
        <v>0</v>
      </c>
      <c r="BJ26" s="191">
        <v>0</v>
      </c>
      <c r="BK26" s="191">
        <v>1</v>
      </c>
      <c r="BL26" s="191">
        <v>1</v>
      </c>
      <c r="BM26" s="191">
        <v>0</v>
      </c>
      <c r="BN26" s="191">
        <v>1</v>
      </c>
      <c r="BO26" s="194">
        <v>3</v>
      </c>
      <c r="BP26" s="195">
        <v>3</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3</v>
      </c>
      <c r="AD27" s="191">
        <v>2</v>
      </c>
      <c r="AE27" s="191">
        <v>1</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3</v>
      </c>
      <c r="AE28" s="191">
        <v>1</v>
      </c>
      <c r="AF28" s="191">
        <v>0</v>
      </c>
      <c r="AG28" s="191">
        <v>0</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0</v>
      </c>
      <c r="BK28" s="191">
        <v>1</v>
      </c>
      <c r="BL28" s="191">
        <v>3</v>
      </c>
      <c r="BM28" s="191">
        <v>0</v>
      </c>
      <c r="BN28" s="191">
        <v>0</v>
      </c>
      <c r="BO28" s="194">
        <v>4</v>
      </c>
      <c r="BP28" s="195">
        <v>4</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4</v>
      </c>
      <c r="AD29" s="191">
        <v>2</v>
      </c>
      <c r="AE29" s="191">
        <v>1</v>
      </c>
      <c r="AF29" s="191">
        <v>0</v>
      </c>
      <c r="AG29" s="191">
        <v>0</v>
      </c>
      <c r="AH29" s="196">
        <v>7</v>
      </c>
      <c r="AI29" s="195">
        <v>7</v>
      </c>
      <c r="AJ29" s="190">
        <v>0</v>
      </c>
      <c r="AK29" s="191">
        <v>0</v>
      </c>
      <c r="AL29" s="196">
        <v>0</v>
      </c>
      <c r="AM29" s="193">
        <v>0</v>
      </c>
      <c r="AN29" s="191">
        <v>0</v>
      </c>
      <c r="AO29" s="191">
        <v>1</v>
      </c>
      <c r="AP29" s="191">
        <v>1</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1</v>
      </c>
      <c r="BM30" s="191">
        <v>0</v>
      </c>
      <c r="BN30" s="191">
        <v>0</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v>
      </c>
      <c r="AD31" s="191">
        <v>0</v>
      </c>
      <c r="AE31" s="191">
        <v>1</v>
      </c>
      <c r="AF31" s="191">
        <v>1</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2</v>
      </c>
      <c r="BA31" s="191">
        <v>0</v>
      </c>
      <c r="BB31" s="191">
        <v>0</v>
      </c>
      <c r="BC31" s="191">
        <v>0</v>
      </c>
      <c r="BD31" s="196">
        <v>4</v>
      </c>
      <c r="BE31" s="195">
        <v>4</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1</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1</v>
      </c>
      <c r="BK32" s="191">
        <v>0</v>
      </c>
      <c r="BL32" s="191">
        <v>0</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v>
      </c>
      <c r="AD33" s="191">
        <v>1</v>
      </c>
      <c r="AE33" s="191">
        <v>1</v>
      </c>
      <c r="AF33" s="191">
        <v>0</v>
      </c>
      <c r="AG33" s="191">
        <v>0</v>
      </c>
      <c r="AH33" s="196">
        <v>4</v>
      </c>
      <c r="AI33" s="195">
        <v>4</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6">
        <v>1</v>
      </c>
      <c r="BE33" s="195">
        <v>1</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5</v>
      </c>
      <c r="AD34" s="191">
        <v>1</v>
      </c>
      <c r="AE34" s="191">
        <v>0</v>
      </c>
      <c r="AF34" s="191">
        <v>0</v>
      </c>
      <c r="AG34" s="191">
        <v>0</v>
      </c>
      <c r="AH34" s="196">
        <v>6</v>
      </c>
      <c r="AI34" s="195">
        <v>6</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0</v>
      </c>
      <c r="AZ34" s="191">
        <v>0</v>
      </c>
      <c r="BA34" s="191">
        <v>1</v>
      </c>
      <c r="BB34" s="191">
        <v>0</v>
      </c>
      <c r="BC34" s="191">
        <v>0</v>
      </c>
      <c r="BD34" s="196">
        <v>1</v>
      </c>
      <c r="BE34" s="195">
        <v>1</v>
      </c>
      <c r="BF34" s="190">
        <v>0</v>
      </c>
      <c r="BG34" s="191">
        <v>0</v>
      </c>
      <c r="BH34" s="196">
        <v>0</v>
      </c>
      <c r="BI34" s="193">
        <v>0</v>
      </c>
      <c r="BJ34" s="191">
        <v>0</v>
      </c>
      <c r="BK34" s="191">
        <v>0</v>
      </c>
      <c r="BL34" s="191">
        <v>0</v>
      </c>
      <c r="BM34" s="191">
        <v>0</v>
      </c>
      <c r="BN34" s="191">
        <v>0</v>
      </c>
      <c r="BO34" s="194">
        <v>0</v>
      </c>
      <c r="BP34" s="195">
        <v>0</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1</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0</v>
      </c>
      <c r="AE36" s="191">
        <v>0</v>
      </c>
      <c r="AF36" s="191">
        <v>0</v>
      </c>
      <c r="AG36" s="191">
        <v>0</v>
      </c>
      <c r="AH36" s="196">
        <v>1</v>
      </c>
      <c r="AI36" s="195">
        <v>1</v>
      </c>
      <c r="AJ36" s="190">
        <v>0</v>
      </c>
      <c r="AK36" s="191">
        <v>0</v>
      </c>
      <c r="AL36" s="196">
        <v>0</v>
      </c>
      <c r="AM36" s="193">
        <v>0</v>
      </c>
      <c r="AN36" s="191">
        <v>0</v>
      </c>
      <c r="AO36" s="191">
        <v>0</v>
      </c>
      <c r="AP36" s="191">
        <v>0</v>
      </c>
      <c r="AQ36" s="191">
        <v>0</v>
      </c>
      <c r="AR36" s="191">
        <v>0</v>
      </c>
      <c r="AS36" s="196">
        <v>0</v>
      </c>
      <c r="AT36" s="195">
        <v>0</v>
      </c>
      <c r="AU36" s="190">
        <v>0</v>
      </c>
      <c r="AV36" s="191">
        <v>1</v>
      </c>
      <c r="AW36" s="196">
        <v>1</v>
      </c>
      <c r="AX36" s="193">
        <v>0</v>
      </c>
      <c r="AY36" s="191">
        <v>1</v>
      </c>
      <c r="AZ36" s="191">
        <v>0</v>
      </c>
      <c r="BA36" s="191">
        <v>0</v>
      </c>
      <c r="BB36" s="191">
        <v>0</v>
      </c>
      <c r="BC36" s="191">
        <v>0</v>
      </c>
      <c r="BD36" s="196">
        <v>1</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1</v>
      </c>
      <c r="AD38" s="191">
        <v>1</v>
      </c>
      <c r="AE38" s="191">
        <v>1</v>
      </c>
      <c r="AF38" s="191">
        <v>0</v>
      </c>
      <c r="AG38" s="191">
        <v>0</v>
      </c>
      <c r="AH38" s="196">
        <v>3</v>
      </c>
      <c r="AI38" s="195">
        <v>3</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1</v>
      </c>
      <c r="BB38" s="191">
        <v>0</v>
      </c>
      <c r="BC38" s="191">
        <v>0</v>
      </c>
      <c r="BD38" s="196">
        <v>1</v>
      </c>
      <c r="BE38" s="195">
        <v>1</v>
      </c>
      <c r="BF38" s="190">
        <v>0</v>
      </c>
      <c r="BG38" s="191">
        <v>0</v>
      </c>
      <c r="BH38" s="196">
        <v>0</v>
      </c>
      <c r="BI38" s="193">
        <v>0</v>
      </c>
      <c r="BJ38" s="191">
        <v>0</v>
      </c>
      <c r="BK38" s="191">
        <v>1</v>
      </c>
      <c r="BL38" s="191">
        <v>1</v>
      </c>
      <c r="BM38" s="191">
        <v>0</v>
      </c>
      <c r="BN38" s="191">
        <v>1</v>
      </c>
      <c r="BO38" s="194">
        <v>3</v>
      </c>
      <c r="BP38" s="195">
        <v>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1">
        <f>第１表!F2</f>
        <v>6</v>
      </c>
      <c r="I1" s="441"/>
      <c r="J1" s="18">
        <f>第１表!G2</f>
        <v>8</v>
      </c>
      <c r="K1" s="445">
        <f>IF(J1&lt;3,J1+12-2,J1-2)</f>
        <v>6</v>
      </c>
      <c r="L1" s="445"/>
    </row>
    <row r="2" spans="2:24" ht="24" customHeight="1" thickBot="1" x14ac:dyDescent="0.25">
      <c r="B2" s="142" t="s">
        <v>130</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99598</v>
      </c>
      <c r="H6" s="184">
        <v>102281</v>
      </c>
      <c r="I6" s="184">
        <v>60142</v>
      </c>
      <c r="J6" s="184">
        <v>31589</v>
      </c>
      <c r="K6" s="184">
        <v>13743</v>
      </c>
      <c r="L6" s="189">
        <v>307353</v>
      </c>
      <c r="M6" s="188">
        <v>307353</v>
      </c>
      <c r="N6" s="184">
        <v>33</v>
      </c>
      <c r="O6" s="184">
        <v>46</v>
      </c>
      <c r="P6" s="189">
        <v>79</v>
      </c>
      <c r="Q6" s="186">
        <v>0</v>
      </c>
      <c r="R6" s="184">
        <v>6410</v>
      </c>
      <c r="S6" s="184">
        <v>8914</v>
      </c>
      <c r="T6" s="184">
        <v>11403</v>
      </c>
      <c r="U6" s="184">
        <v>6327</v>
      </c>
      <c r="V6" s="184">
        <v>4693</v>
      </c>
      <c r="W6" s="189">
        <v>37747</v>
      </c>
      <c r="X6" s="188">
        <v>37826</v>
      </c>
    </row>
    <row r="7" spans="2:24" ht="21" customHeight="1" x14ac:dyDescent="0.2">
      <c r="B7" s="95" t="s">
        <v>5</v>
      </c>
      <c r="C7" s="191">
        <v>0</v>
      </c>
      <c r="D7" s="191">
        <v>0</v>
      </c>
      <c r="E7" s="196">
        <v>0</v>
      </c>
      <c r="F7" s="193">
        <v>0</v>
      </c>
      <c r="G7" s="191">
        <v>35000</v>
      </c>
      <c r="H7" s="191">
        <v>48987</v>
      </c>
      <c r="I7" s="191">
        <v>28804</v>
      </c>
      <c r="J7" s="191">
        <v>14463</v>
      </c>
      <c r="K7" s="191">
        <v>6326</v>
      </c>
      <c r="L7" s="196">
        <v>133580</v>
      </c>
      <c r="M7" s="195">
        <v>133580</v>
      </c>
      <c r="N7" s="191">
        <v>17</v>
      </c>
      <c r="O7" s="191">
        <v>14</v>
      </c>
      <c r="P7" s="196">
        <v>31</v>
      </c>
      <c r="Q7" s="193">
        <v>0</v>
      </c>
      <c r="R7" s="191">
        <v>3294</v>
      </c>
      <c r="S7" s="191">
        <v>4511</v>
      </c>
      <c r="T7" s="191">
        <v>5930</v>
      </c>
      <c r="U7" s="191">
        <v>3506</v>
      </c>
      <c r="V7" s="191">
        <v>2480</v>
      </c>
      <c r="W7" s="196">
        <v>19721</v>
      </c>
      <c r="X7" s="195">
        <v>19752</v>
      </c>
    </row>
    <row r="8" spans="2:24" ht="21" customHeight="1" x14ac:dyDescent="0.2">
      <c r="B8" s="106" t="s">
        <v>6</v>
      </c>
      <c r="C8" s="191">
        <v>0</v>
      </c>
      <c r="D8" s="191">
        <v>0</v>
      </c>
      <c r="E8" s="196">
        <v>0</v>
      </c>
      <c r="F8" s="193">
        <v>0</v>
      </c>
      <c r="G8" s="191">
        <v>13345</v>
      </c>
      <c r="H8" s="191">
        <v>11257</v>
      </c>
      <c r="I8" s="191">
        <v>6787</v>
      </c>
      <c r="J8" s="191">
        <v>4044</v>
      </c>
      <c r="K8" s="191">
        <v>2108</v>
      </c>
      <c r="L8" s="196">
        <v>37541</v>
      </c>
      <c r="M8" s="195">
        <v>37541</v>
      </c>
      <c r="N8" s="191">
        <v>3</v>
      </c>
      <c r="O8" s="191">
        <v>0</v>
      </c>
      <c r="P8" s="196">
        <v>3</v>
      </c>
      <c r="Q8" s="193">
        <v>0</v>
      </c>
      <c r="R8" s="191">
        <v>1287</v>
      </c>
      <c r="S8" s="191">
        <v>2322</v>
      </c>
      <c r="T8" s="191">
        <v>2641</v>
      </c>
      <c r="U8" s="191">
        <v>1359</v>
      </c>
      <c r="V8" s="191">
        <v>1165</v>
      </c>
      <c r="W8" s="196">
        <v>8774</v>
      </c>
      <c r="X8" s="195">
        <v>8777</v>
      </c>
    </row>
    <row r="9" spans="2:24" ht="21" customHeight="1" x14ac:dyDescent="0.2">
      <c r="B9" s="106" t="s">
        <v>14</v>
      </c>
      <c r="C9" s="191">
        <v>0</v>
      </c>
      <c r="D9" s="191">
        <v>0</v>
      </c>
      <c r="E9" s="196">
        <v>0</v>
      </c>
      <c r="F9" s="193">
        <v>0</v>
      </c>
      <c r="G9" s="191">
        <v>7885</v>
      </c>
      <c r="H9" s="191">
        <v>9110</v>
      </c>
      <c r="I9" s="191">
        <v>5159</v>
      </c>
      <c r="J9" s="191">
        <v>2802</v>
      </c>
      <c r="K9" s="191">
        <v>1097</v>
      </c>
      <c r="L9" s="196">
        <v>26053</v>
      </c>
      <c r="M9" s="195">
        <v>26053</v>
      </c>
      <c r="N9" s="191">
        <v>0</v>
      </c>
      <c r="O9" s="191">
        <v>0</v>
      </c>
      <c r="P9" s="196">
        <v>0</v>
      </c>
      <c r="Q9" s="193">
        <v>0</v>
      </c>
      <c r="R9" s="191">
        <v>101</v>
      </c>
      <c r="S9" s="191">
        <v>172</v>
      </c>
      <c r="T9" s="191">
        <v>395</v>
      </c>
      <c r="U9" s="191">
        <v>150</v>
      </c>
      <c r="V9" s="191">
        <v>230</v>
      </c>
      <c r="W9" s="196">
        <v>1048</v>
      </c>
      <c r="X9" s="195">
        <v>1048</v>
      </c>
    </row>
    <row r="10" spans="2:24" ht="21" customHeight="1" x14ac:dyDescent="0.2">
      <c r="B10" s="106" t="s">
        <v>7</v>
      </c>
      <c r="C10" s="191">
        <v>0</v>
      </c>
      <c r="D10" s="191">
        <v>0</v>
      </c>
      <c r="E10" s="196">
        <v>0</v>
      </c>
      <c r="F10" s="193">
        <v>0</v>
      </c>
      <c r="G10" s="191">
        <v>8239</v>
      </c>
      <c r="H10" s="191">
        <v>5551</v>
      </c>
      <c r="I10" s="191">
        <v>2343</v>
      </c>
      <c r="J10" s="191">
        <v>1062</v>
      </c>
      <c r="K10" s="191">
        <v>421</v>
      </c>
      <c r="L10" s="196">
        <v>17616</v>
      </c>
      <c r="M10" s="195">
        <v>17616</v>
      </c>
      <c r="N10" s="191">
        <v>0</v>
      </c>
      <c r="O10" s="191">
        <v>18</v>
      </c>
      <c r="P10" s="196">
        <v>18</v>
      </c>
      <c r="Q10" s="193">
        <v>0</v>
      </c>
      <c r="R10" s="191">
        <v>651</v>
      </c>
      <c r="S10" s="191">
        <v>832</v>
      </c>
      <c r="T10" s="191">
        <v>816</v>
      </c>
      <c r="U10" s="191">
        <v>357</v>
      </c>
      <c r="V10" s="191">
        <v>244</v>
      </c>
      <c r="W10" s="196">
        <v>2900</v>
      </c>
      <c r="X10" s="195">
        <v>2918</v>
      </c>
    </row>
    <row r="11" spans="2:24" ht="21" customHeight="1" x14ac:dyDescent="0.2">
      <c r="B11" s="106" t="s">
        <v>8</v>
      </c>
      <c r="C11" s="191">
        <v>0</v>
      </c>
      <c r="D11" s="191">
        <v>0</v>
      </c>
      <c r="E11" s="196">
        <v>0</v>
      </c>
      <c r="F11" s="193">
        <v>0</v>
      </c>
      <c r="G11" s="191">
        <v>4667</v>
      </c>
      <c r="H11" s="191">
        <v>4537</v>
      </c>
      <c r="I11" s="191">
        <v>2293</v>
      </c>
      <c r="J11" s="191">
        <v>1114</v>
      </c>
      <c r="K11" s="191">
        <v>633</v>
      </c>
      <c r="L11" s="196">
        <v>13244</v>
      </c>
      <c r="M11" s="195">
        <v>13244</v>
      </c>
      <c r="N11" s="191">
        <v>0</v>
      </c>
      <c r="O11" s="191">
        <v>0</v>
      </c>
      <c r="P11" s="196">
        <v>0</v>
      </c>
      <c r="Q11" s="193">
        <v>0</v>
      </c>
      <c r="R11" s="191">
        <v>72</v>
      </c>
      <c r="S11" s="191">
        <v>82</v>
      </c>
      <c r="T11" s="191">
        <v>74</v>
      </c>
      <c r="U11" s="191">
        <v>114</v>
      </c>
      <c r="V11" s="191">
        <v>89</v>
      </c>
      <c r="W11" s="196">
        <v>431</v>
      </c>
      <c r="X11" s="195">
        <v>431</v>
      </c>
    </row>
    <row r="12" spans="2:24" ht="21" customHeight="1" x14ac:dyDescent="0.2">
      <c r="B12" s="106" t="s">
        <v>9</v>
      </c>
      <c r="C12" s="191">
        <v>0</v>
      </c>
      <c r="D12" s="191">
        <v>0</v>
      </c>
      <c r="E12" s="196">
        <v>0</v>
      </c>
      <c r="F12" s="193">
        <v>0</v>
      </c>
      <c r="G12" s="191">
        <v>3038</v>
      </c>
      <c r="H12" s="191">
        <v>2211</v>
      </c>
      <c r="I12" s="191">
        <v>1608</v>
      </c>
      <c r="J12" s="191">
        <v>1194</v>
      </c>
      <c r="K12" s="191">
        <v>489</v>
      </c>
      <c r="L12" s="196">
        <v>8540</v>
      </c>
      <c r="M12" s="195">
        <v>8540</v>
      </c>
      <c r="N12" s="191">
        <v>0</v>
      </c>
      <c r="O12" s="191">
        <v>0</v>
      </c>
      <c r="P12" s="196">
        <v>0</v>
      </c>
      <c r="Q12" s="193">
        <v>0</v>
      </c>
      <c r="R12" s="191">
        <v>48</v>
      </c>
      <c r="S12" s="191">
        <v>63</v>
      </c>
      <c r="T12" s="191">
        <v>90</v>
      </c>
      <c r="U12" s="191">
        <v>0</v>
      </c>
      <c r="V12" s="191">
        <v>36</v>
      </c>
      <c r="W12" s="196">
        <v>237</v>
      </c>
      <c r="X12" s="195">
        <v>237</v>
      </c>
    </row>
    <row r="13" spans="2:24" ht="21" customHeight="1" x14ac:dyDescent="0.2">
      <c r="B13" s="106" t="s">
        <v>10</v>
      </c>
      <c r="C13" s="191">
        <v>0</v>
      </c>
      <c r="D13" s="191">
        <v>0</v>
      </c>
      <c r="E13" s="196">
        <v>0</v>
      </c>
      <c r="F13" s="193">
        <v>0</v>
      </c>
      <c r="G13" s="191">
        <v>4073</v>
      </c>
      <c r="H13" s="191">
        <v>1861</v>
      </c>
      <c r="I13" s="191">
        <v>1099</v>
      </c>
      <c r="J13" s="191">
        <v>699</v>
      </c>
      <c r="K13" s="191">
        <v>152</v>
      </c>
      <c r="L13" s="196">
        <v>7884</v>
      </c>
      <c r="M13" s="195">
        <v>7884</v>
      </c>
      <c r="N13" s="191">
        <v>0</v>
      </c>
      <c r="O13" s="191">
        <v>4</v>
      </c>
      <c r="P13" s="196">
        <v>4</v>
      </c>
      <c r="Q13" s="193">
        <v>0</v>
      </c>
      <c r="R13" s="191">
        <v>99</v>
      </c>
      <c r="S13" s="191">
        <v>75</v>
      </c>
      <c r="T13" s="191">
        <v>255</v>
      </c>
      <c r="U13" s="191">
        <v>136</v>
      </c>
      <c r="V13" s="191">
        <v>109</v>
      </c>
      <c r="W13" s="196">
        <v>674</v>
      </c>
      <c r="X13" s="195">
        <v>678</v>
      </c>
    </row>
    <row r="14" spans="2:24" ht="21" customHeight="1" x14ac:dyDescent="0.2">
      <c r="B14" s="106" t="s">
        <v>11</v>
      </c>
      <c r="C14" s="191">
        <v>0</v>
      </c>
      <c r="D14" s="191">
        <v>0</v>
      </c>
      <c r="E14" s="196">
        <v>0</v>
      </c>
      <c r="F14" s="193">
        <v>0</v>
      </c>
      <c r="G14" s="191">
        <v>3922</v>
      </c>
      <c r="H14" s="191">
        <v>2291</v>
      </c>
      <c r="I14" s="191">
        <v>1544</v>
      </c>
      <c r="J14" s="191">
        <v>837</v>
      </c>
      <c r="K14" s="191">
        <v>338</v>
      </c>
      <c r="L14" s="196">
        <v>8932</v>
      </c>
      <c r="M14" s="195">
        <v>8932</v>
      </c>
      <c r="N14" s="191">
        <v>0</v>
      </c>
      <c r="O14" s="191">
        <v>0</v>
      </c>
      <c r="P14" s="196">
        <v>0</v>
      </c>
      <c r="Q14" s="193">
        <v>0</v>
      </c>
      <c r="R14" s="191">
        <v>189</v>
      </c>
      <c r="S14" s="191">
        <v>137</v>
      </c>
      <c r="T14" s="191">
        <v>120</v>
      </c>
      <c r="U14" s="191">
        <v>93</v>
      </c>
      <c r="V14" s="191">
        <v>9</v>
      </c>
      <c r="W14" s="196">
        <v>548</v>
      </c>
      <c r="X14" s="195">
        <v>548</v>
      </c>
    </row>
    <row r="15" spans="2:24" ht="21" customHeight="1" x14ac:dyDescent="0.2">
      <c r="B15" s="106" t="s">
        <v>12</v>
      </c>
      <c r="C15" s="191">
        <v>0</v>
      </c>
      <c r="D15" s="191">
        <v>0</v>
      </c>
      <c r="E15" s="196">
        <v>0</v>
      </c>
      <c r="F15" s="193">
        <v>0</v>
      </c>
      <c r="G15" s="191">
        <v>2906</v>
      </c>
      <c r="H15" s="191">
        <v>1950</v>
      </c>
      <c r="I15" s="191">
        <v>1408</v>
      </c>
      <c r="J15" s="191">
        <v>649</v>
      </c>
      <c r="K15" s="191">
        <v>228</v>
      </c>
      <c r="L15" s="196">
        <v>7141</v>
      </c>
      <c r="M15" s="195">
        <v>7141</v>
      </c>
      <c r="N15" s="191">
        <v>0</v>
      </c>
      <c r="O15" s="191">
        <v>0</v>
      </c>
      <c r="P15" s="196">
        <v>0</v>
      </c>
      <c r="Q15" s="193">
        <v>0</v>
      </c>
      <c r="R15" s="191">
        <v>35</v>
      </c>
      <c r="S15" s="191">
        <v>18</v>
      </c>
      <c r="T15" s="191">
        <v>3</v>
      </c>
      <c r="U15" s="191">
        <v>3</v>
      </c>
      <c r="V15" s="191">
        <v>13</v>
      </c>
      <c r="W15" s="196">
        <v>72</v>
      </c>
      <c r="X15" s="195">
        <v>72</v>
      </c>
    </row>
    <row r="16" spans="2:24" ht="21" customHeight="1" x14ac:dyDescent="0.2">
      <c r="B16" s="106" t="s">
        <v>13</v>
      </c>
      <c r="C16" s="191">
        <v>0</v>
      </c>
      <c r="D16" s="191">
        <v>0</v>
      </c>
      <c r="E16" s="196">
        <v>0</v>
      </c>
      <c r="F16" s="193">
        <v>0</v>
      </c>
      <c r="G16" s="191">
        <v>1061</v>
      </c>
      <c r="H16" s="191">
        <v>1262</v>
      </c>
      <c r="I16" s="191">
        <v>614</v>
      </c>
      <c r="J16" s="191">
        <v>360</v>
      </c>
      <c r="K16" s="191">
        <v>143</v>
      </c>
      <c r="L16" s="196">
        <v>3440</v>
      </c>
      <c r="M16" s="195">
        <v>3440</v>
      </c>
      <c r="N16" s="191">
        <v>0</v>
      </c>
      <c r="O16" s="191">
        <v>0</v>
      </c>
      <c r="P16" s="196">
        <v>0</v>
      </c>
      <c r="Q16" s="193">
        <v>0</v>
      </c>
      <c r="R16" s="191">
        <v>13</v>
      </c>
      <c r="S16" s="191">
        <v>46</v>
      </c>
      <c r="T16" s="191">
        <v>121</v>
      </c>
      <c r="U16" s="191">
        <v>63</v>
      </c>
      <c r="V16" s="191">
        <v>63</v>
      </c>
      <c r="W16" s="196">
        <v>306</v>
      </c>
      <c r="X16" s="195">
        <v>306</v>
      </c>
    </row>
    <row r="17" spans="2:24" ht="21" customHeight="1" x14ac:dyDescent="0.2">
      <c r="B17" s="106" t="s">
        <v>15</v>
      </c>
      <c r="C17" s="191">
        <v>0</v>
      </c>
      <c r="D17" s="191">
        <v>0</v>
      </c>
      <c r="E17" s="196">
        <v>0</v>
      </c>
      <c r="F17" s="193">
        <v>0</v>
      </c>
      <c r="G17" s="191">
        <v>1450</v>
      </c>
      <c r="H17" s="191">
        <v>1357</v>
      </c>
      <c r="I17" s="191">
        <v>715</v>
      </c>
      <c r="J17" s="191">
        <v>297</v>
      </c>
      <c r="K17" s="191">
        <v>154</v>
      </c>
      <c r="L17" s="196">
        <v>3973</v>
      </c>
      <c r="M17" s="195">
        <v>3973</v>
      </c>
      <c r="N17" s="191">
        <v>0</v>
      </c>
      <c r="O17" s="191">
        <v>0</v>
      </c>
      <c r="P17" s="196">
        <v>0</v>
      </c>
      <c r="Q17" s="193">
        <v>0</v>
      </c>
      <c r="R17" s="191">
        <v>8</v>
      </c>
      <c r="S17" s="191">
        <v>21</v>
      </c>
      <c r="T17" s="191">
        <v>58</v>
      </c>
      <c r="U17" s="191">
        <v>32</v>
      </c>
      <c r="V17" s="191">
        <v>23</v>
      </c>
      <c r="W17" s="196">
        <v>142</v>
      </c>
      <c r="X17" s="195">
        <v>142</v>
      </c>
    </row>
    <row r="18" spans="2:24" ht="21" customHeight="1" x14ac:dyDescent="0.2">
      <c r="B18" s="106" t="s">
        <v>16</v>
      </c>
      <c r="C18" s="191">
        <v>0</v>
      </c>
      <c r="D18" s="191">
        <v>0</v>
      </c>
      <c r="E18" s="196">
        <v>0</v>
      </c>
      <c r="F18" s="193">
        <v>0</v>
      </c>
      <c r="G18" s="191">
        <v>1101</v>
      </c>
      <c r="H18" s="191">
        <v>1375</v>
      </c>
      <c r="I18" s="191">
        <v>899</v>
      </c>
      <c r="J18" s="191">
        <v>383</v>
      </c>
      <c r="K18" s="191">
        <v>169</v>
      </c>
      <c r="L18" s="196">
        <v>3927</v>
      </c>
      <c r="M18" s="195">
        <v>3927</v>
      </c>
      <c r="N18" s="191">
        <v>0</v>
      </c>
      <c r="O18" s="191">
        <v>0</v>
      </c>
      <c r="P18" s="196">
        <v>0</v>
      </c>
      <c r="Q18" s="193">
        <v>0</v>
      </c>
      <c r="R18" s="191">
        <v>50</v>
      </c>
      <c r="S18" s="191">
        <v>75</v>
      </c>
      <c r="T18" s="191">
        <v>68</v>
      </c>
      <c r="U18" s="191">
        <v>63</v>
      </c>
      <c r="V18" s="191">
        <v>36</v>
      </c>
      <c r="W18" s="196">
        <v>292</v>
      </c>
      <c r="X18" s="195">
        <v>292</v>
      </c>
    </row>
    <row r="19" spans="2:24" ht="21" customHeight="1" x14ac:dyDescent="0.2">
      <c r="B19" s="106" t="s">
        <v>17</v>
      </c>
      <c r="C19" s="191">
        <v>0</v>
      </c>
      <c r="D19" s="191">
        <v>0</v>
      </c>
      <c r="E19" s="196">
        <v>0</v>
      </c>
      <c r="F19" s="193">
        <v>0</v>
      </c>
      <c r="G19" s="191">
        <v>1961</v>
      </c>
      <c r="H19" s="191">
        <v>2421</v>
      </c>
      <c r="I19" s="191">
        <v>1700</v>
      </c>
      <c r="J19" s="191">
        <v>1227</v>
      </c>
      <c r="K19" s="191">
        <v>387</v>
      </c>
      <c r="L19" s="196">
        <v>7696</v>
      </c>
      <c r="M19" s="195">
        <v>7696</v>
      </c>
      <c r="N19" s="191">
        <v>7</v>
      </c>
      <c r="O19" s="191">
        <v>10</v>
      </c>
      <c r="P19" s="196">
        <v>17</v>
      </c>
      <c r="Q19" s="193">
        <v>0</v>
      </c>
      <c r="R19" s="191">
        <v>182</v>
      </c>
      <c r="S19" s="191">
        <v>173</v>
      </c>
      <c r="T19" s="191">
        <v>188</v>
      </c>
      <c r="U19" s="191">
        <v>66</v>
      </c>
      <c r="V19" s="191">
        <v>43</v>
      </c>
      <c r="W19" s="196">
        <v>652</v>
      </c>
      <c r="X19" s="195">
        <v>669</v>
      </c>
    </row>
    <row r="20" spans="2:24" ht="21" customHeight="1" x14ac:dyDescent="0.2">
      <c r="B20" s="106" t="s">
        <v>18</v>
      </c>
      <c r="C20" s="191">
        <v>0</v>
      </c>
      <c r="D20" s="191">
        <v>0</v>
      </c>
      <c r="E20" s="196">
        <v>0</v>
      </c>
      <c r="F20" s="193">
        <v>0</v>
      </c>
      <c r="G20" s="191">
        <v>2060</v>
      </c>
      <c r="H20" s="191">
        <v>1506</v>
      </c>
      <c r="I20" s="191">
        <v>890</v>
      </c>
      <c r="J20" s="191">
        <v>380</v>
      </c>
      <c r="K20" s="191">
        <v>201</v>
      </c>
      <c r="L20" s="196">
        <v>5037</v>
      </c>
      <c r="M20" s="195">
        <v>5037</v>
      </c>
      <c r="N20" s="191">
        <v>0</v>
      </c>
      <c r="O20" s="191">
        <v>0</v>
      </c>
      <c r="P20" s="196">
        <v>0</v>
      </c>
      <c r="Q20" s="193">
        <v>0</v>
      </c>
      <c r="R20" s="191">
        <v>89</v>
      </c>
      <c r="S20" s="191">
        <v>74</v>
      </c>
      <c r="T20" s="191">
        <v>217</v>
      </c>
      <c r="U20" s="191">
        <v>155</v>
      </c>
      <c r="V20" s="191">
        <v>57</v>
      </c>
      <c r="W20" s="196">
        <v>592</v>
      </c>
      <c r="X20" s="195">
        <v>592</v>
      </c>
    </row>
    <row r="21" spans="2:24" ht="21" customHeight="1" x14ac:dyDescent="0.2">
      <c r="B21" s="106" t="s">
        <v>19</v>
      </c>
      <c r="C21" s="191">
        <v>0</v>
      </c>
      <c r="D21" s="191">
        <v>0</v>
      </c>
      <c r="E21" s="196">
        <v>0</v>
      </c>
      <c r="F21" s="193">
        <v>0</v>
      </c>
      <c r="G21" s="191">
        <v>960</v>
      </c>
      <c r="H21" s="191">
        <v>755</v>
      </c>
      <c r="I21" s="191">
        <v>532</v>
      </c>
      <c r="J21" s="191">
        <v>242</v>
      </c>
      <c r="K21" s="191">
        <v>125</v>
      </c>
      <c r="L21" s="196">
        <v>2614</v>
      </c>
      <c r="M21" s="195">
        <v>2614</v>
      </c>
      <c r="N21" s="191">
        <v>6</v>
      </c>
      <c r="O21" s="191">
        <v>0</v>
      </c>
      <c r="P21" s="196">
        <v>6</v>
      </c>
      <c r="Q21" s="193">
        <v>0</v>
      </c>
      <c r="R21" s="191">
        <v>100</v>
      </c>
      <c r="S21" s="191">
        <v>175</v>
      </c>
      <c r="T21" s="191">
        <v>160</v>
      </c>
      <c r="U21" s="191">
        <v>37</v>
      </c>
      <c r="V21" s="191">
        <v>45</v>
      </c>
      <c r="W21" s="196">
        <v>517</v>
      </c>
      <c r="X21" s="195">
        <v>523</v>
      </c>
    </row>
    <row r="22" spans="2:24" ht="21" customHeight="1" x14ac:dyDescent="0.2">
      <c r="B22" s="106" t="s">
        <v>20</v>
      </c>
      <c r="C22" s="191">
        <v>0</v>
      </c>
      <c r="D22" s="191">
        <v>0</v>
      </c>
      <c r="E22" s="196">
        <v>0</v>
      </c>
      <c r="F22" s="193">
        <v>0</v>
      </c>
      <c r="G22" s="191">
        <v>1279</v>
      </c>
      <c r="H22" s="191">
        <v>842</v>
      </c>
      <c r="I22" s="191">
        <v>443</v>
      </c>
      <c r="J22" s="191">
        <v>162</v>
      </c>
      <c r="K22" s="191">
        <v>53</v>
      </c>
      <c r="L22" s="196">
        <v>2779</v>
      </c>
      <c r="M22" s="195">
        <v>2779</v>
      </c>
      <c r="N22" s="191">
        <v>0</v>
      </c>
      <c r="O22" s="191">
        <v>0</v>
      </c>
      <c r="P22" s="196">
        <v>0</v>
      </c>
      <c r="Q22" s="193">
        <v>0</v>
      </c>
      <c r="R22" s="191">
        <v>13</v>
      </c>
      <c r="S22" s="191">
        <v>2</v>
      </c>
      <c r="T22" s="191">
        <v>62</v>
      </c>
      <c r="U22" s="191">
        <v>51</v>
      </c>
      <c r="V22" s="191">
        <v>12</v>
      </c>
      <c r="W22" s="196">
        <v>140</v>
      </c>
      <c r="X22" s="195">
        <v>140</v>
      </c>
    </row>
    <row r="23" spans="2:24" ht="21" customHeight="1" x14ac:dyDescent="0.2">
      <c r="B23" s="106" t="s">
        <v>21</v>
      </c>
      <c r="C23" s="191">
        <v>0</v>
      </c>
      <c r="D23" s="191">
        <v>0</v>
      </c>
      <c r="E23" s="196">
        <v>0</v>
      </c>
      <c r="F23" s="193">
        <v>0</v>
      </c>
      <c r="G23" s="191">
        <v>1651</v>
      </c>
      <c r="H23" s="191">
        <v>1197</v>
      </c>
      <c r="I23" s="191">
        <v>598</v>
      </c>
      <c r="J23" s="191">
        <v>322</v>
      </c>
      <c r="K23" s="191">
        <v>131</v>
      </c>
      <c r="L23" s="196">
        <v>3899</v>
      </c>
      <c r="M23" s="195">
        <v>3899</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990</v>
      </c>
      <c r="H24" s="191">
        <v>855</v>
      </c>
      <c r="I24" s="191">
        <v>559</v>
      </c>
      <c r="J24" s="191">
        <v>327</v>
      </c>
      <c r="K24" s="191">
        <v>69</v>
      </c>
      <c r="L24" s="196">
        <v>2800</v>
      </c>
      <c r="M24" s="195">
        <v>2800</v>
      </c>
      <c r="N24" s="191">
        <v>0</v>
      </c>
      <c r="O24" s="191">
        <v>0</v>
      </c>
      <c r="P24" s="196">
        <v>0</v>
      </c>
      <c r="Q24" s="193">
        <v>0</v>
      </c>
      <c r="R24" s="191">
        <v>7</v>
      </c>
      <c r="S24" s="191">
        <v>8</v>
      </c>
      <c r="T24" s="191">
        <v>93</v>
      </c>
      <c r="U24" s="191">
        <v>42</v>
      </c>
      <c r="V24" s="191">
        <v>12</v>
      </c>
      <c r="W24" s="196">
        <v>162</v>
      </c>
      <c r="X24" s="195">
        <v>162</v>
      </c>
    </row>
    <row r="25" spans="2:24" ht="21" customHeight="1" x14ac:dyDescent="0.2">
      <c r="B25" s="106" t="s">
        <v>23</v>
      </c>
      <c r="C25" s="191">
        <v>0</v>
      </c>
      <c r="D25" s="191">
        <v>0</v>
      </c>
      <c r="E25" s="196">
        <v>0</v>
      </c>
      <c r="F25" s="193">
        <v>0</v>
      </c>
      <c r="G25" s="191">
        <v>544</v>
      </c>
      <c r="H25" s="191">
        <v>486</v>
      </c>
      <c r="I25" s="191">
        <v>321</v>
      </c>
      <c r="J25" s="191">
        <v>197</v>
      </c>
      <c r="K25" s="191">
        <v>49</v>
      </c>
      <c r="L25" s="196">
        <v>1597</v>
      </c>
      <c r="M25" s="195">
        <v>1597</v>
      </c>
      <c r="N25" s="191">
        <v>0</v>
      </c>
      <c r="O25" s="191">
        <v>0</v>
      </c>
      <c r="P25" s="196">
        <v>0</v>
      </c>
      <c r="Q25" s="193">
        <v>0</v>
      </c>
      <c r="R25" s="191">
        <v>0</v>
      </c>
      <c r="S25" s="191">
        <v>0</v>
      </c>
      <c r="T25" s="191">
        <v>29</v>
      </c>
      <c r="U25" s="191">
        <v>20</v>
      </c>
      <c r="V25" s="191">
        <v>0</v>
      </c>
      <c r="W25" s="196">
        <v>49</v>
      </c>
      <c r="X25" s="195">
        <v>49</v>
      </c>
    </row>
    <row r="26" spans="2:24" ht="21" customHeight="1" x14ac:dyDescent="0.2">
      <c r="B26" s="106" t="s">
        <v>24</v>
      </c>
      <c r="C26" s="191">
        <v>0</v>
      </c>
      <c r="D26" s="191">
        <v>0</v>
      </c>
      <c r="E26" s="196">
        <v>0</v>
      </c>
      <c r="F26" s="193">
        <v>0</v>
      </c>
      <c r="G26" s="191">
        <v>184</v>
      </c>
      <c r="H26" s="191">
        <v>135</v>
      </c>
      <c r="I26" s="191">
        <v>120</v>
      </c>
      <c r="J26" s="191">
        <v>43</v>
      </c>
      <c r="K26" s="191">
        <v>7</v>
      </c>
      <c r="L26" s="196">
        <v>489</v>
      </c>
      <c r="M26" s="195">
        <v>489</v>
      </c>
      <c r="N26" s="191">
        <v>0</v>
      </c>
      <c r="O26" s="191">
        <v>0</v>
      </c>
      <c r="P26" s="196">
        <v>0</v>
      </c>
      <c r="Q26" s="193">
        <v>0</v>
      </c>
      <c r="R26" s="191">
        <v>49</v>
      </c>
      <c r="S26" s="191">
        <v>62</v>
      </c>
      <c r="T26" s="191">
        <v>20</v>
      </c>
      <c r="U26" s="191">
        <v>24</v>
      </c>
      <c r="V26" s="191">
        <v>6</v>
      </c>
      <c r="W26" s="196">
        <v>161</v>
      </c>
      <c r="X26" s="195">
        <v>161</v>
      </c>
    </row>
    <row r="27" spans="2:24" ht="21" customHeight="1" x14ac:dyDescent="0.2">
      <c r="B27" s="106" t="s">
        <v>25</v>
      </c>
      <c r="C27" s="191">
        <v>0</v>
      </c>
      <c r="D27" s="191">
        <v>0</v>
      </c>
      <c r="E27" s="196">
        <v>0</v>
      </c>
      <c r="F27" s="193">
        <v>0</v>
      </c>
      <c r="G27" s="191">
        <v>551</v>
      </c>
      <c r="H27" s="191">
        <v>352</v>
      </c>
      <c r="I27" s="191">
        <v>156</v>
      </c>
      <c r="J27" s="191">
        <v>73</v>
      </c>
      <c r="K27" s="191">
        <v>4</v>
      </c>
      <c r="L27" s="196">
        <v>1136</v>
      </c>
      <c r="M27" s="195">
        <v>1136</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75</v>
      </c>
      <c r="H28" s="191">
        <v>414</v>
      </c>
      <c r="I28" s="191">
        <v>331</v>
      </c>
      <c r="J28" s="191">
        <v>176</v>
      </c>
      <c r="K28" s="191">
        <v>73</v>
      </c>
      <c r="L28" s="196">
        <v>1369</v>
      </c>
      <c r="M28" s="195">
        <v>1369</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43</v>
      </c>
      <c r="H29" s="191">
        <v>112</v>
      </c>
      <c r="I29" s="191">
        <v>69</v>
      </c>
      <c r="J29" s="191">
        <v>16</v>
      </c>
      <c r="K29" s="191">
        <v>0</v>
      </c>
      <c r="L29" s="196">
        <v>440</v>
      </c>
      <c r="M29" s="195">
        <v>440</v>
      </c>
      <c r="N29" s="191">
        <v>0</v>
      </c>
      <c r="O29" s="191">
        <v>0</v>
      </c>
      <c r="P29" s="196">
        <v>0</v>
      </c>
      <c r="Q29" s="193">
        <v>0</v>
      </c>
      <c r="R29" s="191">
        <v>9</v>
      </c>
      <c r="S29" s="191">
        <v>10</v>
      </c>
      <c r="T29" s="191">
        <v>28</v>
      </c>
      <c r="U29" s="191">
        <v>18</v>
      </c>
      <c r="V29" s="191">
        <v>0</v>
      </c>
      <c r="W29" s="196">
        <v>65</v>
      </c>
      <c r="X29" s="195">
        <v>65</v>
      </c>
    </row>
    <row r="30" spans="2:24" ht="21" customHeight="1" x14ac:dyDescent="0.2">
      <c r="B30" s="106" t="s">
        <v>28</v>
      </c>
      <c r="C30" s="191">
        <v>0</v>
      </c>
      <c r="D30" s="191">
        <v>0</v>
      </c>
      <c r="E30" s="196">
        <v>0</v>
      </c>
      <c r="F30" s="193">
        <v>0</v>
      </c>
      <c r="G30" s="191">
        <v>208</v>
      </c>
      <c r="H30" s="191">
        <v>80</v>
      </c>
      <c r="I30" s="191">
        <v>37</v>
      </c>
      <c r="J30" s="191">
        <v>25</v>
      </c>
      <c r="K30" s="191">
        <v>7</v>
      </c>
      <c r="L30" s="196">
        <v>357</v>
      </c>
      <c r="M30" s="195">
        <v>357</v>
      </c>
      <c r="N30" s="191">
        <v>0</v>
      </c>
      <c r="O30" s="191">
        <v>0</v>
      </c>
      <c r="P30" s="196">
        <v>0</v>
      </c>
      <c r="Q30" s="193">
        <v>0</v>
      </c>
      <c r="R30" s="191">
        <v>32</v>
      </c>
      <c r="S30" s="191">
        <v>16</v>
      </c>
      <c r="T30" s="191">
        <v>8</v>
      </c>
      <c r="U30" s="191">
        <v>22</v>
      </c>
      <c r="V30" s="191">
        <v>0</v>
      </c>
      <c r="W30" s="196">
        <v>78</v>
      </c>
      <c r="X30" s="195">
        <v>78</v>
      </c>
    </row>
    <row r="31" spans="2:24" ht="21" customHeight="1" x14ac:dyDescent="0.2">
      <c r="B31" s="106" t="s">
        <v>29</v>
      </c>
      <c r="C31" s="191">
        <v>0</v>
      </c>
      <c r="D31" s="191">
        <v>0</v>
      </c>
      <c r="E31" s="196">
        <v>0</v>
      </c>
      <c r="F31" s="193">
        <v>0</v>
      </c>
      <c r="G31" s="191">
        <v>77</v>
      </c>
      <c r="H31" s="191">
        <v>144</v>
      </c>
      <c r="I31" s="191">
        <v>99</v>
      </c>
      <c r="J31" s="191">
        <v>17</v>
      </c>
      <c r="K31" s="191">
        <v>0</v>
      </c>
      <c r="L31" s="196">
        <v>337</v>
      </c>
      <c r="M31" s="195">
        <v>337</v>
      </c>
      <c r="N31" s="191">
        <v>0</v>
      </c>
      <c r="O31" s="191">
        <v>0</v>
      </c>
      <c r="P31" s="196">
        <v>0</v>
      </c>
      <c r="Q31" s="193">
        <v>0</v>
      </c>
      <c r="R31" s="191">
        <v>16</v>
      </c>
      <c r="S31" s="191">
        <v>8</v>
      </c>
      <c r="T31" s="191">
        <v>0</v>
      </c>
      <c r="U31" s="191">
        <v>0</v>
      </c>
      <c r="V31" s="191">
        <v>0</v>
      </c>
      <c r="W31" s="196">
        <v>24</v>
      </c>
      <c r="X31" s="195">
        <v>24</v>
      </c>
    </row>
    <row r="32" spans="2:24" ht="21" customHeight="1" x14ac:dyDescent="0.2">
      <c r="B32" s="106" t="s">
        <v>30</v>
      </c>
      <c r="C32" s="191">
        <v>0</v>
      </c>
      <c r="D32" s="191">
        <v>0</v>
      </c>
      <c r="E32" s="196">
        <v>0</v>
      </c>
      <c r="F32" s="193">
        <v>0</v>
      </c>
      <c r="G32" s="191">
        <v>178</v>
      </c>
      <c r="H32" s="191">
        <v>104</v>
      </c>
      <c r="I32" s="191">
        <v>71</v>
      </c>
      <c r="J32" s="191">
        <v>37</v>
      </c>
      <c r="K32" s="191">
        <v>9</v>
      </c>
      <c r="L32" s="196">
        <v>399</v>
      </c>
      <c r="M32" s="195">
        <v>399</v>
      </c>
      <c r="N32" s="191">
        <v>0</v>
      </c>
      <c r="O32" s="191">
        <v>0</v>
      </c>
      <c r="P32" s="196">
        <v>0</v>
      </c>
      <c r="Q32" s="193">
        <v>0</v>
      </c>
      <c r="R32" s="191">
        <v>7</v>
      </c>
      <c r="S32" s="191">
        <v>13</v>
      </c>
      <c r="T32" s="191">
        <v>0</v>
      </c>
      <c r="U32" s="191">
        <v>0</v>
      </c>
      <c r="V32" s="191">
        <v>0</v>
      </c>
      <c r="W32" s="196">
        <v>20</v>
      </c>
      <c r="X32" s="195">
        <v>20</v>
      </c>
    </row>
    <row r="33" spans="2:24" ht="21" customHeight="1" x14ac:dyDescent="0.2">
      <c r="B33" s="106" t="s">
        <v>31</v>
      </c>
      <c r="C33" s="191">
        <v>0</v>
      </c>
      <c r="D33" s="191">
        <v>0</v>
      </c>
      <c r="E33" s="196">
        <v>0</v>
      </c>
      <c r="F33" s="193">
        <v>0</v>
      </c>
      <c r="G33" s="191">
        <v>162</v>
      </c>
      <c r="H33" s="191">
        <v>90</v>
      </c>
      <c r="I33" s="191">
        <v>65</v>
      </c>
      <c r="J33" s="191">
        <v>4</v>
      </c>
      <c r="K33" s="191">
        <v>0</v>
      </c>
      <c r="L33" s="196">
        <v>321</v>
      </c>
      <c r="M33" s="195">
        <v>321</v>
      </c>
      <c r="N33" s="191">
        <v>0</v>
      </c>
      <c r="O33" s="191">
        <v>0</v>
      </c>
      <c r="P33" s="196">
        <v>0</v>
      </c>
      <c r="Q33" s="193">
        <v>0</v>
      </c>
      <c r="R33" s="191">
        <v>0</v>
      </c>
      <c r="S33" s="191">
        <v>10</v>
      </c>
      <c r="T33" s="191">
        <v>6</v>
      </c>
      <c r="U33" s="191">
        <v>16</v>
      </c>
      <c r="V33" s="191">
        <v>0</v>
      </c>
      <c r="W33" s="196">
        <v>32</v>
      </c>
      <c r="X33" s="195">
        <v>32</v>
      </c>
    </row>
    <row r="34" spans="2:24" ht="21" customHeight="1" x14ac:dyDescent="0.2">
      <c r="B34" s="106" t="s">
        <v>32</v>
      </c>
      <c r="C34" s="191">
        <v>0</v>
      </c>
      <c r="D34" s="191">
        <v>0</v>
      </c>
      <c r="E34" s="196">
        <v>0</v>
      </c>
      <c r="F34" s="193">
        <v>0</v>
      </c>
      <c r="G34" s="191">
        <v>381</v>
      </c>
      <c r="H34" s="191">
        <v>268</v>
      </c>
      <c r="I34" s="191">
        <v>40</v>
      </c>
      <c r="J34" s="191">
        <v>32</v>
      </c>
      <c r="K34" s="191">
        <v>14</v>
      </c>
      <c r="L34" s="196">
        <v>735</v>
      </c>
      <c r="M34" s="195">
        <v>735</v>
      </c>
      <c r="N34" s="191">
        <v>0</v>
      </c>
      <c r="O34" s="191">
        <v>0</v>
      </c>
      <c r="P34" s="196">
        <v>0</v>
      </c>
      <c r="Q34" s="193">
        <v>0</v>
      </c>
      <c r="R34" s="191">
        <v>55</v>
      </c>
      <c r="S34" s="191">
        <v>9</v>
      </c>
      <c r="T34" s="191">
        <v>21</v>
      </c>
      <c r="U34" s="191">
        <v>0</v>
      </c>
      <c r="V34" s="191">
        <v>13</v>
      </c>
      <c r="W34" s="196">
        <v>98</v>
      </c>
      <c r="X34" s="195">
        <v>98</v>
      </c>
    </row>
    <row r="35" spans="2:24" ht="21" customHeight="1" x14ac:dyDescent="0.2">
      <c r="B35" s="106" t="s">
        <v>33</v>
      </c>
      <c r="C35" s="191">
        <v>0</v>
      </c>
      <c r="D35" s="191">
        <v>0</v>
      </c>
      <c r="E35" s="196">
        <v>0</v>
      </c>
      <c r="F35" s="193">
        <v>0</v>
      </c>
      <c r="G35" s="191">
        <v>159</v>
      </c>
      <c r="H35" s="191">
        <v>135</v>
      </c>
      <c r="I35" s="191">
        <v>67</v>
      </c>
      <c r="J35" s="191">
        <v>52</v>
      </c>
      <c r="K35" s="191">
        <v>15</v>
      </c>
      <c r="L35" s="196">
        <v>428</v>
      </c>
      <c r="M35" s="195">
        <v>42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73</v>
      </c>
      <c r="H36" s="191">
        <v>24</v>
      </c>
      <c r="I36" s="191">
        <v>38</v>
      </c>
      <c r="J36" s="191">
        <v>9</v>
      </c>
      <c r="K36" s="191">
        <v>0</v>
      </c>
      <c r="L36" s="196">
        <v>144</v>
      </c>
      <c r="M36" s="195">
        <v>144</v>
      </c>
      <c r="N36" s="191">
        <v>0</v>
      </c>
      <c r="O36" s="191">
        <v>0</v>
      </c>
      <c r="P36" s="196">
        <v>0</v>
      </c>
      <c r="Q36" s="193">
        <v>0</v>
      </c>
      <c r="R36" s="191">
        <v>0</v>
      </c>
      <c r="S36" s="191">
        <v>0</v>
      </c>
      <c r="T36" s="191">
        <v>0</v>
      </c>
      <c r="U36" s="191">
        <v>0</v>
      </c>
      <c r="V36" s="191">
        <v>8</v>
      </c>
      <c r="W36" s="196">
        <v>8</v>
      </c>
      <c r="X36" s="195">
        <v>8</v>
      </c>
    </row>
    <row r="37" spans="2:24" ht="21" customHeight="1" x14ac:dyDescent="0.2">
      <c r="B37" s="106" t="s">
        <v>35</v>
      </c>
      <c r="C37" s="191">
        <v>0</v>
      </c>
      <c r="D37" s="191">
        <v>0</v>
      </c>
      <c r="E37" s="196">
        <v>0</v>
      </c>
      <c r="F37" s="193">
        <v>0</v>
      </c>
      <c r="G37" s="191">
        <v>213</v>
      </c>
      <c r="H37" s="191">
        <v>130</v>
      </c>
      <c r="I37" s="191">
        <v>120</v>
      </c>
      <c r="J37" s="191">
        <v>80</v>
      </c>
      <c r="K37" s="191">
        <v>44</v>
      </c>
      <c r="L37" s="196">
        <v>587</v>
      </c>
      <c r="M37" s="195">
        <v>587</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34</v>
      </c>
      <c r="H38" s="191">
        <v>408</v>
      </c>
      <c r="I38" s="191">
        <v>539</v>
      </c>
      <c r="J38" s="191">
        <v>248</v>
      </c>
      <c r="K38" s="191">
        <v>281</v>
      </c>
      <c r="L38" s="196">
        <v>2010</v>
      </c>
      <c r="M38" s="195">
        <v>2010</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28</v>
      </c>
      <c r="H39" s="198">
        <v>74</v>
      </c>
      <c r="I39" s="198">
        <v>74</v>
      </c>
      <c r="J39" s="198">
        <v>16</v>
      </c>
      <c r="K39" s="198">
        <v>16</v>
      </c>
      <c r="L39" s="203">
        <v>308</v>
      </c>
      <c r="M39" s="202">
        <v>308</v>
      </c>
      <c r="N39" s="198">
        <v>0</v>
      </c>
      <c r="O39" s="198">
        <v>0</v>
      </c>
      <c r="P39" s="203">
        <v>0</v>
      </c>
      <c r="Q39" s="200">
        <v>0</v>
      </c>
      <c r="R39" s="198">
        <v>4</v>
      </c>
      <c r="S39" s="198">
        <v>0</v>
      </c>
      <c r="T39" s="198">
        <v>0</v>
      </c>
      <c r="U39" s="198">
        <v>0</v>
      </c>
      <c r="V39" s="198">
        <v>0</v>
      </c>
      <c r="W39" s="203">
        <v>4</v>
      </c>
      <c r="X39" s="202">
        <v>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8</v>
      </c>
      <c r="K1" s="445">
        <f>IF(J1&lt;3,J1+12-2,J1-2)</f>
        <v>6</v>
      </c>
      <c r="L1" s="445"/>
    </row>
    <row r="2" spans="2:24" ht="24" customHeight="1" thickBot="1" x14ac:dyDescent="0.25">
      <c r="B2" s="142" t="s">
        <v>132</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6208</v>
      </c>
      <c r="H6" s="184">
        <v>6528</v>
      </c>
      <c r="I6" s="184">
        <v>2906</v>
      </c>
      <c r="J6" s="184">
        <v>1353</v>
      </c>
      <c r="K6" s="184">
        <v>611</v>
      </c>
      <c r="L6" s="189">
        <v>17606</v>
      </c>
      <c r="M6" s="188">
        <v>17606</v>
      </c>
      <c r="N6" s="184">
        <v>3</v>
      </c>
      <c r="O6" s="184">
        <v>0</v>
      </c>
      <c r="P6" s="189">
        <v>3</v>
      </c>
      <c r="Q6" s="186">
        <v>0</v>
      </c>
      <c r="R6" s="184">
        <v>444</v>
      </c>
      <c r="S6" s="184">
        <v>647</v>
      </c>
      <c r="T6" s="184">
        <v>774</v>
      </c>
      <c r="U6" s="184">
        <v>354</v>
      </c>
      <c r="V6" s="184">
        <v>217</v>
      </c>
      <c r="W6" s="189">
        <v>2436</v>
      </c>
      <c r="X6" s="188">
        <v>2439</v>
      </c>
    </row>
    <row r="7" spans="2:24" ht="21" customHeight="1" x14ac:dyDescent="0.2">
      <c r="B7" s="95" t="s">
        <v>5</v>
      </c>
      <c r="C7" s="191">
        <v>0</v>
      </c>
      <c r="D7" s="191">
        <v>0</v>
      </c>
      <c r="E7" s="196">
        <v>0</v>
      </c>
      <c r="F7" s="193">
        <v>0</v>
      </c>
      <c r="G7" s="191">
        <v>2379</v>
      </c>
      <c r="H7" s="191">
        <v>3145</v>
      </c>
      <c r="I7" s="191">
        <v>1550</v>
      </c>
      <c r="J7" s="191">
        <v>582</v>
      </c>
      <c r="K7" s="191">
        <v>289</v>
      </c>
      <c r="L7" s="196">
        <v>7945</v>
      </c>
      <c r="M7" s="195">
        <v>7945</v>
      </c>
      <c r="N7" s="191">
        <v>0</v>
      </c>
      <c r="O7" s="191">
        <v>0</v>
      </c>
      <c r="P7" s="196">
        <v>0</v>
      </c>
      <c r="Q7" s="193">
        <v>0</v>
      </c>
      <c r="R7" s="191">
        <v>192</v>
      </c>
      <c r="S7" s="191">
        <v>409</v>
      </c>
      <c r="T7" s="191">
        <v>418</v>
      </c>
      <c r="U7" s="191">
        <v>156</v>
      </c>
      <c r="V7" s="191">
        <v>105</v>
      </c>
      <c r="W7" s="196">
        <v>1280</v>
      </c>
      <c r="X7" s="195">
        <v>1280</v>
      </c>
    </row>
    <row r="8" spans="2:24" ht="21" customHeight="1" x14ac:dyDescent="0.2">
      <c r="B8" s="106" t="s">
        <v>6</v>
      </c>
      <c r="C8" s="191">
        <v>0</v>
      </c>
      <c r="D8" s="191">
        <v>0</v>
      </c>
      <c r="E8" s="196">
        <v>0</v>
      </c>
      <c r="F8" s="193">
        <v>0</v>
      </c>
      <c r="G8" s="191">
        <v>664</v>
      </c>
      <c r="H8" s="191">
        <v>619</v>
      </c>
      <c r="I8" s="191">
        <v>235</v>
      </c>
      <c r="J8" s="191">
        <v>172</v>
      </c>
      <c r="K8" s="191">
        <v>131</v>
      </c>
      <c r="L8" s="196">
        <v>1821</v>
      </c>
      <c r="M8" s="195">
        <v>1821</v>
      </c>
      <c r="N8" s="191">
        <v>0</v>
      </c>
      <c r="O8" s="191">
        <v>0</v>
      </c>
      <c r="P8" s="196">
        <v>0</v>
      </c>
      <c r="Q8" s="193">
        <v>0</v>
      </c>
      <c r="R8" s="191">
        <v>121</v>
      </c>
      <c r="S8" s="191">
        <v>153</v>
      </c>
      <c r="T8" s="191">
        <v>124</v>
      </c>
      <c r="U8" s="191">
        <v>76</v>
      </c>
      <c r="V8" s="191">
        <v>46</v>
      </c>
      <c r="W8" s="196">
        <v>520</v>
      </c>
      <c r="X8" s="195">
        <v>520</v>
      </c>
    </row>
    <row r="9" spans="2:24" ht="21" customHeight="1" x14ac:dyDescent="0.2">
      <c r="B9" s="106" t="s">
        <v>14</v>
      </c>
      <c r="C9" s="191">
        <v>0</v>
      </c>
      <c r="D9" s="191">
        <v>0</v>
      </c>
      <c r="E9" s="196">
        <v>0</v>
      </c>
      <c r="F9" s="193">
        <v>0</v>
      </c>
      <c r="G9" s="191">
        <v>565</v>
      </c>
      <c r="H9" s="191">
        <v>612</v>
      </c>
      <c r="I9" s="191">
        <v>303</v>
      </c>
      <c r="J9" s="191">
        <v>133</v>
      </c>
      <c r="K9" s="191">
        <v>8</v>
      </c>
      <c r="L9" s="196">
        <v>1621</v>
      </c>
      <c r="M9" s="195">
        <v>1621</v>
      </c>
      <c r="N9" s="191">
        <v>0</v>
      </c>
      <c r="O9" s="191">
        <v>0</v>
      </c>
      <c r="P9" s="196">
        <v>0</v>
      </c>
      <c r="Q9" s="193">
        <v>0</v>
      </c>
      <c r="R9" s="191">
        <v>17</v>
      </c>
      <c r="S9" s="191">
        <v>22</v>
      </c>
      <c r="T9" s="191">
        <v>8</v>
      </c>
      <c r="U9" s="191">
        <v>0</v>
      </c>
      <c r="V9" s="191">
        <v>0</v>
      </c>
      <c r="W9" s="196">
        <v>47</v>
      </c>
      <c r="X9" s="195">
        <v>47</v>
      </c>
    </row>
    <row r="10" spans="2:24" ht="21" customHeight="1" x14ac:dyDescent="0.2">
      <c r="B10" s="106" t="s">
        <v>7</v>
      </c>
      <c r="C10" s="191">
        <v>0</v>
      </c>
      <c r="D10" s="191">
        <v>0</v>
      </c>
      <c r="E10" s="196">
        <v>0</v>
      </c>
      <c r="F10" s="193">
        <v>0</v>
      </c>
      <c r="G10" s="191">
        <v>449</v>
      </c>
      <c r="H10" s="191">
        <v>431</v>
      </c>
      <c r="I10" s="191">
        <v>139</v>
      </c>
      <c r="J10" s="191">
        <v>29</v>
      </c>
      <c r="K10" s="191">
        <v>4</v>
      </c>
      <c r="L10" s="196">
        <v>1052</v>
      </c>
      <c r="M10" s="195">
        <v>1052</v>
      </c>
      <c r="N10" s="191">
        <v>0</v>
      </c>
      <c r="O10" s="191">
        <v>0</v>
      </c>
      <c r="P10" s="196">
        <v>0</v>
      </c>
      <c r="Q10" s="193">
        <v>0</v>
      </c>
      <c r="R10" s="191">
        <v>45</v>
      </c>
      <c r="S10" s="191">
        <v>27</v>
      </c>
      <c r="T10" s="191">
        <v>55</v>
      </c>
      <c r="U10" s="191">
        <v>42</v>
      </c>
      <c r="V10" s="191">
        <v>22</v>
      </c>
      <c r="W10" s="196">
        <v>191</v>
      </c>
      <c r="X10" s="195">
        <v>191</v>
      </c>
    </row>
    <row r="11" spans="2:24" ht="21" customHeight="1" x14ac:dyDescent="0.2">
      <c r="B11" s="106" t="s">
        <v>8</v>
      </c>
      <c r="C11" s="191">
        <v>0</v>
      </c>
      <c r="D11" s="191">
        <v>0</v>
      </c>
      <c r="E11" s="196">
        <v>0</v>
      </c>
      <c r="F11" s="193">
        <v>0</v>
      </c>
      <c r="G11" s="191">
        <v>192</v>
      </c>
      <c r="H11" s="191">
        <v>314</v>
      </c>
      <c r="I11" s="191">
        <v>67</v>
      </c>
      <c r="J11" s="191">
        <v>46</v>
      </c>
      <c r="K11" s="191">
        <v>12</v>
      </c>
      <c r="L11" s="196">
        <v>631</v>
      </c>
      <c r="M11" s="195">
        <v>631</v>
      </c>
      <c r="N11" s="191">
        <v>0</v>
      </c>
      <c r="O11" s="191">
        <v>0</v>
      </c>
      <c r="P11" s="196">
        <v>0</v>
      </c>
      <c r="Q11" s="193">
        <v>0</v>
      </c>
      <c r="R11" s="191">
        <v>0</v>
      </c>
      <c r="S11" s="191">
        <v>0</v>
      </c>
      <c r="T11" s="191">
        <v>0</v>
      </c>
      <c r="U11" s="191">
        <v>5</v>
      </c>
      <c r="V11" s="191">
        <v>0</v>
      </c>
      <c r="W11" s="196">
        <v>5</v>
      </c>
      <c r="X11" s="195">
        <v>5</v>
      </c>
    </row>
    <row r="12" spans="2:24" ht="21" customHeight="1" x14ac:dyDescent="0.2">
      <c r="B12" s="106" t="s">
        <v>9</v>
      </c>
      <c r="C12" s="191">
        <v>0</v>
      </c>
      <c r="D12" s="191">
        <v>0</v>
      </c>
      <c r="E12" s="196">
        <v>0</v>
      </c>
      <c r="F12" s="193">
        <v>0</v>
      </c>
      <c r="G12" s="191">
        <v>318</v>
      </c>
      <c r="H12" s="191">
        <v>128</v>
      </c>
      <c r="I12" s="191">
        <v>162</v>
      </c>
      <c r="J12" s="191">
        <v>125</v>
      </c>
      <c r="K12" s="191">
        <v>49</v>
      </c>
      <c r="L12" s="196">
        <v>782</v>
      </c>
      <c r="M12" s="195">
        <v>782</v>
      </c>
      <c r="N12" s="191">
        <v>0</v>
      </c>
      <c r="O12" s="191">
        <v>0</v>
      </c>
      <c r="P12" s="196">
        <v>0</v>
      </c>
      <c r="Q12" s="193">
        <v>0</v>
      </c>
      <c r="R12" s="191">
        <v>0</v>
      </c>
      <c r="S12" s="191">
        <v>0</v>
      </c>
      <c r="T12" s="191">
        <v>0</v>
      </c>
      <c r="U12" s="191">
        <v>0</v>
      </c>
      <c r="V12" s="191">
        <v>13</v>
      </c>
      <c r="W12" s="196">
        <v>13</v>
      </c>
      <c r="X12" s="195">
        <v>13</v>
      </c>
    </row>
    <row r="13" spans="2:24" ht="21" customHeight="1" x14ac:dyDescent="0.2">
      <c r="B13" s="106" t="s">
        <v>10</v>
      </c>
      <c r="C13" s="191">
        <v>0</v>
      </c>
      <c r="D13" s="191">
        <v>0</v>
      </c>
      <c r="E13" s="196">
        <v>0</v>
      </c>
      <c r="F13" s="193">
        <v>0</v>
      </c>
      <c r="G13" s="191">
        <v>298</v>
      </c>
      <c r="H13" s="191">
        <v>113</v>
      </c>
      <c r="I13" s="191">
        <v>40</v>
      </c>
      <c r="J13" s="191">
        <v>61</v>
      </c>
      <c r="K13" s="191">
        <v>24</v>
      </c>
      <c r="L13" s="196">
        <v>536</v>
      </c>
      <c r="M13" s="195">
        <v>536</v>
      </c>
      <c r="N13" s="191">
        <v>0</v>
      </c>
      <c r="O13" s="191">
        <v>0</v>
      </c>
      <c r="P13" s="196">
        <v>0</v>
      </c>
      <c r="Q13" s="193">
        <v>0</v>
      </c>
      <c r="R13" s="191">
        <v>38</v>
      </c>
      <c r="S13" s="191">
        <v>0</v>
      </c>
      <c r="T13" s="191">
        <v>11</v>
      </c>
      <c r="U13" s="191">
        <v>0</v>
      </c>
      <c r="V13" s="191">
        <v>0</v>
      </c>
      <c r="W13" s="196">
        <v>49</v>
      </c>
      <c r="X13" s="195">
        <v>49</v>
      </c>
    </row>
    <row r="14" spans="2:24" ht="21" customHeight="1" x14ac:dyDescent="0.2">
      <c r="B14" s="106" t="s">
        <v>11</v>
      </c>
      <c r="C14" s="191">
        <v>0</v>
      </c>
      <c r="D14" s="191">
        <v>0</v>
      </c>
      <c r="E14" s="196">
        <v>0</v>
      </c>
      <c r="F14" s="193">
        <v>0</v>
      </c>
      <c r="G14" s="191">
        <v>150</v>
      </c>
      <c r="H14" s="191">
        <v>35</v>
      </c>
      <c r="I14" s="191">
        <v>29</v>
      </c>
      <c r="J14" s="191">
        <v>20</v>
      </c>
      <c r="K14" s="191">
        <v>12</v>
      </c>
      <c r="L14" s="196">
        <v>246</v>
      </c>
      <c r="M14" s="195">
        <v>246</v>
      </c>
      <c r="N14" s="191">
        <v>0</v>
      </c>
      <c r="O14" s="191">
        <v>0</v>
      </c>
      <c r="P14" s="196">
        <v>0</v>
      </c>
      <c r="Q14" s="193">
        <v>0</v>
      </c>
      <c r="R14" s="191">
        <v>17</v>
      </c>
      <c r="S14" s="191">
        <v>8</v>
      </c>
      <c r="T14" s="191">
        <v>26</v>
      </c>
      <c r="U14" s="191">
        <v>16</v>
      </c>
      <c r="V14" s="191">
        <v>0</v>
      </c>
      <c r="W14" s="196">
        <v>67</v>
      </c>
      <c r="X14" s="195">
        <v>67</v>
      </c>
    </row>
    <row r="15" spans="2:24" ht="21" customHeight="1" x14ac:dyDescent="0.2">
      <c r="B15" s="106" t="s">
        <v>12</v>
      </c>
      <c r="C15" s="191">
        <v>0</v>
      </c>
      <c r="D15" s="191">
        <v>0</v>
      </c>
      <c r="E15" s="196">
        <v>0</v>
      </c>
      <c r="F15" s="193">
        <v>0</v>
      </c>
      <c r="G15" s="191">
        <v>143</v>
      </c>
      <c r="H15" s="191">
        <v>171</v>
      </c>
      <c r="I15" s="191">
        <v>42</v>
      </c>
      <c r="J15" s="191">
        <v>29</v>
      </c>
      <c r="K15" s="191">
        <v>21</v>
      </c>
      <c r="L15" s="196">
        <v>406</v>
      </c>
      <c r="M15" s="195">
        <v>406</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30</v>
      </c>
      <c r="H16" s="191">
        <v>139</v>
      </c>
      <c r="I16" s="191">
        <v>30</v>
      </c>
      <c r="J16" s="191">
        <v>41</v>
      </c>
      <c r="K16" s="191">
        <v>0</v>
      </c>
      <c r="L16" s="196">
        <v>340</v>
      </c>
      <c r="M16" s="195">
        <v>340</v>
      </c>
      <c r="N16" s="191">
        <v>0</v>
      </c>
      <c r="O16" s="191">
        <v>0</v>
      </c>
      <c r="P16" s="196">
        <v>0</v>
      </c>
      <c r="Q16" s="193">
        <v>0</v>
      </c>
      <c r="R16" s="191">
        <v>0</v>
      </c>
      <c r="S16" s="191">
        <v>0</v>
      </c>
      <c r="T16" s="191">
        <v>29</v>
      </c>
      <c r="U16" s="191">
        <v>0</v>
      </c>
      <c r="V16" s="191">
        <v>11</v>
      </c>
      <c r="W16" s="196">
        <v>40</v>
      </c>
      <c r="X16" s="195">
        <v>40</v>
      </c>
    </row>
    <row r="17" spans="2:24" ht="21" customHeight="1" x14ac:dyDescent="0.2">
      <c r="B17" s="106" t="s">
        <v>15</v>
      </c>
      <c r="C17" s="191">
        <v>0</v>
      </c>
      <c r="D17" s="191">
        <v>0</v>
      </c>
      <c r="E17" s="196">
        <v>0</v>
      </c>
      <c r="F17" s="193">
        <v>0</v>
      </c>
      <c r="G17" s="191">
        <v>61</v>
      </c>
      <c r="H17" s="191">
        <v>57</v>
      </c>
      <c r="I17" s="191">
        <v>3</v>
      </c>
      <c r="J17" s="191">
        <v>15</v>
      </c>
      <c r="K17" s="191">
        <v>0</v>
      </c>
      <c r="L17" s="196">
        <v>136</v>
      </c>
      <c r="M17" s="195">
        <v>136</v>
      </c>
      <c r="N17" s="191">
        <v>0</v>
      </c>
      <c r="O17" s="191">
        <v>0</v>
      </c>
      <c r="P17" s="196">
        <v>0</v>
      </c>
      <c r="Q17" s="193">
        <v>0</v>
      </c>
      <c r="R17" s="191">
        <v>0</v>
      </c>
      <c r="S17" s="191">
        <v>0</v>
      </c>
      <c r="T17" s="191">
        <v>0</v>
      </c>
      <c r="U17" s="191">
        <v>8</v>
      </c>
      <c r="V17" s="191">
        <v>0</v>
      </c>
      <c r="W17" s="196">
        <v>8</v>
      </c>
      <c r="X17" s="195">
        <v>8</v>
      </c>
    </row>
    <row r="18" spans="2:24" ht="21" customHeight="1" x14ac:dyDescent="0.2">
      <c r="B18" s="106" t="s">
        <v>16</v>
      </c>
      <c r="C18" s="191">
        <v>0</v>
      </c>
      <c r="D18" s="191">
        <v>0</v>
      </c>
      <c r="E18" s="196">
        <v>0</v>
      </c>
      <c r="F18" s="193">
        <v>0</v>
      </c>
      <c r="G18" s="191">
        <v>41</v>
      </c>
      <c r="H18" s="191">
        <v>72</v>
      </c>
      <c r="I18" s="191">
        <v>52</v>
      </c>
      <c r="J18" s="191">
        <v>12</v>
      </c>
      <c r="K18" s="191">
        <v>9</v>
      </c>
      <c r="L18" s="196">
        <v>186</v>
      </c>
      <c r="M18" s="195">
        <v>186</v>
      </c>
      <c r="N18" s="191">
        <v>0</v>
      </c>
      <c r="O18" s="191">
        <v>0</v>
      </c>
      <c r="P18" s="196">
        <v>0</v>
      </c>
      <c r="Q18" s="193">
        <v>0</v>
      </c>
      <c r="R18" s="191">
        <v>0</v>
      </c>
      <c r="S18" s="191">
        <v>0</v>
      </c>
      <c r="T18" s="191">
        <v>9</v>
      </c>
      <c r="U18" s="191">
        <v>15</v>
      </c>
      <c r="V18" s="191">
        <v>0</v>
      </c>
      <c r="W18" s="196">
        <v>24</v>
      </c>
      <c r="X18" s="195">
        <v>24</v>
      </c>
    </row>
    <row r="19" spans="2:24" ht="21" customHeight="1" x14ac:dyDescent="0.2">
      <c r="B19" s="106" t="s">
        <v>17</v>
      </c>
      <c r="C19" s="191">
        <v>0</v>
      </c>
      <c r="D19" s="191">
        <v>0</v>
      </c>
      <c r="E19" s="196">
        <v>0</v>
      </c>
      <c r="F19" s="193">
        <v>0</v>
      </c>
      <c r="G19" s="191">
        <v>156</v>
      </c>
      <c r="H19" s="191">
        <v>172</v>
      </c>
      <c r="I19" s="191">
        <v>70</v>
      </c>
      <c r="J19" s="191">
        <v>35</v>
      </c>
      <c r="K19" s="191">
        <v>0</v>
      </c>
      <c r="L19" s="196">
        <v>433</v>
      </c>
      <c r="M19" s="195">
        <v>433</v>
      </c>
      <c r="N19" s="191">
        <v>3</v>
      </c>
      <c r="O19" s="191">
        <v>0</v>
      </c>
      <c r="P19" s="196">
        <v>3</v>
      </c>
      <c r="Q19" s="193">
        <v>0</v>
      </c>
      <c r="R19" s="191">
        <v>3</v>
      </c>
      <c r="S19" s="191">
        <v>10</v>
      </c>
      <c r="T19" s="191">
        <v>7</v>
      </c>
      <c r="U19" s="191">
        <v>0</v>
      </c>
      <c r="V19" s="191">
        <v>0</v>
      </c>
      <c r="W19" s="196">
        <v>20</v>
      </c>
      <c r="X19" s="195">
        <v>23</v>
      </c>
    </row>
    <row r="20" spans="2:24" ht="21" customHeight="1" x14ac:dyDescent="0.2">
      <c r="B20" s="106" t="s">
        <v>18</v>
      </c>
      <c r="C20" s="191">
        <v>0</v>
      </c>
      <c r="D20" s="191">
        <v>0</v>
      </c>
      <c r="E20" s="196">
        <v>0</v>
      </c>
      <c r="F20" s="193">
        <v>0</v>
      </c>
      <c r="G20" s="191">
        <v>136</v>
      </c>
      <c r="H20" s="191">
        <v>135</v>
      </c>
      <c r="I20" s="191">
        <v>35</v>
      </c>
      <c r="J20" s="191">
        <v>0</v>
      </c>
      <c r="K20" s="191">
        <v>25</v>
      </c>
      <c r="L20" s="196">
        <v>331</v>
      </c>
      <c r="M20" s="195">
        <v>331</v>
      </c>
      <c r="N20" s="191">
        <v>0</v>
      </c>
      <c r="O20" s="191">
        <v>0</v>
      </c>
      <c r="P20" s="196">
        <v>0</v>
      </c>
      <c r="Q20" s="193">
        <v>0</v>
      </c>
      <c r="R20" s="191">
        <v>0</v>
      </c>
      <c r="S20" s="191">
        <v>6</v>
      </c>
      <c r="T20" s="191">
        <v>49</v>
      </c>
      <c r="U20" s="191">
        <v>0</v>
      </c>
      <c r="V20" s="191">
        <v>20</v>
      </c>
      <c r="W20" s="196">
        <v>75</v>
      </c>
      <c r="X20" s="195">
        <v>75</v>
      </c>
    </row>
    <row r="21" spans="2:24" ht="21" customHeight="1" x14ac:dyDescent="0.2">
      <c r="B21" s="106" t="s">
        <v>19</v>
      </c>
      <c r="C21" s="191">
        <v>0</v>
      </c>
      <c r="D21" s="191">
        <v>0</v>
      </c>
      <c r="E21" s="196">
        <v>0</v>
      </c>
      <c r="F21" s="193">
        <v>0</v>
      </c>
      <c r="G21" s="191">
        <v>72</v>
      </c>
      <c r="H21" s="191">
        <v>39</v>
      </c>
      <c r="I21" s="191">
        <v>4</v>
      </c>
      <c r="J21" s="191">
        <v>0</v>
      </c>
      <c r="K21" s="191">
        <v>0</v>
      </c>
      <c r="L21" s="196">
        <v>115</v>
      </c>
      <c r="M21" s="195">
        <v>115</v>
      </c>
      <c r="N21" s="191">
        <v>0</v>
      </c>
      <c r="O21" s="191">
        <v>0</v>
      </c>
      <c r="P21" s="196">
        <v>0</v>
      </c>
      <c r="Q21" s="193">
        <v>0</v>
      </c>
      <c r="R21" s="191">
        <v>10</v>
      </c>
      <c r="S21" s="191">
        <v>12</v>
      </c>
      <c r="T21" s="191">
        <v>16</v>
      </c>
      <c r="U21" s="191">
        <v>0</v>
      </c>
      <c r="V21" s="191">
        <v>0</v>
      </c>
      <c r="W21" s="196">
        <v>38</v>
      </c>
      <c r="X21" s="195">
        <v>38</v>
      </c>
    </row>
    <row r="22" spans="2:24" ht="21" customHeight="1" x14ac:dyDescent="0.2">
      <c r="B22" s="106" t="s">
        <v>20</v>
      </c>
      <c r="C22" s="191">
        <v>0</v>
      </c>
      <c r="D22" s="191">
        <v>0</v>
      </c>
      <c r="E22" s="196">
        <v>0</v>
      </c>
      <c r="F22" s="193">
        <v>0</v>
      </c>
      <c r="G22" s="191">
        <v>104</v>
      </c>
      <c r="H22" s="191">
        <v>120</v>
      </c>
      <c r="I22" s="191">
        <v>28</v>
      </c>
      <c r="J22" s="191">
        <v>11</v>
      </c>
      <c r="K22" s="191">
        <v>0</v>
      </c>
      <c r="L22" s="196">
        <v>263</v>
      </c>
      <c r="M22" s="195">
        <v>263</v>
      </c>
      <c r="N22" s="191">
        <v>0</v>
      </c>
      <c r="O22" s="191">
        <v>0</v>
      </c>
      <c r="P22" s="196">
        <v>0</v>
      </c>
      <c r="Q22" s="193">
        <v>0</v>
      </c>
      <c r="R22" s="191">
        <v>0</v>
      </c>
      <c r="S22" s="191">
        <v>0</v>
      </c>
      <c r="T22" s="191">
        <v>0</v>
      </c>
      <c r="U22" s="191">
        <v>2</v>
      </c>
      <c r="V22" s="191">
        <v>0</v>
      </c>
      <c r="W22" s="196">
        <v>2</v>
      </c>
      <c r="X22" s="195">
        <v>2</v>
      </c>
    </row>
    <row r="23" spans="2:24" ht="21" customHeight="1" x14ac:dyDescent="0.2">
      <c r="B23" s="106" t="s">
        <v>21</v>
      </c>
      <c r="C23" s="191">
        <v>0</v>
      </c>
      <c r="D23" s="191">
        <v>0</v>
      </c>
      <c r="E23" s="196">
        <v>0</v>
      </c>
      <c r="F23" s="193">
        <v>0</v>
      </c>
      <c r="G23" s="191">
        <v>139</v>
      </c>
      <c r="H23" s="191">
        <v>42</v>
      </c>
      <c r="I23" s="191">
        <v>37</v>
      </c>
      <c r="J23" s="191">
        <v>11</v>
      </c>
      <c r="K23" s="191">
        <v>0</v>
      </c>
      <c r="L23" s="196">
        <v>229</v>
      </c>
      <c r="M23" s="195">
        <v>229</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41</v>
      </c>
      <c r="H24" s="191">
        <v>22</v>
      </c>
      <c r="I24" s="191">
        <v>4</v>
      </c>
      <c r="J24" s="191">
        <v>9</v>
      </c>
      <c r="K24" s="191">
        <v>23</v>
      </c>
      <c r="L24" s="196">
        <v>99</v>
      </c>
      <c r="M24" s="195">
        <v>99</v>
      </c>
      <c r="N24" s="191">
        <v>0</v>
      </c>
      <c r="O24" s="191">
        <v>0</v>
      </c>
      <c r="P24" s="196">
        <v>0</v>
      </c>
      <c r="Q24" s="193">
        <v>0</v>
      </c>
      <c r="R24" s="191">
        <v>1</v>
      </c>
      <c r="S24" s="191">
        <v>0</v>
      </c>
      <c r="T24" s="191">
        <v>10</v>
      </c>
      <c r="U24" s="191">
        <v>0</v>
      </c>
      <c r="V24" s="191">
        <v>0</v>
      </c>
      <c r="W24" s="196">
        <v>11</v>
      </c>
      <c r="X24" s="195">
        <v>11</v>
      </c>
    </row>
    <row r="25" spans="2:24" ht="21" customHeight="1" x14ac:dyDescent="0.2">
      <c r="B25" s="106" t="s">
        <v>23</v>
      </c>
      <c r="C25" s="191">
        <v>0</v>
      </c>
      <c r="D25" s="191">
        <v>0</v>
      </c>
      <c r="E25" s="196">
        <v>0</v>
      </c>
      <c r="F25" s="193">
        <v>0</v>
      </c>
      <c r="G25" s="191">
        <v>21</v>
      </c>
      <c r="H25" s="191">
        <v>14</v>
      </c>
      <c r="I25" s="191">
        <v>29</v>
      </c>
      <c r="J25" s="191">
        <v>0</v>
      </c>
      <c r="K25" s="191">
        <v>0</v>
      </c>
      <c r="L25" s="196">
        <v>64</v>
      </c>
      <c r="M25" s="195">
        <v>64</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7</v>
      </c>
      <c r="H26" s="191">
        <v>12</v>
      </c>
      <c r="I26" s="191">
        <v>13</v>
      </c>
      <c r="J26" s="191">
        <v>0</v>
      </c>
      <c r="K26" s="191">
        <v>0</v>
      </c>
      <c r="L26" s="196">
        <v>32</v>
      </c>
      <c r="M26" s="195">
        <v>32</v>
      </c>
      <c r="N26" s="191">
        <v>0</v>
      </c>
      <c r="O26" s="191">
        <v>0</v>
      </c>
      <c r="P26" s="196">
        <v>0</v>
      </c>
      <c r="Q26" s="193">
        <v>0</v>
      </c>
      <c r="R26" s="191">
        <v>0</v>
      </c>
      <c r="S26" s="191">
        <v>0</v>
      </c>
      <c r="T26" s="191">
        <v>12</v>
      </c>
      <c r="U26" s="191">
        <v>0</v>
      </c>
      <c r="V26" s="191">
        <v>0</v>
      </c>
      <c r="W26" s="196">
        <v>12</v>
      </c>
      <c r="X26" s="195">
        <v>12</v>
      </c>
    </row>
    <row r="27" spans="2:24" ht="21" customHeight="1" x14ac:dyDescent="0.2">
      <c r="B27" s="106" t="s">
        <v>25</v>
      </c>
      <c r="C27" s="191">
        <v>0</v>
      </c>
      <c r="D27" s="191">
        <v>0</v>
      </c>
      <c r="E27" s="196">
        <v>0</v>
      </c>
      <c r="F27" s="193">
        <v>0</v>
      </c>
      <c r="G27" s="191">
        <v>31</v>
      </c>
      <c r="H27" s="191">
        <v>21</v>
      </c>
      <c r="I27" s="191">
        <v>4</v>
      </c>
      <c r="J27" s="191">
        <v>13</v>
      </c>
      <c r="K27" s="191">
        <v>0</v>
      </c>
      <c r="L27" s="196">
        <v>69</v>
      </c>
      <c r="M27" s="195">
        <v>69</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11</v>
      </c>
      <c r="H28" s="191">
        <v>40</v>
      </c>
      <c r="I28" s="191">
        <v>30</v>
      </c>
      <c r="J28" s="191">
        <v>9</v>
      </c>
      <c r="K28" s="191">
        <v>0</v>
      </c>
      <c r="L28" s="196">
        <v>90</v>
      </c>
      <c r="M28" s="195">
        <v>90</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6</v>
      </c>
      <c r="I29" s="191">
        <v>0</v>
      </c>
      <c r="J29" s="191">
        <v>0</v>
      </c>
      <c r="K29" s="191">
        <v>0</v>
      </c>
      <c r="L29" s="196">
        <v>6</v>
      </c>
      <c r="M29" s="195">
        <v>6</v>
      </c>
      <c r="N29" s="191">
        <v>0</v>
      </c>
      <c r="O29" s="191">
        <v>0</v>
      </c>
      <c r="P29" s="196">
        <v>0</v>
      </c>
      <c r="Q29" s="193">
        <v>0</v>
      </c>
      <c r="R29" s="191">
        <v>0</v>
      </c>
      <c r="S29" s="191">
        <v>0</v>
      </c>
      <c r="T29" s="191">
        <v>0</v>
      </c>
      <c r="U29" s="191">
        <v>18</v>
      </c>
      <c r="V29" s="191">
        <v>0</v>
      </c>
      <c r="W29" s="196">
        <v>18</v>
      </c>
      <c r="X29" s="195">
        <v>18</v>
      </c>
    </row>
    <row r="30" spans="2:24" ht="21" customHeight="1" x14ac:dyDescent="0.2">
      <c r="B30" s="106" t="s">
        <v>28</v>
      </c>
      <c r="C30" s="191">
        <v>0</v>
      </c>
      <c r="D30" s="191">
        <v>0</v>
      </c>
      <c r="E30" s="196">
        <v>0</v>
      </c>
      <c r="F30" s="193">
        <v>0</v>
      </c>
      <c r="G30" s="191">
        <v>29</v>
      </c>
      <c r="H30" s="191">
        <v>0</v>
      </c>
      <c r="I30" s="191">
        <v>0</v>
      </c>
      <c r="J30" s="191">
        <v>0</v>
      </c>
      <c r="K30" s="191">
        <v>0</v>
      </c>
      <c r="L30" s="196">
        <v>29</v>
      </c>
      <c r="M30" s="195">
        <v>29</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5</v>
      </c>
      <c r="I31" s="191">
        <v>0</v>
      </c>
      <c r="J31" s="191">
        <v>0</v>
      </c>
      <c r="K31" s="191">
        <v>0</v>
      </c>
      <c r="L31" s="196">
        <v>15</v>
      </c>
      <c r="M31" s="195">
        <v>15</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8</v>
      </c>
      <c r="H32" s="191">
        <v>0</v>
      </c>
      <c r="I32" s="191">
        <v>0</v>
      </c>
      <c r="J32" s="191">
        <v>0</v>
      </c>
      <c r="K32" s="191">
        <v>0</v>
      </c>
      <c r="L32" s="196">
        <v>8</v>
      </c>
      <c r="M32" s="195">
        <v>8</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3</v>
      </c>
      <c r="I33" s="191">
        <v>0</v>
      </c>
      <c r="J33" s="191">
        <v>0</v>
      </c>
      <c r="K33" s="191">
        <v>0</v>
      </c>
      <c r="L33" s="196">
        <v>3</v>
      </c>
      <c r="M33" s="195">
        <v>3</v>
      </c>
      <c r="N33" s="191">
        <v>0</v>
      </c>
      <c r="O33" s="191">
        <v>0</v>
      </c>
      <c r="P33" s="196">
        <v>0</v>
      </c>
      <c r="Q33" s="193">
        <v>0</v>
      </c>
      <c r="R33" s="191">
        <v>0</v>
      </c>
      <c r="S33" s="191">
        <v>0</v>
      </c>
      <c r="T33" s="191">
        <v>0</v>
      </c>
      <c r="U33" s="191">
        <v>16</v>
      </c>
      <c r="V33" s="191">
        <v>0</v>
      </c>
      <c r="W33" s="196">
        <v>16</v>
      </c>
      <c r="X33" s="195">
        <v>16</v>
      </c>
    </row>
    <row r="34" spans="2:24" ht="21" customHeight="1" x14ac:dyDescent="0.2">
      <c r="B34" s="106" t="s">
        <v>32</v>
      </c>
      <c r="C34" s="191">
        <v>0</v>
      </c>
      <c r="D34" s="191">
        <v>0</v>
      </c>
      <c r="E34" s="196">
        <v>0</v>
      </c>
      <c r="F34" s="193">
        <v>0</v>
      </c>
      <c r="G34" s="191">
        <v>25</v>
      </c>
      <c r="H34" s="191">
        <v>26</v>
      </c>
      <c r="I34" s="191">
        <v>0</v>
      </c>
      <c r="J34" s="191">
        <v>0</v>
      </c>
      <c r="K34" s="191">
        <v>4</v>
      </c>
      <c r="L34" s="196">
        <v>55</v>
      </c>
      <c r="M34" s="195">
        <v>55</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10</v>
      </c>
      <c r="H35" s="191">
        <v>0</v>
      </c>
      <c r="I35" s="191">
        <v>0</v>
      </c>
      <c r="J35" s="191">
        <v>0</v>
      </c>
      <c r="K35" s="191">
        <v>0</v>
      </c>
      <c r="L35" s="196">
        <v>10</v>
      </c>
      <c r="M35" s="195">
        <v>10</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2</v>
      </c>
      <c r="H36" s="191">
        <v>19</v>
      </c>
      <c r="I36" s="191">
        <v>0</v>
      </c>
      <c r="J36" s="191">
        <v>0</v>
      </c>
      <c r="K36" s="191">
        <v>0</v>
      </c>
      <c r="L36" s="196">
        <v>31</v>
      </c>
      <c r="M36" s="195">
        <v>31</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6</v>
      </c>
      <c r="H38" s="191">
        <v>6</v>
      </c>
      <c r="I38" s="191">
        <v>0</v>
      </c>
      <c r="J38" s="191">
        <v>0</v>
      </c>
      <c r="K38" s="191">
        <v>0</v>
      </c>
      <c r="L38" s="196">
        <v>22</v>
      </c>
      <c r="M38" s="195">
        <v>2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8</v>
      </c>
      <c r="K1" s="445">
        <f>IF(J1&lt;3,J1+12-2,J1-2)</f>
        <v>6</v>
      </c>
      <c r="L1" s="445"/>
    </row>
    <row r="2" spans="2:24" ht="24" customHeight="1" thickBot="1" x14ac:dyDescent="0.25">
      <c r="B2" s="142" t="s">
        <v>152</v>
      </c>
    </row>
    <row r="3" spans="2:24" ht="21" customHeight="1" x14ac:dyDescent="0.2">
      <c r="B3" s="471"/>
      <c r="C3" s="472" t="s">
        <v>139</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5664</v>
      </c>
      <c r="H6" s="184">
        <v>5037</v>
      </c>
      <c r="I6" s="184">
        <v>2824</v>
      </c>
      <c r="J6" s="184">
        <v>1220</v>
      </c>
      <c r="K6" s="184">
        <v>530</v>
      </c>
      <c r="L6" s="189">
        <v>15275</v>
      </c>
      <c r="M6" s="188">
        <v>15275</v>
      </c>
      <c r="N6" s="184">
        <v>10</v>
      </c>
      <c r="O6" s="184">
        <v>0</v>
      </c>
      <c r="P6" s="189">
        <v>10</v>
      </c>
      <c r="Q6" s="186">
        <v>0</v>
      </c>
      <c r="R6" s="184">
        <v>397</v>
      </c>
      <c r="S6" s="184">
        <v>538</v>
      </c>
      <c r="T6" s="184">
        <v>764</v>
      </c>
      <c r="U6" s="184">
        <v>143</v>
      </c>
      <c r="V6" s="184">
        <v>248</v>
      </c>
      <c r="W6" s="189">
        <v>2090</v>
      </c>
      <c r="X6" s="188">
        <v>2100</v>
      </c>
    </row>
    <row r="7" spans="2:24" ht="21" customHeight="1" x14ac:dyDescent="0.2">
      <c r="B7" s="95" t="s">
        <v>5</v>
      </c>
      <c r="C7" s="191">
        <v>0</v>
      </c>
      <c r="D7" s="191">
        <v>0</v>
      </c>
      <c r="E7" s="196">
        <v>0</v>
      </c>
      <c r="F7" s="193">
        <v>0</v>
      </c>
      <c r="G7" s="191">
        <v>2052</v>
      </c>
      <c r="H7" s="191">
        <v>2713</v>
      </c>
      <c r="I7" s="191">
        <v>1526</v>
      </c>
      <c r="J7" s="191">
        <v>530</v>
      </c>
      <c r="K7" s="191">
        <v>194</v>
      </c>
      <c r="L7" s="196">
        <v>7015</v>
      </c>
      <c r="M7" s="195">
        <v>7015</v>
      </c>
      <c r="N7" s="191">
        <v>4</v>
      </c>
      <c r="O7" s="191">
        <v>0</v>
      </c>
      <c r="P7" s="196">
        <v>4</v>
      </c>
      <c r="Q7" s="193">
        <v>0</v>
      </c>
      <c r="R7" s="191">
        <v>216</v>
      </c>
      <c r="S7" s="191">
        <v>225</v>
      </c>
      <c r="T7" s="191">
        <v>440</v>
      </c>
      <c r="U7" s="191">
        <v>69</v>
      </c>
      <c r="V7" s="191">
        <v>187</v>
      </c>
      <c r="W7" s="196">
        <v>1137</v>
      </c>
      <c r="X7" s="195">
        <v>1141</v>
      </c>
    </row>
    <row r="8" spans="2:24" ht="21" customHeight="1" x14ac:dyDescent="0.2">
      <c r="B8" s="106" t="s">
        <v>6</v>
      </c>
      <c r="C8" s="191">
        <v>0</v>
      </c>
      <c r="D8" s="191">
        <v>0</v>
      </c>
      <c r="E8" s="196">
        <v>0</v>
      </c>
      <c r="F8" s="193">
        <v>0</v>
      </c>
      <c r="G8" s="191">
        <v>918</v>
      </c>
      <c r="H8" s="191">
        <v>688</v>
      </c>
      <c r="I8" s="191">
        <v>339</v>
      </c>
      <c r="J8" s="191">
        <v>158</v>
      </c>
      <c r="K8" s="191">
        <v>102</v>
      </c>
      <c r="L8" s="196">
        <v>2205</v>
      </c>
      <c r="M8" s="195">
        <v>2205</v>
      </c>
      <c r="N8" s="191">
        <v>0</v>
      </c>
      <c r="O8" s="191">
        <v>0</v>
      </c>
      <c r="P8" s="196">
        <v>0</v>
      </c>
      <c r="Q8" s="193">
        <v>0</v>
      </c>
      <c r="R8" s="191">
        <v>93</v>
      </c>
      <c r="S8" s="191">
        <v>212</v>
      </c>
      <c r="T8" s="191">
        <v>225</v>
      </c>
      <c r="U8" s="191">
        <v>12</v>
      </c>
      <c r="V8" s="191">
        <v>55</v>
      </c>
      <c r="W8" s="196">
        <v>597</v>
      </c>
      <c r="X8" s="195">
        <v>597</v>
      </c>
    </row>
    <row r="9" spans="2:24" ht="21" customHeight="1" x14ac:dyDescent="0.2">
      <c r="B9" s="106" t="s">
        <v>14</v>
      </c>
      <c r="C9" s="191">
        <v>0</v>
      </c>
      <c r="D9" s="191">
        <v>0</v>
      </c>
      <c r="E9" s="196">
        <v>0</v>
      </c>
      <c r="F9" s="193">
        <v>0</v>
      </c>
      <c r="G9" s="191">
        <v>368</v>
      </c>
      <c r="H9" s="191">
        <v>411</v>
      </c>
      <c r="I9" s="191">
        <v>196</v>
      </c>
      <c r="J9" s="191">
        <v>73</v>
      </c>
      <c r="K9" s="191">
        <v>11</v>
      </c>
      <c r="L9" s="196">
        <v>1059</v>
      </c>
      <c r="M9" s="195">
        <v>1059</v>
      </c>
      <c r="N9" s="191">
        <v>0</v>
      </c>
      <c r="O9" s="191">
        <v>0</v>
      </c>
      <c r="P9" s="196">
        <v>0</v>
      </c>
      <c r="Q9" s="193">
        <v>0</v>
      </c>
      <c r="R9" s="191">
        <v>0</v>
      </c>
      <c r="S9" s="191">
        <v>11</v>
      </c>
      <c r="T9" s="191">
        <v>0</v>
      </c>
      <c r="U9" s="191">
        <v>3</v>
      </c>
      <c r="V9" s="191">
        <v>0</v>
      </c>
      <c r="W9" s="196">
        <v>14</v>
      </c>
      <c r="X9" s="195">
        <v>14</v>
      </c>
    </row>
    <row r="10" spans="2:24" ht="21" customHeight="1" x14ac:dyDescent="0.2">
      <c r="B10" s="106" t="s">
        <v>7</v>
      </c>
      <c r="C10" s="191">
        <v>0</v>
      </c>
      <c r="D10" s="191">
        <v>0</v>
      </c>
      <c r="E10" s="196">
        <v>0</v>
      </c>
      <c r="F10" s="193">
        <v>0</v>
      </c>
      <c r="G10" s="191">
        <v>291</v>
      </c>
      <c r="H10" s="191">
        <v>151</v>
      </c>
      <c r="I10" s="191">
        <v>61</v>
      </c>
      <c r="J10" s="191">
        <v>49</v>
      </c>
      <c r="K10" s="191">
        <v>8</v>
      </c>
      <c r="L10" s="196">
        <v>560</v>
      </c>
      <c r="M10" s="195">
        <v>560</v>
      </c>
      <c r="N10" s="191">
        <v>0</v>
      </c>
      <c r="O10" s="191">
        <v>0</v>
      </c>
      <c r="P10" s="196">
        <v>0</v>
      </c>
      <c r="Q10" s="193">
        <v>0</v>
      </c>
      <c r="R10" s="191">
        <v>16</v>
      </c>
      <c r="S10" s="191">
        <v>36</v>
      </c>
      <c r="T10" s="191">
        <v>37</v>
      </c>
      <c r="U10" s="191">
        <v>15</v>
      </c>
      <c r="V10" s="191">
        <v>0</v>
      </c>
      <c r="W10" s="196">
        <v>104</v>
      </c>
      <c r="X10" s="195">
        <v>104</v>
      </c>
    </row>
    <row r="11" spans="2:24" ht="21" customHeight="1" x14ac:dyDescent="0.2">
      <c r="B11" s="106" t="s">
        <v>8</v>
      </c>
      <c r="C11" s="191">
        <v>0</v>
      </c>
      <c r="D11" s="191">
        <v>0</v>
      </c>
      <c r="E11" s="196">
        <v>0</v>
      </c>
      <c r="F11" s="193">
        <v>0</v>
      </c>
      <c r="G11" s="191">
        <v>235</v>
      </c>
      <c r="H11" s="191">
        <v>143</v>
      </c>
      <c r="I11" s="191">
        <v>63</v>
      </c>
      <c r="J11" s="191">
        <v>18</v>
      </c>
      <c r="K11" s="191">
        <v>8</v>
      </c>
      <c r="L11" s="196">
        <v>467</v>
      </c>
      <c r="M11" s="195">
        <v>467</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270</v>
      </c>
      <c r="H12" s="191">
        <v>210</v>
      </c>
      <c r="I12" s="191">
        <v>170</v>
      </c>
      <c r="J12" s="191">
        <v>101</v>
      </c>
      <c r="K12" s="191">
        <v>40</v>
      </c>
      <c r="L12" s="196">
        <v>791</v>
      </c>
      <c r="M12" s="195">
        <v>791</v>
      </c>
      <c r="N12" s="191">
        <v>0</v>
      </c>
      <c r="O12" s="191">
        <v>0</v>
      </c>
      <c r="P12" s="196">
        <v>0</v>
      </c>
      <c r="Q12" s="193">
        <v>0</v>
      </c>
      <c r="R12" s="191">
        <v>0</v>
      </c>
      <c r="S12" s="191">
        <v>8</v>
      </c>
      <c r="T12" s="191">
        <v>11</v>
      </c>
      <c r="U12" s="191">
        <v>0</v>
      </c>
      <c r="V12" s="191">
        <v>0</v>
      </c>
      <c r="W12" s="196">
        <v>19</v>
      </c>
      <c r="X12" s="195">
        <v>19</v>
      </c>
    </row>
    <row r="13" spans="2:24" ht="21" customHeight="1" x14ac:dyDescent="0.2">
      <c r="B13" s="106" t="s">
        <v>10</v>
      </c>
      <c r="C13" s="191">
        <v>0</v>
      </c>
      <c r="D13" s="191">
        <v>0</v>
      </c>
      <c r="E13" s="196">
        <v>0</v>
      </c>
      <c r="F13" s="193">
        <v>0</v>
      </c>
      <c r="G13" s="191">
        <v>296</v>
      </c>
      <c r="H13" s="191">
        <v>105</v>
      </c>
      <c r="I13" s="191">
        <v>39</v>
      </c>
      <c r="J13" s="191">
        <v>40</v>
      </c>
      <c r="K13" s="191">
        <v>1</v>
      </c>
      <c r="L13" s="196">
        <v>481</v>
      </c>
      <c r="M13" s="195">
        <v>481</v>
      </c>
      <c r="N13" s="191">
        <v>0</v>
      </c>
      <c r="O13" s="191">
        <v>0</v>
      </c>
      <c r="P13" s="196">
        <v>0</v>
      </c>
      <c r="Q13" s="193">
        <v>0</v>
      </c>
      <c r="R13" s="191">
        <v>16</v>
      </c>
      <c r="S13" s="191">
        <v>0</v>
      </c>
      <c r="T13" s="191">
        <v>15</v>
      </c>
      <c r="U13" s="191">
        <v>25</v>
      </c>
      <c r="V13" s="191">
        <v>0</v>
      </c>
      <c r="W13" s="196">
        <v>56</v>
      </c>
      <c r="X13" s="195">
        <v>56</v>
      </c>
    </row>
    <row r="14" spans="2:24" ht="21" customHeight="1" x14ac:dyDescent="0.2">
      <c r="B14" s="106" t="s">
        <v>11</v>
      </c>
      <c r="C14" s="191">
        <v>0</v>
      </c>
      <c r="D14" s="191">
        <v>0</v>
      </c>
      <c r="E14" s="196">
        <v>0</v>
      </c>
      <c r="F14" s="193">
        <v>0</v>
      </c>
      <c r="G14" s="191">
        <v>207</v>
      </c>
      <c r="H14" s="191">
        <v>77</v>
      </c>
      <c r="I14" s="191">
        <v>21</v>
      </c>
      <c r="J14" s="191">
        <v>40</v>
      </c>
      <c r="K14" s="191">
        <v>25</v>
      </c>
      <c r="L14" s="196">
        <v>370</v>
      </c>
      <c r="M14" s="195">
        <v>370</v>
      </c>
      <c r="N14" s="191">
        <v>0</v>
      </c>
      <c r="O14" s="191">
        <v>0</v>
      </c>
      <c r="P14" s="196">
        <v>0</v>
      </c>
      <c r="Q14" s="193">
        <v>0</v>
      </c>
      <c r="R14" s="191">
        <v>25</v>
      </c>
      <c r="S14" s="191">
        <v>0</v>
      </c>
      <c r="T14" s="191">
        <v>0</v>
      </c>
      <c r="U14" s="191">
        <v>0</v>
      </c>
      <c r="V14" s="191">
        <v>0</v>
      </c>
      <c r="W14" s="196">
        <v>25</v>
      </c>
      <c r="X14" s="195">
        <v>25</v>
      </c>
    </row>
    <row r="15" spans="2:24" ht="21" customHeight="1" x14ac:dyDescent="0.2">
      <c r="B15" s="106" t="s">
        <v>12</v>
      </c>
      <c r="C15" s="191">
        <v>0</v>
      </c>
      <c r="D15" s="191">
        <v>0</v>
      </c>
      <c r="E15" s="196">
        <v>0</v>
      </c>
      <c r="F15" s="193">
        <v>0</v>
      </c>
      <c r="G15" s="191">
        <v>111</v>
      </c>
      <c r="H15" s="191">
        <v>72</v>
      </c>
      <c r="I15" s="191">
        <v>42</v>
      </c>
      <c r="J15" s="191">
        <v>53</v>
      </c>
      <c r="K15" s="191">
        <v>72</v>
      </c>
      <c r="L15" s="196">
        <v>350</v>
      </c>
      <c r="M15" s="195">
        <v>350</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65</v>
      </c>
      <c r="H16" s="191">
        <v>81</v>
      </c>
      <c r="I16" s="191">
        <v>86</v>
      </c>
      <c r="J16" s="191">
        <v>14</v>
      </c>
      <c r="K16" s="191">
        <v>21</v>
      </c>
      <c r="L16" s="196">
        <v>267</v>
      </c>
      <c r="M16" s="195">
        <v>267</v>
      </c>
      <c r="N16" s="191">
        <v>0</v>
      </c>
      <c r="O16" s="191">
        <v>0</v>
      </c>
      <c r="P16" s="196">
        <v>0</v>
      </c>
      <c r="Q16" s="193">
        <v>0</v>
      </c>
      <c r="R16" s="191">
        <v>0</v>
      </c>
      <c r="S16" s="191">
        <v>12</v>
      </c>
      <c r="T16" s="191">
        <v>0</v>
      </c>
      <c r="U16" s="191">
        <v>0</v>
      </c>
      <c r="V16" s="191">
        <v>0</v>
      </c>
      <c r="W16" s="196">
        <v>12</v>
      </c>
      <c r="X16" s="195">
        <v>12</v>
      </c>
    </row>
    <row r="17" spans="2:24" ht="21" customHeight="1" x14ac:dyDescent="0.2">
      <c r="B17" s="106" t="s">
        <v>15</v>
      </c>
      <c r="C17" s="191">
        <v>0</v>
      </c>
      <c r="D17" s="191">
        <v>0</v>
      </c>
      <c r="E17" s="196">
        <v>0</v>
      </c>
      <c r="F17" s="193">
        <v>0</v>
      </c>
      <c r="G17" s="191">
        <v>44</v>
      </c>
      <c r="H17" s="191">
        <v>60</v>
      </c>
      <c r="I17" s="191">
        <v>18</v>
      </c>
      <c r="J17" s="191">
        <v>12</v>
      </c>
      <c r="K17" s="191">
        <v>13</v>
      </c>
      <c r="L17" s="196">
        <v>147</v>
      </c>
      <c r="M17" s="195">
        <v>147</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55</v>
      </c>
      <c r="H18" s="191">
        <v>69</v>
      </c>
      <c r="I18" s="191">
        <v>62</v>
      </c>
      <c r="J18" s="191">
        <v>2</v>
      </c>
      <c r="K18" s="191">
        <v>0</v>
      </c>
      <c r="L18" s="196">
        <v>188</v>
      </c>
      <c r="M18" s="195">
        <v>188</v>
      </c>
      <c r="N18" s="191">
        <v>0</v>
      </c>
      <c r="O18" s="191">
        <v>0</v>
      </c>
      <c r="P18" s="196">
        <v>0</v>
      </c>
      <c r="Q18" s="193">
        <v>0</v>
      </c>
      <c r="R18" s="191">
        <v>5</v>
      </c>
      <c r="S18" s="191">
        <v>12</v>
      </c>
      <c r="T18" s="191">
        <v>0</v>
      </c>
      <c r="U18" s="191">
        <v>0</v>
      </c>
      <c r="V18" s="191">
        <v>0</v>
      </c>
      <c r="W18" s="196">
        <v>17</v>
      </c>
      <c r="X18" s="195">
        <v>17</v>
      </c>
    </row>
    <row r="19" spans="2:24" ht="21" customHeight="1" x14ac:dyDescent="0.2">
      <c r="B19" s="106" t="s">
        <v>17</v>
      </c>
      <c r="C19" s="191">
        <v>0</v>
      </c>
      <c r="D19" s="191">
        <v>0</v>
      </c>
      <c r="E19" s="196">
        <v>0</v>
      </c>
      <c r="F19" s="193">
        <v>0</v>
      </c>
      <c r="G19" s="191">
        <v>180</v>
      </c>
      <c r="H19" s="191">
        <v>93</v>
      </c>
      <c r="I19" s="191">
        <v>120</v>
      </c>
      <c r="J19" s="191">
        <v>13</v>
      </c>
      <c r="K19" s="191">
        <v>8</v>
      </c>
      <c r="L19" s="196">
        <v>414</v>
      </c>
      <c r="M19" s="195">
        <v>414</v>
      </c>
      <c r="N19" s="191">
        <v>0</v>
      </c>
      <c r="O19" s="191">
        <v>0</v>
      </c>
      <c r="P19" s="196">
        <v>0</v>
      </c>
      <c r="Q19" s="193">
        <v>0</v>
      </c>
      <c r="R19" s="191">
        <v>10</v>
      </c>
      <c r="S19" s="191">
        <v>6</v>
      </c>
      <c r="T19" s="191">
        <v>0</v>
      </c>
      <c r="U19" s="191">
        <v>0</v>
      </c>
      <c r="V19" s="191">
        <v>0</v>
      </c>
      <c r="W19" s="196">
        <v>16</v>
      </c>
      <c r="X19" s="195">
        <v>16</v>
      </c>
    </row>
    <row r="20" spans="2:24" ht="21" customHeight="1" x14ac:dyDescent="0.2">
      <c r="B20" s="106" t="s">
        <v>18</v>
      </c>
      <c r="C20" s="191">
        <v>0</v>
      </c>
      <c r="D20" s="191">
        <v>0</v>
      </c>
      <c r="E20" s="196">
        <v>0</v>
      </c>
      <c r="F20" s="193">
        <v>0</v>
      </c>
      <c r="G20" s="191">
        <v>135</v>
      </c>
      <c r="H20" s="191">
        <v>48</v>
      </c>
      <c r="I20" s="191">
        <v>29</v>
      </c>
      <c r="J20" s="191">
        <v>21</v>
      </c>
      <c r="K20" s="191">
        <v>13</v>
      </c>
      <c r="L20" s="196">
        <v>246</v>
      </c>
      <c r="M20" s="195">
        <v>246</v>
      </c>
      <c r="N20" s="191">
        <v>0</v>
      </c>
      <c r="O20" s="191">
        <v>0</v>
      </c>
      <c r="P20" s="196">
        <v>0</v>
      </c>
      <c r="Q20" s="193">
        <v>0</v>
      </c>
      <c r="R20" s="191">
        <v>0</v>
      </c>
      <c r="S20" s="191">
        <v>0</v>
      </c>
      <c r="T20" s="191">
        <v>0</v>
      </c>
      <c r="U20" s="191">
        <v>19</v>
      </c>
      <c r="V20" s="191">
        <v>0</v>
      </c>
      <c r="W20" s="196">
        <v>19</v>
      </c>
      <c r="X20" s="195">
        <v>19</v>
      </c>
    </row>
    <row r="21" spans="2:24" ht="21" customHeight="1" x14ac:dyDescent="0.2">
      <c r="B21" s="106" t="s">
        <v>19</v>
      </c>
      <c r="C21" s="191">
        <v>0</v>
      </c>
      <c r="D21" s="191">
        <v>0</v>
      </c>
      <c r="E21" s="196">
        <v>0</v>
      </c>
      <c r="F21" s="193">
        <v>0</v>
      </c>
      <c r="G21" s="191">
        <v>70</v>
      </c>
      <c r="H21" s="191">
        <v>36</v>
      </c>
      <c r="I21" s="191">
        <v>2</v>
      </c>
      <c r="J21" s="191">
        <v>36</v>
      </c>
      <c r="K21" s="191">
        <v>0</v>
      </c>
      <c r="L21" s="196">
        <v>144</v>
      </c>
      <c r="M21" s="195">
        <v>144</v>
      </c>
      <c r="N21" s="191">
        <v>6</v>
      </c>
      <c r="O21" s="191">
        <v>0</v>
      </c>
      <c r="P21" s="196">
        <v>6</v>
      </c>
      <c r="Q21" s="193">
        <v>0</v>
      </c>
      <c r="R21" s="191">
        <v>4</v>
      </c>
      <c r="S21" s="191">
        <v>8</v>
      </c>
      <c r="T21" s="191">
        <v>0</v>
      </c>
      <c r="U21" s="191">
        <v>0</v>
      </c>
      <c r="V21" s="191">
        <v>0</v>
      </c>
      <c r="W21" s="196">
        <v>12</v>
      </c>
      <c r="X21" s="195">
        <v>18</v>
      </c>
    </row>
    <row r="22" spans="2:24" ht="21" customHeight="1" x14ac:dyDescent="0.2">
      <c r="B22" s="106" t="s">
        <v>20</v>
      </c>
      <c r="C22" s="191">
        <v>0</v>
      </c>
      <c r="D22" s="191">
        <v>0</v>
      </c>
      <c r="E22" s="196">
        <v>0</v>
      </c>
      <c r="F22" s="193">
        <v>0</v>
      </c>
      <c r="G22" s="191">
        <v>55</v>
      </c>
      <c r="H22" s="191">
        <v>47</v>
      </c>
      <c r="I22" s="191">
        <v>7</v>
      </c>
      <c r="J22" s="191">
        <v>3</v>
      </c>
      <c r="K22" s="191">
        <v>0</v>
      </c>
      <c r="L22" s="196">
        <v>112</v>
      </c>
      <c r="M22" s="195">
        <v>112</v>
      </c>
      <c r="N22" s="191">
        <v>0</v>
      </c>
      <c r="O22" s="191">
        <v>0</v>
      </c>
      <c r="P22" s="196">
        <v>0</v>
      </c>
      <c r="Q22" s="193">
        <v>0</v>
      </c>
      <c r="R22" s="191">
        <v>0</v>
      </c>
      <c r="S22" s="191">
        <v>0</v>
      </c>
      <c r="T22" s="191">
        <v>7</v>
      </c>
      <c r="U22" s="191">
        <v>0</v>
      </c>
      <c r="V22" s="191">
        <v>0</v>
      </c>
      <c r="W22" s="196">
        <v>7</v>
      </c>
      <c r="X22" s="195">
        <v>7</v>
      </c>
    </row>
    <row r="23" spans="2:24" ht="21" customHeight="1" x14ac:dyDescent="0.2">
      <c r="B23" s="106" t="s">
        <v>21</v>
      </c>
      <c r="C23" s="191">
        <v>0</v>
      </c>
      <c r="D23" s="191">
        <v>0</v>
      </c>
      <c r="E23" s="196">
        <v>0</v>
      </c>
      <c r="F23" s="193">
        <v>0</v>
      </c>
      <c r="G23" s="191">
        <v>89</v>
      </c>
      <c r="H23" s="191">
        <v>-81</v>
      </c>
      <c r="I23" s="191">
        <v>-77</v>
      </c>
      <c r="J23" s="191">
        <v>8</v>
      </c>
      <c r="K23" s="191">
        <v>0</v>
      </c>
      <c r="L23" s="196">
        <v>-61</v>
      </c>
      <c r="M23" s="195">
        <v>-61</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57</v>
      </c>
      <c r="H24" s="191">
        <v>27</v>
      </c>
      <c r="I24" s="191">
        <v>0</v>
      </c>
      <c r="J24" s="191">
        <v>6</v>
      </c>
      <c r="K24" s="191">
        <v>0</v>
      </c>
      <c r="L24" s="196">
        <v>90</v>
      </c>
      <c r="M24" s="195">
        <v>90</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10</v>
      </c>
      <c r="H25" s="191">
        <v>19</v>
      </c>
      <c r="I25" s="191">
        <v>18</v>
      </c>
      <c r="J25" s="191">
        <v>0</v>
      </c>
      <c r="K25" s="191">
        <v>0</v>
      </c>
      <c r="L25" s="196">
        <v>47</v>
      </c>
      <c r="M25" s="195">
        <v>47</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6</v>
      </c>
      <c r="I26" s="191">
        <v>14</v>
      </c>
      <c r="J26" s="191">
        <v>16</v>
      </c>
      <c r="K26" s="191">
        <v>0</v>
      </c>
      <c r="L26" s="196">
        <v>36</v>
      </c>
      <c r="M26" s="195">
        <v>36</v>
      </c>
      <c r="N26" s="191">
        <v>0</v>
      </c>
      <c r="O26" s="191">
        <v>0</v>
      </c>
      <c r="P26" s="196">
        <v>0</v>
      </c>
      <c r="Q26" s="193">
        <v>0</v>
      </c>
      <c r="R26" s="191">
        <v>0</v>
      </c>
      <c r="S26" s="191">
        <v>0</v>
      </c>
      <c r="T26" s="191">
        <v>0</v>
      </c>
      <c r="U26" s="191">
        <v>0</v>
      </c>
      <c r="V26" s="191">
        <v>6</v>
      </c>
      <c r="W26" s="196">
        <v>6</v>
      </c>
      <c r="X26" s="195">
        <v>6</v>
      </c>
    </row>
    <row r="27" spans="2:24" ht="21" customHeight="1" x14ac:dyDescent="0.2">
      <c r="B27" s="106" t="s">
        <v>25</v>
      </c>
      <c r="C27" s="191">
        <v>0</v>
      </c>
      <c r="D27" s="191">
        <v>0</v>
      </c>
      <c r="E27" s="196">
        <v>0</v>
      </c>
      <c r="F27" s="193">
        <v>0</v>
      </c>
      <c r="G27" s="191">
        <v>24</v>
      </c>
      <c r="H27" s="191">
        <v>11</v>
      </c>
      <c r="I27" s="191">
        <v>7</v>
      </c>
      <c r="J27" s="191">
        <v>0</v>
      </c>
      <c r="K27" s="191">
        <v>0</v>
      </c>
      <c r="L27" s="196">
        <v>42</v>
      </c>
      <c r="M27" s="195">
        <v>42</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9</v>
      </c>
      <c r="H28" s="191">
        <v>21</v>
      </c>
      <c r="I28" s="191">
        <v>17</v>
      </c>
      <c r="J28" s="191">
        <v>0</v>
      </c>
      <c r="K28" s="191">
        <v>0</v>
      </c>
      <c r="L28" s="196">
        <v>47</v>
      </c>
      <c r="M28" s="195">
        <v>47</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9</v>
      </c>
      <c r="H29" s="191">
        <v>12</v>
      </c>
      <c r="I29" s="191">
        <v>3</v>
      </c>
      <c r="J29" s="191">
        <v>0</v>
      </c>
      <c r="K29" s="191">
        <v>0</v>
      </c>
      <c r="L29" s="196">
        <v>44</v>
      </c>
      <c r="M29" s="195">
        <v>44</v>
      </c>
      <c r="N29" s="191">
        <v>0</v>
      </c>
      <c r="O29" s="191">
        <v>0</v>
      </c>
      <c r="P29" s="196">
        <v>0</v>
      </c>
      <c r="Q29" s="193">
        <v>0</v>
      </c>
      <c r="R29" s="191">
        <v>0</v>
      </c>
      <c r="S29" s="191">
        <v>4</v>
      </c>
      <c r="T29" s="191">
        <v>8</v>
      </c>
      <c r="U29" s="191">
        <v>0</v>
      </c>
      <c r="V29" s="191">
        <v>0</v>
      </c>
      <c r="W29" s="196">
        <v>12</v>
      </c>
      <c r="X29" s="195">
        <v>12</v>
      </c>
    </row>
    <row r="30" spans="2:24" ht="21" customHeight="1" x14ac:dyDescent="0.2">
      <c r="B30" s="106" t="s">
        <v>28</v>
      </c>
      <c r="C30" s="191">
        <v>0</v>
      </c>
      <c r="D30" s="191">
        <v>0</v>
      </c>
      <c r="E30" s="196">
        <v>0</v>
      </c>
      <c r="F30" s="193">
        <v>0</v>
      </c>
      <c r="G30" s="191">
        <v>41</v>
      </c>
      <c r="H30" s="191">
        <v>7</v>
      </c>
      <c r="I30" s="191">
        <v>0</v>
      </c>
      <c r="J30" s="191">
        <v>0</v>
      </c>
      <c r="K30" s="191">
        <v>0</v>
      </c>
      <c r="L30" s="196">
        <v>48</v>
      </c>
      <c r="M30" s="195">
        <v>48</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8</v>
      </c>
      <c r="H31" s="191">
        <v>0</v>
      </c>
      <c r="I31" s="191">
        <v>14</v>
      </c>
      <c r="J31" s="191">
        <v>2</v>
      </c>
      <c r="K31" s="191">
        <v>0</v>
      </c>
      <c r="L31" s="196">
        <v>24</v>
      </c>
      <c r="M31" s="195">
        <v>24</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14</v>
      </c>
      <c r="K32" s="191">
        <v>0</v>
      </c>
      <c r="L32" s="196">
        <v>14</v>
      </c>
      <c r="M32" s="195">
        <v>14</v>
      </c>
      <c r="N32" s="191">
        <v>0</v>
      </c>
      <c r="O32" s="191">
        <v>0</v>
      </c>
      <c r="P32" s="196">
        <v>0</v>
      </c>
      <c r="Q32" s="193">
        <v>0</v>
      </c>
      <c r="R32" s="191">
        <v>0</v>
      </c>
      <c r="S32" s="191">
        <v>4</v>
      </c>
      <c r="T32" s="191">
        <v>0</v>
      </c>
      <c r="U32" s="191">
        <v>0</v>
      </c>
      <c r="V32" s="191">
        <v>0</v>
      </c>
      <c r="W32" s="196">
        <v>4</v>
      </c>
      <c r="X32" s="195">
        <v>4</v>
      </c>
    </row>
    <row r="33" spans="2:24" ht="21" customHeight="1" x14ac:dyDescent="0.2">
      <c r="B33" s="106" t="s">
        <v>31</v>
      </c>
      <c r="C33" s="191">
        <v>0</v>
      </c>
      <c r="D33" s="191">
        <v>0</v>
      </c>
      <c r="E33" s="196">
        <v>0</v>
      </c>
      <c r="F33" s="193">
        <v>0</v>
      </c>
      <c r="G33" s="191">
        <v>11</v>
      </c>
      <c r="H33" s="191">
        <v>4</v>
      </c>
      <c r="I33" s="191">
        <v>8</v>
      </c>
      <c r="J33" s="191">
        <v>0</v>
      </c>
      <c r="K33" s="191">
        <v>0</v>
      </c>
      <c r="L33" s="196">
        <v>23</v>
      </c>
      <c r="M33" s="195">
        <v>23</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22</v>
      </c>
      <c r="H34" s="191">
        <v>3</v>
      </c>
      <c r="I34" s="191">
        <v>0</v>
      </c>
      <c r="J34" s="191">
        <v>0</v>
      </c>
      <c r="K34" s="191">
        <v>0</v>
      </c>
      <c r="L34" s="196">
        <v>25</v>
      </c>
      <c r="M34" s="195">
        <v>25</v>
      </c>
      <c r="N34" s="191">
        <v>0</v>
      </c>
      <c r="O34" s="191">
        <v>0</v>
      </c>
      <c r="P34" s="196">
        <v>0</v>
      </c>
      <c r="Q34" s="193">
        <v>0</v>
      </c>
      <c r="R34" s="191">
        <v>12</v>
      </c>
      <c r="S34" s="191">
        <v>0</v>
      </c>
      <c r="T34" s="191">
        <v>21</v>
      </c>
      <c r="U34" s="191">
        <v>0</v>
      </c>
      <c r="V34" s="191">
        <v>0</v>
      </c>
      <c r="W34" s="196">
        <v>33</v>
      </c>
      <c r="X34" s="195">
        <v>33</v>
      </c>
    </row>
    <row r="35" spans="2:24" ht="21" customHeight="1" x14ac:dyDescent="0.2">
      <c r="B35" s="106" t="s">
        <v>33</v>
      </c>
      <c r="C35" s="191">
        <v>0</v>
      </c>
      <c r="D35" s="191">
        <v>0</v>
      </c>
      <c r="E35" s="196">
        <v>0</v>
      </c>
      <c r="F35" s="193">
        <v>0</v>
      </c>
      <c r="G35" s="191">
        <v>0</v>
      </c>
      <c r="H35" s="191">
        <v>0</v>
      </c>
      <c r="I35" s="191">
        <v>22</v>
      </c>
      <c r="J35" s="191">
        <v>11</v>
      </c>
      <c r="K35" s="191">
        <v>0</v>
      </c>
      <c r="L35" s="196">
        <v>33</v>
      </c>
      <c r="M35" s="195">
        <v>33</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7</v>
      </c>
      <c r="H36" s="191">
        <v>0</v>
      </c>
      <c r="I36" s="191">
        <v>0</v>
      </c>
      <c r="J36" s="191">
        <v>0</v>
      </c>
      <c r="K36" s="191">
        <v>0</v>
      </c>
      <c r="L36" s="196">
        <v>7</v>
      </c>
      <c r="M36" s="195">
        <v>7</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3</v>
      </c>
      <c r="H37" s="191">
        <v>0</v>
      </c>
      <c r="I37" s="191">
        <v>0</v>
      </c>
      <c r="J37" s="191">
        <v>0</v>
      </c>
      <c r="K37" s="191">
        <v>0</v>
      </c>
      <c r="L37" s="196">
        <v>3</v>
      </c>
      <c r="M37" s="195">
        <v>3</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2</v>
      </c>
      <c r="H38" s="191">
        <v>4</v>
      </c>
      <c r="I38" s="191">
        <v>17</v>
      </c>
      <c r="J38" s="191">
        <v>0</v>
      </c>
      <c r="K38" s="191">
        <v>0</v>
      </c>
      <c r="L38" s="196">
        <v>23</v>
      </c>
      <c r="M38" s="195">
        <v>23</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4</v>
      </c>
      <c r="L39" s="203">
        <v>14</v>
      </c>
      <c r="M39" s="202">
        <v>14</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1">
        <f>第１表!F2</f>
        <v>6</v>
      </c>
      <c r="G1" s="441"/>
      <c r="H1" s="18">
        <f>第１表!G2</f>
        <v>8</v>
      </c>
      <c r="I1" s="445">
        <f>IF(H1&lt;3,H1-2+12,H1-2)</f>
        <v>6</v>
      </c>
      <c r="J1" s="445"/>
    </row>
    <row r="2" spans="2:133" ht="24" customHeight="1" thickBot="1" x14ac:dyDescent="0.25"/>
    <row r="3" spans="2:133" ht="21" customHeight="1" thickBot="1" x14ac:dyDescent="0.25">
      <c r="B3" s="522"/>
      <c r="C3" s="519" t="s">
        <v>57</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1"/>
      <c r="AG3" s="519" t="s">
        <v>58</v>
      </c>
      <c r="AH3" s="525"/>
      <c r="AI3" s="525"/>
      <c r="AJ3" s="525"/>
      <c r="AK3" s="525"/>
      <c r="AL3" s="525"/>
      <c r="AM3" s="525"/>
      <c r="AN3" s="525"/>
      <c r="AO3" s="525"/>
      <c r="AP3" s="525"/>
      <c r="AQ3" s="525"/>
      <c r="AR3" s="525"/>
      <c r="AS3" s="525"/>
      <c r="AT3" s="525"/>
      <c r="AU3" s="525"/>
      <c r="AV3" s="525"/>
      <c r="AW3" s="525"/>
      <c r="AX3" s="525"/>
      <c r="AY3" s="525"/>
      <c r="AZ3" s="525"/>
      <c r="BA3" s="525"/>
      <c r="BB3" s="525"/>
      <c r="BC3" s="525"/>
      <c r="BD3" s="525"/>
      <c r="BE3" s="525"/>
      <c r="BF3" s="525"/>
      <c r="BG3" s="525"/>
      <c r="BH3" s="525"/>
      <c r="BI3" s="525"/>
      <c r="BJ3" s="526"/>
      <c r="BK3" s="519" t="s">
        <v>59</v>
      </c>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1"/>
      <c r="CO3" s="519" t="s">
        <v>148</v>
      </c>
      <c r="CP3" s="520"/>
      <c r="CQ3" s="520"/>
      <c r="CR3" s="520"/>
      <c r="CS3" s="520"/>
      <c r="CT3" s="520"/>
      <c r="CU3" s="520"/>
      <c r="CV3" s="520"/>
      <c r="CW3" s="520"/>
      <c r="CX3" s="520"/>
      <c r="CY3" s="520"/>
      <c r="CZ3" s="520"/>
      <c r="DA3" s="520"/>
      <c r="DB3" s="520"/>
      <c r="DC3" s="520"/>
      <c r="DD3" s="520"/>
      <c r="DE3" s="520"/>
      <c r="DF3" s="520"/>
      <c r="DG3" s="520"/>
      <c r="DH3" s="520"/>
      <c r="DI3" s="520"/>
      <c r="DJ3" s="520"/>
      <c r="DK3" s="520"/>
      <c r="DL3" s="520"/>
      <c r="DM3" s="520"/>
      <c r="DN3" s="520"/>
      <c r="DO3" s="520"/>
      <c r="DP3" s="520"/>
      <c r="DQ3" s="520"/>
      <c r="DR3" s="521"/>
      <c r="DS3" s="427" t="s">
        <v>60</v>
      </c>
      <c r="DT3" s="428"/>
      <c r="DU3" s="428"/>
      <c r="DV3" s="428"/>
      <c r="DW3" s="428"/>
      <c r="DX3" s="428"/>
      <c r="DY3" s="428"/>
      <c r="DZ3" s="428"/>
      <c r="EA3" s="428"/>
      <c r="EB3" s="429"/>
    </row>
    <row r="4" spans="2:133" ht="21" customHeight="1" thickBot="1" x14ac:dyDescent="0.25">
      <c r="B4" s="523"/>
      <c r="C4" s="433"/>
      <c r="D4" s="434"/>
      <c r="E4" s="434"/>
      <c r="F4" s="434"/>
      <c r="G4" s="434"/>
      <c r="H4" s="434"/>
      <c r="I4" s="434"/>
      <c r="J4" s="434"/>
      <c r="K4" s="434"/>
      <c r="L4" s="434"/>
      <c r="M4" s="436" t="s">
        <v>39</v>
      </c>
      <c r="N4" s="437"/>
      <c r="O4" s="437"/>
      <c r="P4" s="437"/>
      <c r="Q4" s="437"/>
      <c r="R4" s="437"/>
      <c r="S4" s="437"/>
      <c r="T4" s="437"/>
      <c r="U4" s="437"/>
      <c r="V4" s="438"/>
      <c r="W4" s="436" t="s">
        <v>40</v>
      </c>
      <c r="X4" s="437"/>
      <c r="Y4" s="437"/>
      <c r="Z4" s="437"/>
      <c r="AA4" s="437"/>
      <c r="AB4" s="437"/>
      <c r="AC4" s="437"/>
      <c r="AD4" s="437"/>
      <c r="AE4" s="437"/>
      <c r="AF4" s="438"/>
      <c r="AG4" s="433"/>
      <c r="AH4" s="434"/>
      <c r="AI4" s="434"/>
      <c r="AJ4" s="434"/>
      <c r="AK4" s="434"/>
      <c r="AL4" s="434"/>
      <c r="AM4" s="434"/>
      <c r="AN4" s="434"/>
      <c r="AO4" s="434"/>
      <c r="AP4" s="434"/>
      <c r="AQ4" s="436" t="s">
        <v>39</v>
      </c>
      <c r="AR4" s="437"/>
      <c r="AS4" s="437"/>
      <c r="AT4" s="437"/>
      <c r="AU4" s="437"/>
      <c r="AV4" s="437"/>
      <c r="AW4" s="437"/>
      <c r="AX4" s="437"/>
      <c r="AY4" s="437"/>
      <c r="AZ4" s="438"/>
      <c r="BA4" s="436" t="s">
        <v>40</v>
      </c>
      <c r="BB4" s="437"/>
      <c r="BC4" s="437"/>
      <c r="BD4" s="437"/>
      <c r="BE4" s="437"/>
      <c r="BF4" s="437"/>
      <c r="BG4" s="437"/>
      <c r="BH4" s="437"/>
      <c r="BI4" s="437"/>
      <c r="BJ4" s="438"/>
      <c r="BK4" s="433"/>
      <c r="BL4" s="434"/>
      <c r="BM4" s="434"/>
      <c r="BN4" s="434"/>
      <c r="BO4" s="434"/>
      <c r="BP4" s="434"/>
      <c r="BQ4" s="434"/>
      <c r="BR4" s="434"/>
      <c r="BS4" s="434"/>
      <c r="BT4" s="434"/>
      <c r="BU4" s="436" t="s">
        <v>39</v>
      </c>
      <c r="BV4" s="437"/>
      <c r="BW4" s="437"/>
      <c r="BX4" s="437"/>
      <c r="BY4" s="437"/>
      <c r="BZ4" s="437"/>
      <c r="CA4" s="437"/>
      <c r="CB4" s="437"/>
      <c r="CC4" s="437"/>
      <c r="CD4" s="438"/>
      <c r="CE4" s="436" t="s">
        <v>40</v>
      </c>
      <c r="CF4" s="437"/>
      <c r="CG4" s="437"/>
      <c r="CH4" s="437"/>
      <c r="CI4" s="437"/>
      <c r="CJ4" s="437"/>
      <c r="CK4" s="437"/>
      <c r="CL4" s="437"/>
      <c r="CM4" s="437"/>
      <c r="CN4" s="438"/>
      <c r="CO4" s="433"/>
      <c r="CP4" s="434"/>
      <c r="CQ4" s="434"/>
      <c r="CR4" s="434"/>
      <c r="CS4" s="434"/>
      <c r="CT4" s="434"/>
      <c r="CU4" s="434"/>
      <c r="CV4" s="434"/>
      <c r="CW4" s="434"/>
      <c r="CX4" s="434"/>
      <c r="CY4" s="436" t="s">
        <v>39</v>
      </c>
      <c r="CZ4" s="437"/>
      <c r="DA4" s="437"/>
      <c r="DB4" s="437"/>
      <c r="DC4" s="437"/>
      <c r="DD4" s="437"/>
      <c r="DE4" s="437"/>
      <c r="DF4" s="437"/>
      <c r="DG4" s="437"/>
      <c r="DH4" s="438"/>
      <c r="DI4" s="436" t="s">
        <v>40</v>
      </c>
      <c r="DJ4" s="437"/>
      <c r="DK4" s="437"/>
      <c r="DL4" s="437"/>
      <c r="DM4" s="437"/>
      <c r="DN4" s="437"/>
      <c r="DO4" s="437"/>
      <c r="DP4" s="437"/>
      <c r="DQ4" s="437"/>
      <c r="DR4" s="438"/>
      <c r="DS4" s="433"/>
      <c r="DT4" s="434"/>
      <c r="DU4" s="434"/>
      <c r="DV4" s="434"/>
      <c r="DW4" s="434"/>
      <c r="DX4" s="434"/>
      <c r="DY4" s="434"/>
      <c r="DZ4" s="434"/>
      <c r="EA4" s="434"/>
      <c r="EB4" s="435"/>
    </row>
    <row r="5" spans="2:133" ht="21" customHeight="1" x14ac:dyDescent="0.2">
      <c r="B5" s="524"/>
      <c r="C5" s="502" t="s">
        <v>61</v>
      </c>
      <c r="D5" s="503"/>
      <c r="E5" s="504"/>
      <c r="F5" s="505" t="s">
        <v>62</v>
      </c>
      <c r="G5" s="506"/>
      <c r="H5" s="506"/>
      <c r="I5" s="506"/>
      <c r="J5" s="506"/>
      <c r="K5" s="507"/>
      <c r="L5" s="516" t="s">
        <v>52</v>
      </c>
      <c r="M5" s="518" t="s">
        <v>61</v>
      </c>
      <c r="N5" s="512"/>
      <c r="O5" s="513"/>
      <c r="P5" s="514" t="s">
        <v>62</v>
      </c>
      <c r="Q5" s="434"/>
      <c r="R5" s="434"/>
      <c r="S5" s="434"/>
      <c r="T5" s="434"/>
      <c r="U5" s="515"/>
      <c r="V5" s="510" t="s">
        <v>52</v>
      </c>
      <c r="W5" s="511" t="s">
        <v>61</v>
      </c>
      <c r="X5" s="512"/>
      <c r="Y5" s="513"/>
      <c r="Z5" s="514" t="s">
        <v>62</v>
      </c>
      <c r="AA5" s="434"/>
      <c r="AB5" s="434"/>
      <c r="AC5" s="434"/>
      <c r="AD5" s="434"/>
      <c r="AE5" s="515"/>
      <c r="AF5" s="510" t="s">
        <v>52</v>
      </c>
      <c r="AG5" s="502" t="s">
        <v>61</v>
      </c>
      <c r="AH5" s="503"/>
      <c r="AI5" s="504"/>
      <c r="AJ5" s="505" t="s">
        <v>62</v>
      </c>
      <c r="AK5" s="506"/>
      <c r="AL5" s="506"/>
      <c r="AM5" s="506"/>
      <c r="AN5" s="506"/>
      <c r="AO5" s="507"/>
      <c r="AP5" s="508" t="s">
        <v>52</v>
      </c>
      <c r="AQ5" s="518" t="s">
        <v>61</v>
      </c>
      <c r="AR5" s="512"/>
      <c r="AS5" s="513"/>
      <c r="AT5" s="514" t="s">
        <v>62</v>
      </c>
      <c r="AU5" s="434"/>
      <c r="AV5" s="434"/>
      <c r="AW5" s="434"/>
      <c r="AX5" s="434"/>
      <c r="AY5" s="515"/>
      <c r="AZ5" s="527" t="s">
        <v>52</v>
      </c>
      <c r="BA5" s="518" t="s">
        <v>61</v>
      </c>
      <c r="BB5" s="512"/>
      <c r="BC5" s="513"/>
      <c r="BD5" s="514" t="s">
        <v>62</v>
      </c>
      <c r="BE5" s="434"/>
      <c r="BF5" s="434"/>
      <c r="BG5" s="434"/>
      <c r="BH5" s="434"/>
      <c r="BI5" s="515"/>
      <c r="BJ5" s="510" t="s">
        <v>52</v>
      </c>
      <c r="BK5" s="502" t="s">
        <v>61</v>
      </c>
      <c r="BL5" s="503"/>
      <c r="BM5" s="504"/>
      <c r="BN5" s="505" t="s">
        <v>62</v>
      </c>
      <c r="BO5" s="506"/>
      <c r="BP5" s="506"/>
      <c r="BQ5" s="506"/>
      <c r="BR5" s="506"/>
      <c r="BS5" s="507"/>
      <c r="BT5" s="516" t="s">
        <v>52</v>
      </c>
      <c r="BU5" s="518" t="s">
        <v>61</v>
      </c>
      <c r="BV5" s="512"/>
      <c r="BW5" s="513"/>
      <c r="BX5" s="514" t="s">
        <v>62</v>
      </c>
      <c r="BY5" s="434"/>
      <c r="BZ5" s="434"/>
      <c r="CA5" s="434"/>
      <c r="CB5" s="434"/>
      <c r="CC5" s="515"/>
      <c r="CD5" s="510" t="s">
        <v>52</v>
      </c>
      <c r="CE5" s="511" t="s">
        <v>61</v>
      </c>
      <c r="CF5" s="512"/>
      <c r="CG5" s="513"/>
      <c r="CH5" s="514" t="s">
        <v>62</v>
      </c>
      <c r="CI5" s="434"/>
      <c r="CJ5" s="434"/>
      <c r="CK5" s="434"/>
      <c r="CL5" s="434"/>
      <c r="CM5" s="515"/>
      <c r="CN5" s="510" t="s">
        <v>52</v>
      </c>
      <c r="CO5" s="502" t="s">
        <v>61</v>
      </c>
      <c r="CP5" s="503"/>
      <c r="CQ5" s="504"/>
      <c r="CR5" s="505" t="s">
        <v>62</v>
      </c>
      <c r="CS5" s="506"/>
      <c r="CT5" s="506"/>
      <c r="CU5" s="506"/>
      <c r="CV5" s="506"/>
      <c r="CW5" s="507"/>
      <c r="CX5" s="516" t="s">
        <v>52</v>
      </c>
      <c r="CY5" s="518" t="s">
        <v>61</v>
      </c>
      <c r="CZ5" s="512"/>
      <c r="DA5" s="513"/>
      <c r="DB5" s="514" t="s">
        <v>62</v>
      </c>
      <c r="DC5" s="434"/>
      <c r="DD5" s="434"/>
      <c r="DE5" s="434"/>
      <c r="DF5" s="434"/>
      <c r="DG5" s="515"/>
      <c r="DH5" s="510" t="s">
        <v>52</v>
      </c>
      <c r="DI5" s="511" t="s">
        <v>61</v>
      </c>
      <c r="DJ5" s="512"/>
      <c r="DK5" s="513"/>
      <c r="DL5" s="514" t="s">
        <v>62</v>
      </c>
      <c r="DM5" s="434"/>
      <c r="DN5" s="434"/>
      <c r="DO5" s="434"/>
      <c r="DP5" s="434"/>
      <c r="DQ5" s="515"/>
      <c r="DR5" s="510" t="s">
        <v>52</v>
      </c>
      <c r="DS5" s="502" t="s">
        <v>61</v>
      </c>
      <c r="DT5" s="503"/>
      <c r="DU5" s="504"/>
      <c r="DV5" s="505" t="s">
        <v>62</v>
      </c>
      <c r="DW5" s="506"/>
      <c r="DX5" s="506"/>
      <c r="DY5" s="506"/>
      <c r="DZ5" s="506"/>
      <c r="EA5" s="507"/>
      <c r="EB5" s="508"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17"/>
      <c r="M6" s="229" t="s">
        <v>43</v>
      </c>
      <c r="N6" s="230" t="s">
        <v>44</v>
      </c>
      <c r="O6" s="234" t="s">
        <v>45</v>
      </c>
      <c r="P6" s="231" t="s">
        <v>47</v>
      </c>
      <c r="Q6" s="232" t="s">
        <v>48</v>
      </c>
      <c r="R6" s="232" t="s">
        <v>49</v>
      </c>
      <c r="S6" s="233" t="s">
        <v>50</v>
      </c>
      <c r="T6" s="230" t="s">
        <v>51</v>
      </c>
      <c r="U6" s="234" t="s">
        <v>45</v>
      </c>
      <c r="V6" s="509"/>
      <c r="W6" s="235" t="s">
        <v>43</v>
      </c>
      <c r="X6" s="230" t="s">
        <v>44</v>
      </c>
      <c r="Y6" s="234" t="s">
        <v>45</v>
      </c>
      <c r="Z6" s="235" t="s">
        <v>47</v>
      </c>
      <c r="AA6" s="232" t="s">
        <v>48</v>
      </c>
      <c r="AB6" s="232" t="s">
        <v>49</v>
      </c>
      <c r="AC6" s="233" t="s">
        <v>50</v>
      </c>
      <c r="AD6" s="230" t="s">
        <v>51</v>
      </c>
      <c r="AE6" s="234" t="s">
        <v>45</v>
      </c>
      <c r="AF6" s="509"/>
      <c r="AG6" s="229" t="s">
        <v>43</v>
      </c>
      <c r="AH6" s="230" t="s">
        <v>44</v>
      </c>
      <c r="AI6" s="234" t="s">
        <v>45</v>
      </c>
      <c r="AJ6" s="235" t="s">
        <v>47</v>
      </c>
      <c r="AK6" s="232" t="s">
        <v>48</v>
      </c>
      <c r="AL6" s="232" t="s">
        <v>49</v>
      </c>
      <c r="AM6" s="233" t="s">
        <v>50</v>
      </c>
      <c r="AN6" s="230" t="s">
        <v>51</v>
      </c>
      <c r="AO6" s="234" t="s">
        <v>45</v>
      </c>
      <c r="AP6" s="509"/>
      <c r="AQ6" s="229" t="s">
        <v>43</v>
      </c>
      <c r="AR6" s="230" t="s">
        <v>44</v>
      </c>
      <c r="AS6" s="234" t="s">
        <v>45</v>
      </c>
      <c r="AT6" s="231" t="s">
        <v>47</v>
      </c>
      <c r="AU6" s="232" t="s">
        <v>48</v>
      </c>
      <c r="AV6" s="232" t="s">
        <v>49</v>
      </c>
      <c r="AW6" s="233" t="s">
        <v>50</v>
      </c>
      <c r="AX6" s="230" t="s">
        <v>51</v>
      </c>
      <c r="AY6" s="234" t="s">
        <v>45</v>
      </c>
      <c r="AZ6" s="517"/>
      <c r="BA6" s="229" t="s">
        <v>43</v>
      </c>
      <c r="BB6" s="230" t="s">
        <v>44</v>
      </c>
      <c r="BC6" s="230" t="s">
        <v>45</v>
      </c>
      <c r="BD6" s="231" t="s">
        <v>47</v>
      </c>
      <c r="BE6" s="232" t="s">
        <v>48</v>
      </c>
      <c r="BF6" s="232" t="s">
        <v>49</v>
      </c>
      <c r="BG6" s="233" t="s">
        <v>50</v>
      </c>
      <c r="BH6" s="230" t="s">
        <v>51</v>
      </c>
      <c r="BI6" s="234" t="s">
        <v>45</v>
      </c>
      <c r="BJ6" s="509"/>
      <c r="BK6" s="229" t="s">
        <v>43</v>
      </c>
      <c r="BL6" s="230" t="s">
        <v>44</v>
      </c>
      <c r="BM6" s="230" t="s">
        <v>45</v>
      </c>
      <c r="BN6" s="231" t="s">
        <v>47</v>
      </c>
      <c r="BO6" s="232" t="s">
        <v>48</v>
      </c>
      <c r="BP6" s="232" t="s">
        <v>49</v>
      </c>
      <c r="BQ6" s="233" t="s">
        <v>50</v>
      </c>
      <c r="BR6" s="230" t="s">
        <v>51</v>
      </c>
      <c r="BS6" s="234" t="s">
        <v>45</v>
      </c>
      <c r="BT6" s="517"/>
      <c r="BU6" s="229" t="s">
        <v>43</v>
      </c>
      <c r="BV6" s="230" t="s">
        <v>44</v>
      </c>
      <c r="BW6" s="230" t="s">
        <v>45</v>
      </c>
      <c r="BX6" s="231" t="s">
        <v>47</v>
      </c>
      <c r="BY6" s="232" t="s">
        <v>48</v>
      </c>
      <c r="BZ6" s="232" t="s">
        <v>49</v>
      </c>
      <c r="CA6" s="233" t="s">
        <v>50</v>
      </c>
      <c r="CB6" s="230" t="s">
        <v>51</v>
      </c>
      <c r="CC6" s="234" t="s">
        <v>45</v>
      </c>
      <c r="CD6" s="509"/>
      <c r="CE6" s="235" t="s">
        <v>43</v>
      </c>
      <c r="CF6" s="230" t="s">
        <v>44</v>
      </c>
      <c r="CG6" s="230" t="s">
        <v>45</v>
      </c>
      <c r="CH6" s="231" t="s">
        <v>47</v>
      </c>
      <c r="CI6" s="232" t="s">
        <v>48</v>
      </c>
      <c r="CJ6" s="232" t="s">
        <v>49</v>
      </c>
      <c r="CK6" s="233" t="s">
        <v>50</v>
      </c>
      <c r="CL6" s="230" t="s">
        <v>51</v>
      </c>
      <c r="CM6" s="234" t="s">
        <v>45</v>
      </c>
      <c r="CN6" s="509"/>
      <c r="CO6" s="229" t="s">
        <v>43</v>
      </c>
      <c r="CP6" s="230" t="s">
        <v>44</v>
      </c>
      <c r="CQ6" s="230" t="s">
        <v>45</v>
      </c>
      <c r="CR6" s="231" t="s">
        <v>47</v>
      </c>
      <c r="CS6" s="232" t="s">
        <v>48</v>
      </c>
      <c r="CT6" s="232" t="s">
        <v>49</v>
      </c>
      <c r="CU6" s="233" t="s">
        <v>50</v>
      </c>
      <c r="CV6" s="230" t="s">
        <v>51</v>
      </c>
      <c r="CW6" s="234" t="s">
        <v>45</v>
      </c>
      <c r="CX6" s="517"/>
      <c r="CY6" s="229" t="s">
        <v>43</v>
      </c>
      <c r="CZ6" s="230" t="s">
        <v>44</v>
      </c>
      <c r="DA6" s="230" t="s">
        <v>45</v>
      </c>
      <c r="DB6" s="231" t="s">
        <v>47</v>
      </c>
      <c r="DC6" s="232" t="s">
        <v>48</v>
      </c>
      <c r="DD6" s="232" t="s">
        <v>49</v>
      </c>
      <c r="DE6" s="233" t="s">
        <v>50</v>
      </c>
      <c r="DF6" s="230" t="s">
        <v>51</v>
      </c>
      <c r="DG6" s="234" t="s">
        <v>45</v>
      </c>
      <c r="DH6" s="509"/>
      <c r="DI6" s="235" t="s">
        <v>43</v>
      </c>
      <c r="DJ6" s="230" t="s">
        <v>44</v>
      </c>
      <c r="DK6" s="230" t="s">
        <v>45</v>
      </c>
      <c r="DL6" s="231" t="s">
        <v>47</v>
      </c>
      <c r="DM6" s="232" t="s">
        <v>48</v>
      </c>
      <c r="DN6" s="232" t="s">
        <v>49</v>
      </c>
      <c r="DO6" s="233" t="s">
        <v>50</v>
      </c>
      <c r="DP6" s="230" t="s">
        <v>51</v>
      </c>
      <c r="DQ6" s="234" t="s">
        <v>45</v>
      </c>
      <c r="DR6" s="509"/>
      <c r="DS6" s="229" t="s">
        <v>43</v>
      </c>
      <c r="DT6" s="230" t="s">
        <v>44</v>
      </c>
      <c r="DU6" s="230" t="s">
        <v>45</v>
      </c>
      <c r="DV6" s="231" t="s">
        <v>47</v>
      </c>
      <c r="DW6" s="232" t="s">
        <v>48</v>
      </c>
      <c r="DX6" s="232" t="s">
        <v>49</v>
      </c>
      <c r="DY6" s="233" t="s">
        <v>50</v>
      </c>
      <c r="DZ6" s="230" t="s">
        <v>51</v>
      </c>
      <c r="EA6" s="234" t="s">
        <v>45</v>
      </c>
      <c r="EB6" s="509"/>
    </row>
    <row r="7" spans="2:133" ht="21" customHeight="1" x14ac:dyDescent="0.2">
      <c r="B7" s="84" t="s">
        <v>4</v>
      </c>
      <c r="C7" s="211">
        <v>0</v>
      </c>
      <c r="D7" s="213">
        <v>0</v>
      </c>
      <c r="E7" s="213">
        <v>0</v>
      </c>
      <c r="F7" s="214">
        <v>473</v>
      </c>
      <c r="G7" s="212">
        <v>1712</v>
      </c>
      <c r="H7" s="212">
        <v>10313</v>
      </c>
      <c r="I7" s="212">
        <v>15043</v>
      </c>
      <c r="J7" s="213">
        <v>9911</v>
      </c>
      <c r="K7" s="236">
        <v>37452</v>
      </c>
      <c r="L7" s="237">
        <v>37452</v>
      </c>
      <c r="M7" s="211">
        <v>0</v>
      </c>
      <c r="N7" s="213">
        <v>0</v>
      </c>
      <c r="O7" s="236">
        <v>0</v>
      </c>
      <c r="P7" s="214">
        <v>469</v>
      </c>
      <c r="Q7" s="212">
        <v>1697</v>
      </c>
      <c r="R7" s="212">
        <v>10244</v>
      </c>
      <c r="S7" s="212">
        <v>14901</v>
      </c>
      <c r="T7" s="213">
        <v>9767</v>
      </c>
      <c r="U7" s="236">
        <v>37078</v>
      </c>
      <c r="V7" s="238">
        <v>37078</v>
      </c>
      <c r="W7" s="216">
        <v>0</v>
      </c>
      <c r="X7" s="213">
        <v>0</v>
      </c>
      <c r="Y7" s="236">
        <v>0</v>
      </c>
      <c r="Z7" s="216">
        <v>4</v>
      </c>
      <c r="AA7" s="212">
        <v>15</v>
      </c>
      <c r="AB7" s="212">
        <v>69</v>
      </c>
      <c r="AC7" s="212">
        <v>142</v>
      </c>
      <c r="AD7" s="213">
        <v>144</v>
      </c>
      <c r="AE7" s="236">
        <v>374</v>
      </c>
      <c r="AF7" s="215">
        <v>374</v>
      </c>
      <c r="AG7" s="216">
        <v>0</v>
      </c>
      <c r="AH7" s="213">
        <v>0</v>
      </c>
      <c r="AI7" s="236">
        <v>0</v>
      </c>
      <c r="AJ7" s="216">
        <v>1612</v>
      </c>
      <c r="AK7" s="212">
        <v>3357</v>
      </c>
      <c r="AL7" s="212">
        <v>4819</v>
      </c>
      <c r="AM7" s="212">
        <v>5902</v>
      </c>
      <c r="AN7" s="213">
        <v>2967</v>
      </c>
      <c r="AO7" s="236">
        <v>18657</v>
      </c>
      <c r="AP7" s="215">
        <v>18657</v>
      </c>
      <c r="AQ7" s="216">
        <v>0</v>
      </c>
      <c r="AR7" s="213">
        <v>0</v>
      </c>
      <c r="AS7" s="236">
        <v>0</v>
      </c>
      <c r="AT7" s="214">
        <v>1594</v>
      </c>
      <c r="AU7" s="212">
        <v>3314</v>
      </c>
      <c r="AV7" s="212">
        <v>4736</v>
      </c>
      <c r="AW7" s="212">
        <v>5795</v>
      </c>
      <c r="AX7" s="213">
        <v>2889</v>
      </c>
      <c r="AY7" s="236">
        <v>18328</v>
      </c>
      <c r="AZ7" s="237">
        <v>18328</v>
      </c>
      <c r="BA7" s="211">
        <v>0</v>
      </c>
      <c r="BB7" s="213">
        <v>0</v>
      </c>
      <c r="BC7" s="213">
        <v>0</v>
      </c>
      <c r="BD7" s="214">
        <v>18</v>
      </c>
      <c r="BE7" s="212">
        <v>43</v>
      </c>
      <c r="BF7" s="212">
        <v>83</v>
      </c>
      <c r="BG7" s="212">
        <v>107</v>
      </c>
      <c r="BH7" s="213">
        <v>78</v>
      </c>
      <c r="BI7" s="236">
        <v>329</v>
      </c>
      <c r="BJ7" s="238">
        <v>329</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6</v>
      </c>
      <c r="CS7" s="212">
        <v>22</v>
      </c>
      <c r="CT7" s="212">
        <v>67</v>
      </c>
      <c r="CU7" s="212">
        <v>389</v>
      </c>
      <c r="CV7" s="213">
        <v>504</v>
      </c>
      <c r="CW7" s="236">
        <v>998</v>
      </c>
      <c r="CX7" s="237">
        <v>998</v>
      </c>
      <c r="CY7" s="211">
        <v>0</v>
      </c>
      <c r="CZ7" s="213">
        <v>0</v>
      </c>
      <c r="DA7" s="213">
        <v>0</v>
      </c>
      <c r="DB7" s="214">
        <v>14</v>
      </c>
      <c r="DC7" s="212">
        <v>22</v>
      </c>
      <c r="DD7" s="212">
        <v>66</v>
      </c>
      <c r="DE7" s="212">
        <v>383</v>
      </c>
      <c r="DF7" s="213">
        <v>492</v>
      </c>
      <c r="DG7" s="236">
        <v>977</v>
      </c>
      <c r="DH7" s="238">
        <v>977</v>
      </c>
      <c r="DI7" s="216">
        <v>0</v>
      </c>
      <c r="DJ7" s="213">
        <v>0</v>
      </c>
      <c r="DK7" s="213">
        <v>0</v>
      </c>
      <c r="DL7" s="214">
        <v>2</v>
      </c>
      <c r="DM7" s="212">
        <v>0</v>
      </c>
      <c r="DN7" s="212">
        <v>1</v>
      </c>
      <c r="DO7" s="212">
        <v>6</v>
      </c>
      <c r="DP7" s="213">
        <v>12</v>
      </c>
      <c r="DQ7" s="236">
        <v>21</v>
      </c>
      <c r="DR7" s="238">
        <v>21</v>
      </c>
      <c r="DS7" s="216">
        <v>0</v>
      </c>
      <c r="DT7" s="213">
        <v>0</v>
      </c>
      <c r="DU7" s="213">
        <v>0</v>
      </c>
      <c r="DV7" s="214">
        <v>2101</v>
      </c>
      <c r="DW7" s="212">
        <v>5090</v>
      </c>
      <c r="DX7" s="212">
        <v>15188</v>
      </c>
      <c r="DY7" s="212">
        <v>21296</v>
      </c>
      <c r="DZ7" s="213">
        <v>13367</v>
      </c>
      <c r="EA7" s="236">
        <v>57042</v>
      </c>
      <c r="EB7" s="238">
        <v>57042</v>
      </c>
      <c r="EC7" s="239"/>
    </row>
    <row r="8" spans="2:133" ht="21" customHeight="1" x14ac:dyDescent="0.2">
      <c r="B8" s="95" t="s">
        <v>5</v>
      </c>
      <c r="C8" s="217">
        <v>0</v>
      </c>
      <c r="D8" s="219">
        <v>0</v>
      </c>
      <c r="E8" s="219">
        <v>0</v>
      </c>
      <c r="F8" s="220">
        <v>268</v>
      </c>
      <c r="G8" s="218">
        <v>1164</v>
      </c>
      <c r="H8" s="218">
        <v>4582</v>
      </c>
      <c r="I8" s="218">
        <v>6366</v>
      </c>
      <c r="J8" s="219">
        <v>4163</v>
      </c>
      <c r="K8" s="240">
        <v>16543</v>
      </c>
      <c r="L8" s="241">
        <v>16543</v>
      </c>
      <c r="M8" s="217">
        <v>0</v>
      </c>
      <c r="N8" s="219">
        <v>0</v>
      </c>
      <c r="O8" s="240">
        <v>0</v>
      </c>
      <c r="P8" s="220">
        <v>267</v>
      </c>
      <c r="Q8" s="218">
        <v>1155</v>
      </c>
      <c r="R8" s="218">
        <v>4544</v>
      </c>
      <c r="S8" s="218">
        <v>6308</v>
      </c>
      <c r="T8" s="219">
        <v>4085</v>
      </c>
      <c r="U8" s="240">
        <v>16359</v>
      </c>
      <c r="V8" s="242">
        <v>16359</v>
      </c>
      <c r="W8" s="222">
        <v>0</v>
      </c>
      <c r="X8" s="219">
        <v>0</v>
      </c>
      <c r="Y8" s="240">
        <v>0</v>
      </c>
      <c r="Z8" s="222">
        <v>1</v>
      </c>
      <c r="AA8" s="218">
        <v>9</v>
      </c>
      <c r="AB8" s="218">
        <v>38</v>
      </c>
      <c r="AC8" s="218">
        <v>58</v>
      </c>
      <c r="AD8" s="219">
        <v>78</v>
      </c>
      <c r="AE8" s="240">
        <v>184</v>
      </c>
      <c r="AF8" s="221">
        <v>184</v>
      </c>
      <c r="AG8" s="222">
        <v>0</v>
      </c>
      <c r="AH8" s="219">
        <v>0</v>
      </c>
      <c r="AI8" s="240">
        <v>0</v>
      </c>
      <c r="AJ8" s="222">
        <v>610</v>
      </c>
      <c r="AK8" s="218">
        <v>1515</v>
      </c>
      <c r="AL8" s="218">
        <v>2129</v>
      </c>
      <c r="AM8" s="218">
        <v>2711</v>
      </c>
      <c r="AN8" s="219">
        <v>1407</v>
      </c>
      <c r="AO8" s="240">
        <v>8372</v>
      </c>
      <c r="AP8" s="221">
        <v>8372</v>
      </c>
      <c r="AQ8" s="222">
        <v>0</v>
      </c>
      <c r="AR8" s="219">
        <v>0</v>
      </c>
      <c r="AS8" s="240">
        <v>0</v>
      </c>
      <c r="AT8" s="220">
        <v>606</v>
      </c>
      <c r="AU8" s="218">
        <v>1493</v>
      </c>
      <c r="AV8" s="218">
        <v>2102</v>
      </c>
      <c r="AW8" s="218">
        <v>2670</v>
      </c>
      <c r="AX8" s="219">
        <v>1378</v>
      </c>
      <c r="AY8" s="240">
        <v>8249</v>
      </c>
      <c r="AZ8" s="241">
        <v>8249</v>
      </c>
      <c r="BA8" s="217">
        <v>0</v>
      </c>
      <c r="BB8" s="219">
        <v>0</v>
      </c>
      <c r="BC8" s="219">
        <v>0</v>
      </c>
      <c r="BD8" s="220">
        <v>4</v>
      </c>
      <c r="BE8" s="218">
        <v>22</v>
      </c>
      <c r="BF8" s="218">
        <v>27</v>
      </c>
      <c r="BG8" s="218">
        <v>41</v>
      </c>
      <c r="BH8" s="219">
        <v>29</v>
      </c>
      <c r="BI8" s="240">
        <v>123</v>
      </c>
      <c r="BJ8" s="242">
        <v>123</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1</v>
      </c>
      <c r="CT8" s="218">
        <v>13</v>
      </c>
      <c r="CU8" s="218">
        <v>107</v>
      </c>
      <c r="CV8" s="219">
        <v>119</v>
      </c>
      <c r="CW8" s="240">
        <v>242</v>
      </c>
      <c r="CX8" s="241">
        <v>242</v>
      </c>
      <c r="CY8" s="217">
        <v>0</v>
      </c>
      <c r="CZ8" s="219">
        <v>0</v>
      </c>
      <c r="DA8" s="219">
        <v>0</v>
      </c>
      <c r="DB8" s="220">
        <v>2</v>
      </c>
      <c r="DC8" s="218">
        <v>1</v>
      </c>
      <c r="DD8" s="218">
        <v>13</v>
      </c>
      <c r="DE8" s="218">
        <v>105</v>
      </c>
      <c r="DF8" s="219">
        <v>119</v>
      </c>
      <c r="DG8" s="240">
        <v>240</v>
      </c>
      <c r="DH8" s="242">
        <v>240</v>
      </c>
      <c r="DI8" s="222">
        <v>0</v>
      </c>
      <c r="DJ8" s="219">
        <v>0</v>
      </c>
      <c r="DK8" s="219">
        <v>0</v>
      </c>
      <c r="DL8" s="220">
        <v>0</v>
      </c>
      <c r="DM8" s="218">
        <v>0</v>
      </c>
      <c r="DN8" s="218">
        <v>0</v>
      </c>
      <c r="DO8" s="218">
        <v>2</v>
      </c>
      <c r="DP8" s="219">
        <v>0</v>
      </c>
      <c r="DQ8" s="240">
        <v>2</v>
      </c>
      <c r="DR8" s="242">
        <v>2</v>
      </c>
      <c r="DS8" s="222">
        <v>0</v>
      </c>
      <c r="DT8" s="219">
        <v>0</v>
      </c>
      <c r="DU8" s="219">
        <v>0</v>
      </c>
      <c r="DV8" s="220">
        <v>880</v>
      </c>
      <c r="DW8" s="218">
        <v>2680</v>
      </c>
      <c r="DX8" s="218">
        <v>6724</v>
      </c>
      <c r="DY8" s="218">
        <v>9184</v>
      </c>
      <c r="DZ8" s="219">
        <v>5689</v>
      </c>
      <c r="EA8" s="240">
        <v>25157</v>
      </c>
      <c r="EB8" s="242">
        <v>25157</v>
      </c>
      <c r="EC8" s="239"/>
    </row>
    <row r="9" spans="2:133" ht="21" customHeight="1" x14ac:dyDescent="0.2">
      <c r="B9" s="106" t="s">
        <v>6</v>
      </c>
      <c r="C9" s="217">
        <v>0</v>
      </c>
      <c r="D9" s="219">
        <v>0</v>
      </c>
      <c r="E9" s="219">
        <v>0</v>
      </c>
      <c r="F9" s="220">
        <v>94</v>
      </c>
      <c r="G9" s="218">
        <v>188</v>
      </c>
      <c r="H9" s="218">
        <v>1307</v>
      </c>
      <c r="I9" s="218">
        <v>1850</v>
      </c>
      <c r="J9" s="219">
        <v>1309</v>
      </c>
      <c r="K9" s="240">
        <v>4748</v>
      </c>
      <c r="L9" s="241">
        <v>4748</v>
      </c>
      <c r="M9" s="217">
        <v>0</v>
      </c>
      <c r="N9" s="219">
        <v>0</v>
      </c>
      <c r="O9" s="240">
        <v>0</v>
      </c>
      <c r="P9" s="220">
        <v>93</v>
      </c>
      <c r="Q9" s="218">
        <v>187</v>
      </c>
      <c r="R9" s="218">
        <v>1297</v>
      </c>
      <c r="S9" s="218">
        <v>1833</v>
      </c>
      <c r="T9" s="219">
        <v>1293</v>
      </c>
      <c r="U9" s="240">
        <v>4703</v>
      </c>
      <c r="V9" s="242">
        <v>4703</v>
      </c>
      <c r="W9" s="222">
        <v>0</v>
      </c>
      <c r="X9" s="219">
        <v>0</v>
      </c>
      <c r="Y9" s="240">
        <v>0</v>
      </c>
      <c r="Z9" s="222">
        <v>1</v>
      </c>
      <c r="AA9" s="218">
        <v>1</v>
      </c>
      <c r="AB9" s="218">
        <v>10</v>
      </c>
      <c r="AC9" s="218">
        <v>17</v>
      </c>
      <c r="AD9" s="219">
        <v>16</v>
      </c>
      <c r="AE9" s="240">
        <v>45</v>
      </c>
      <c r="AF9" s="221">
        <v>45</v>
      </c>
      <c r="AG9" s="222">
        <v>0</v>
      </c>
      <c r="AH9" s="219">
        <v>0</v>
      </c>
      <c r="AI9" s="240">
        <v>0</v>
      </c>
      <c r="AJ9" s="222">
        <v>204</v>
      </c>
      <c r="AK9" s="218">
        <v>332</v>
      </c>
      <c r="AL9" s="218">
        <v>518</v>
      </c>
      <c r="AM9" s="218">
        <v>677</v>
      </c>
      <c r="AN9" s="219">
        <v>351</v>
      </c>
      <c r="AO9" s="240">
        <v>2082</v>
      </c>
      <c r="AP9" s="221">
        <v>2082</v>
      </c>
      <c r="AQ9" s="222">
        <v>0</v>
      </c>
      <c r="AR9" s="219">
        <v>0</v>
      </c>
      <c r="AS9" s="240">
        <v>0</v>
      </c>
      <c r="AT9" s="220">
        <v>200</v>
      </c>
      <c r="AU9" s="218">
        <v>327</v>
      </c>
      <c r="AV9" s="218">
        <v>500</v>
      </c>
      <c r="AW9" s="218">
        <v>658</v>
      </c>
      <c r="AX9" s="219">
        <v>335</v>
      </c>
      <c r="AY9" s="240">
        <v>2020</v>
      </c>
      <c r="AZ9" s="241">
        <v>2020</v>
      </c>
      <c r="BA9" s="217">
        <v>0</v>
      </c>
      <c r="BB9" s="219">
        <v>0</v>
      </c>
      <c r="BC9" s="219">
        <v>0</v>
      </c>
      <c r="BD9" s="220">
        <v>4</v>
      </c>
      <c r="BE9" s="218">
        <v>5</v>
      </c>
      <c r="BF9" s="218">
        <v>18</v>
      </c>
      <c r="BG9" s="218">
        <v>19</v>
      </c>
      <c r="BH9" s="219">
        <v>16</v>
      </c>
      <c r="BI9" s="240">
        <v>62</v>
      </c>
      <c r="BJ9" s="242">
        <v>62</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1</v>
      </c>
      <c r="CU9" s="218">
        <v>39</v>
      </c>
      <c r="CV9" s="219">
        <v>63</v>
      </c>
      <c r="CW9" s="240">
        <v>104</v>
      </c>
      <c r="CX9" s="241">
        <v>104</v>
      </c>
      <c r="CY9" s="217">
        <v>0</v>
      </c>
      <c r="CZ9" s="219">
        <v>0</v>
      </c>
      <c r="DA9" s="219">
        <v>0</v>
      </c>
      <c r="DB9" s="220">
        <v>0</v>
      </c>
      <c r="DC9" s="218">
        <v>1</v>
      </c>
      <c r="DD9" s="218">
        <v>1</v>
      </c>
      <c r="DE9" s="218">
        <v>38</v>
      </c>
      <c r="DF9" s="219">
        <v>61</v>
      </c>
      <c r="DG9" s="240">
        <v>101</v>
      </c>
      <c r="DH9" s="242">
        <v>101</v>
      </c>
      <c r="DI9" s="222">
        <v>0</v>
      </c>
      <c r="DJ9" s="219">
        <v>0</v>
      </c>
      <c r="DK9" s="219">
        <v>0</v>
      </c>
      <c r="DL9" s="220">
        <v>0</v>
      </c>
      <c r="DM9" s="218">
        <v>0</v>
      </c>
      <c r="DN9" s="218">
        <v>0</v>
      </c>
      <c r="DO9" s="218">
        <v>1</v>
      </c>
      <c r="DP9" s="219">
        <v>2</v>
      </c>
      <c r="DQ9" s="240">
        <v>3</v>
      </c>
      <c r="DR9" s="242">
        <v>3</v>
      </c>
      <c r="DS9" s="222">
        <v>0</v>
      </c>
      <c r="DT9" s="219">
        <v>0</v>
      </c>
      <c r="DU9" s="219">
        <v>0</v>
      </c>
      <c r="DV9" s="220">
        <v>298</v>
      </c>
      <c r="DW9" s="218">
        <v>521</v>
      </c>
      <c r="DX9" s="218">
        <v>1826</v>
      </c>
      <c r="DY9" s="218">
        <v>2566</v>
      </c>
      <c r="DZ9" s="219">
        <v>1723</v>
      </c>
      <c r="EA9" s="240">
        <v>6934</v>
      </c>
      <c r="EB9" s="242">
        <v>6934</v>
      </c>
      <c r="EC9" s="239"/>
    </row>
    <row r="10" spans="2:133" ht="21" customHeight="1" x14ac:dyDescent="0.2">
      <c r="B10" s="106" t="s">
        <v>14</v>
      </c>
      <c r="C10" s="217">
        <v>0</v>
      </c>
      <c r="D10" s="219">
        <v>0</v>
      </c>
      <c r="E10" s="219">
        <v>0</v>
      </c>
      <c r="F10" s="220">
        <v>7</v>
      </c>
      <c r="G10" s="218">
        <v>41</v>
      </c>
      <c r="H10" s="218">
        <v>826</v>
      </c>
      <c r="I10" s="218">
        <v>1214</v>
      </c>
      <c r="J10" s="219">
        <v>783</v>
      </c>
      <c r="K10" s="240">
        <v>2871</v>
      </c>
      <c r="L10" s="241">
        <v>2871</v>
      </c>
      <c r="M10" s="217">
        <v>0</v>
      </c>
      <c r="N10" s="219">
        <v>0</v>
      </c>
      <c r="O10" s="240">
        <v>0</v>
      </c>
      <c r="P10" s="220">
        <v>7</v>
      </c>
      <c r="Q10" s="218">
        <v>41</v>
      </c>
      <c r="R10" s="218">
        <v>822</v>
      </c>
      <c r="S10" s="218">
        <v>1203</v>
      </c>
      <c r="T10" s="219">
        <v>776</v>
      </c>
      <c r="U10" s="240">
        <v>2849</v>
      </c>
      <c r="V10" s="242">
        <v>2849</v>
      </c>
      <c r="W10" s="222">
        <v>0</v>
      </c>
      <c r="X10" s="219">
        <v>0</v>
      </c>
      <c r="Y10" s="240">
        <v>0</v>
      </c>
      <c r="Z10" s="222">
        <v>0</v>
      </c>
      <c r="AA10" s="218">
        <v>0</v>
      </c>
      <c r="AB10" s="218">
        <v>4</v>
      </c>
      <c r="AC10" s="218">
        <v>11</v>
      </c>
      <c r="AD10" s="219">
        <v>7</v>
      </c>
      <c r="AE10" s="240">
        <v>22</v>
      </c>
      <c r="AF10" s="221">
        <v>22</v>
      </c>
      <c r="AG10" s="222">
        <v>0</v>
      </c>
      <c r="AH10" s="219">
        <v>0</v>
      </c>
      <c r="AI10" s="240">
        <v>0</v>
      </c>
      <c r="AJ10" s="222">
        <v>57</v>
      </c>
      <c r="AK10" s="218">
        <v>195</v>
      </c>
      <c r="AL10" s="218">
        <v>288</v>
      </c>
      <c r="AM10" s="218">
        <v>375</v>
      </c>
      <c r="AN10" s="219">
        <v>196</v>
      </c>
      <c r="AO10" s="240">
        <v>1111</v>
      </c>
      <c r="AP10" s="221">
        <v>1111</v>
      </c>
      <c r="AQ10" s="222">
        <v>0</v>
      </c>
      <c r="AR10" s="219">
        <v>0</v>
      </c>
      <c r="AS10" s="240">
        <v>0</v>
      </c>
      <c r="AT10" s="220">
        <v>57</v>
      </c>
      <c r="AU10" s="218">
        <v>192</v>
      </c>
      <c r="AV10" s="218">
        <v>281</v>
      </c>
      <c r="AW10" s="218">
        <v>365</v>
      </c>
      <c r="AX10" s="219">
        <v>189</v>
      </c>
      <c r="AY10" s="240">
        <v>1084</v>
      </c>
      <c r="AZ10" s="241">
        <v>1084</v>
      </c>
      <c r="BA10" s="217">
        <v>0</v>
      </c>
      <c r="BB10" s="219">
        <v>0</v>
      </c>
      <c r="BC10" s="219">
        <v>0</v>
      </c>
      <c r="BD10" s="220">
        <v>0</v>
      </c>
      <c r="BE10" s="218">
        <v>3</v>
      </c>
      <c r="BF10" s="218">
        <v>7</v>
      </c>
      <c r="BG10" s="218">
        <v>10</v>
      </c>
      <c r="BH10" s="219">
        <v>7</v>
      </c>
      <c r="BI10" s="240">
        <v>27</v>
      </c>
      <c r="BJ10" s="242">
        <v>27</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1</v>
      </c>
      <c r="CS10" s="218">
        <v>0</v>
      </c>
      <c r="CT10" s="218">
        <v>11</v>
      </c>
      <c r="CU10" s="218">
        <v>101</v>
      </c>
      <c r="CV10" s="219">
        <v>108</v>
      </c>
      <c r="CW10" s="240">
        <v>221</v>
      </c>
      <c r="CX10" s="241">
        <v>221</v>
      </c>
      <c r="CY10" s="217">
        <v>0</v>
      </c>
      <c r="CZ10" s="219">
        <v>0</v>
      </c>
      <c r="DA10" s="219">
        <v>0</v>
      </c>
      <c r="DB10" s="220">
        <v>1</v>
      </c>
      <c r="DC10" s="218">
        <v>0</v>
      </c>
      <c r="DD10" s="218">
        <v>10</v>
      </c>
      <c r="DE10" s="218">
        <v>101</v>
      </c>
      <c r="DF10" s="219">
        <v>103</v>
      </c>
      <c r="DG10" s="240">
        <v>215</v>
      </c>
      <c r="DH10" s="242">
        <v>215</v>
      </c>
      <c r="DI10" s="222">
        <v>0</v>
      </c>
      <c r="DJ10" s="219">
        <v>0</v>
      </c>
      <c r="DK10" s="219">
        <v>0</v>
      </c>
      <c r="DL10" s="220">
        <v>0</v>
      </c>
      <c r="DM10" s="218">
        <v>0</v>
      </c>
      <c r="DN10" s="218">
        <v>1</v>
      </c>
      <c r="DO10" s="218">
        <v>0</v>
      </c>
      <c r="DP10" s="219">
        <v>5</v>
      </c>
      <c r="DQ10" s="240">
        <v>6</v>
      </c>
      <c r="DR10" s="242">
        <v>6</v>
      </c>
      <c r="DS10" s="222">
        <v>0</v>
      </c>
      <c r="DT10" s="219">
        <v>0</v>
      </c>
      <c r="DU10" s="219">
        <v>0</v>
      </c>
      <c r="DV10" s="220">
        <v>65</v>
      </c>
      <c r="DW10" s="218">
        <v>236</v>
      </c>
      <c r="DX10" s="218">
        <v>1123</v>
      </c>
      <c r="DY10" s="218">
        <v>1687</v>
      </c>
      <c r="DZ10" s="219">
        <v>1084</v>
      </c>
      <c r="EA10" s="240">
        <v>4195</v>
      </c>
      <c r="EB10" s="242">
        <v>4195</v>
      </c>
      <c r="EC10" s="239"/>
    </row>
    <row r="11" spans="2:133" ht="21" customHeight="1" x14ac:dyDescent="0.2">
      <c r="B11" s="106" t="s">
        <v>7</v>
      </c>
      <c r="C11" s="217">
        <v>0</v>
      </c>
      <c r="D11" s="219">
        <v>0</v>
      </c>
      <c r="E11" s="219">
        <v>0</v>
      </c>
      <c r="F11" s="220">
        <v>26</v>
      </c>
      <c r="G11" s="218">
        <v>41</v>
      </c>
      <c r="H11" s="218">
        <v>609</v>
      </c>
      <c r="I11" s="218">
        <v>928</v>
      </c>
      <c r="J11" s="219">
        <v>539</v>
      </c>
      <c r="K11" s="240">
        <v>2143</v>
      </c>
      <c r="L11" s="241">
        <v>2143</v>
      </c>
      <c r="M11" s="217">
        <v>0</v>
      </c>
      <c r="N11" s="219">
        <v>0</v>
      </c>
      <c r="O11" s="240">
        <v>0</v>
      </c>
      <c r="P11" s="220">
        <v>25</v>
      </c>
      <c r="Q11" s="218">
        <v>39</v>
      </c>
      <c r="R11" s="218">
        <v>605</v>
      </c>
      <c r="S11" s="218">
        <v>913</v>
      </c>
      <c r="T11" s="219">
        <v>532</v>
      </c>
      <c r="U11" s="240">
        <v>2114</v>
      </c>
      <c r="V11" s="242">
        <v>2114</v>
      </c>
      <c r="W11" s="222">
        <v>0</v>
      </c>
      <c r="X11" s="219">
        <v>0</v>
      </c>
      <c r="Y11" s="240">
        <v>0</v>
      </c>
      <c r="Z11" s="222">
        <v>1</v>
      </c>
      <c r="AA11" s="218">
        <v>2</v>
      </c>
      <c r="AB11" s="218">
        <v>4</v>
      </c>
      <c r="AC11" s="218">
        <v>15</v>
      </c>
      <c r="AD11" s="219">
        <v>7</v>
      </c>
      <c r="AE11" s="240">
        <v>29</v>
      </c>
      <c r="AF11" s="221">
        <v>29</v>
      </c>
      <c r="AG11" s="222">
        <v>0</v>
      </c>
      <c r="AH11" s="219">
        <v>0</v>
      </c>
      <c r="AI11" s="240">
        <v>0</v>
      </c>
      <c r="AJ11" s="222">
        <v>159</v>
      </c>
      <c r="AK11" s="218">
        <v>199</v>
      </c>
      <c r="AL11" s="218">
        <v>272</v>
      </c>
      <c r="AM11" s="218">
        <v>305</v>
      </c>
      <c r="AN11" s="219">
        <v>107</v>
      </c>
      <c r="AO11" s="240">
        <v>1042</v>
      </c>
      <c r="AP11" s="221">
        <v>1042</v>
      </c>
      <c r="AQ11" s="222">
        <v>0</v>
      </c>
      <c r="AR11" s="219">
        <v>0</v>
      </c>
      <c r="AS11" s="240">
        <v>0</v>
      </c>
      <c r="AT11" s="220">
        <v>159</v>
      </c>
      <c r="AU11" s="218">
        <v>197</v>
      </c>
      <c r="AV11" s="218">
        <v>265</v>
      </c>
      <c r="AW11" s="218">
        <v>296</v>
      </c>
      <c r="AX11" s="219">
        <v>105</v>
      </c>
      <c r="AY11" s="240">
        <v>1022</v>
      </c>
      <c r="AZ11" s="241">
        <v>1022</v>
      </c>
      <c r="BA11" s="217">
        <v>0</v>
      </c>
      <c r="BB11" s="219">
        <v>0</v>
      </c>
      <c r="BC11" s="219">
        <v>0</v>
      </c>
      <c r="BD11" s="220">
        <v>0</v>
      </c>
      <c r="BE11" s="218">
        <v>2</v>
      </c>
      <c r="BF11" s="218">
        <v>7</v>
      </c>
      <c r="BG11" s="218">
        <v>9</v>
      </c>
      <c r="BH11" s="219">
        <v>2</v>
      </c>
      <c r="BI11" s="240">
        <v>20</v>
      </c>
      <c r="BJ11" s="242">
        <v>20</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2</v>
      </c>
      <c r="CU11" s="218">
        <v>2</v>
      </c>
      <c r="CV11" s="219">
        <v>4</v>
      </c>
      <c r="CW11" s="240">
        <v>8</v>
      </c>
      <c r="CX11" s="241">
        <v>8</v>
      </c>
      <c r="CY11" s="217">
        <v>0</v>
      </c>
      <c r="CZ11" s="219">
        <v>0</v>
      </c>
      <c r="DA11" s="219">
        <v>0</v>
      </c>
      <c r="DB11" s="220">
        <v>0</v>
      </c>
      <c r="DC11" s="218">
        <v>0</v>
      </c>
      <c r="DD11" s="218">
        <v>2</v>
      </c>
      <c r="DE11" s="218">
        <v>2</v>
      </c>
      <c r="DF11" s="219">
        <v>4</v>
      </c>
      <c r="DG11" s="240">
        <v>8</v>
      </c>
      <c r="DH11" s="242">
        <v>8</v>
      </c>
      <c r="DI11" s="222">
        <v>0</v>
      </c>
      <c r="DJ11" s="219">
        <v>0</v>
      </c>
      <c r="DK11" s="219">
        <v>0</v>
      </c>
      <c r="DL11" s="220">
        <v>0</v>
      </c>
      <c r="DM11" s="218">
        <v>0</v>
      </c>
      <c r="DN11" s="218">
        <v>0</v>
      </c>
      <c r="DO11" s="218">
        <v>0</v>
      </c>
      <c r="DP11" s="219">
        <v>0</v>
      </c>
      <c r="DQ11" s="240">
        <v>0</v>
      </c>
      <c r="DR11" s="242">
        <v>0</v>
      </c>
      <c r="DS11" s="222">
        <v>0</v>
      </c>
      <c r="DT11" s="219">
        <v>0</v>
      </c>
      <c r="DU11" s="219">
        <v>0</v>
      </c>
      <c r="DV11" s="220">
        <v>185</v>
      </c>
      <c r="DW11" s="218">
        <v>240</v>
      </c>
      <c r="DX11" s="218">
        <v>881</v>
      </c>
      <c r="DY11" s="218">
        <v>1227</v>
      </c>
      <c r="DZ11" s="219">
        <v>648</v>
      </c>
      <c r="EA11" s="240">
        <v>3181</v>
      </c>
      <c r="EB11" s="242">
        <v>3181</v>
      </c>
      <c r="EC11" s="239"/>
    </row>
    <row r="12" spans="2:133" ht="21" customHeight="1" x14ac:dyDescent="0.2">
      <c r="B12" s="106" t="s">
        <v>8</v>
      </c>
      <c r="C12" s="217">
        <v>0</v>
      </c>
      <c r="D12" s="219">
        <v>0</v>
      </c>
      <c r="E12" s="219">
        <v>0</v>
      </c>
      <c r="F12" s="220">
        <v>13</v>
      </c>
      <c r="G12" s="218">
        <v>58</v>
      </c>
      <c r="H12" s="218">
        <v>395</v>
      </c>
      <c r="I12" s="218">
        <v>429</v>
      </c>
      <c r="J12" s="219">
        <v>258</v>
      </c>
      <c r="K12" s="240">
        <v>1153</v>
      </c>
      <c r="L12" s="241">
        <v>1153</v>
      </c>
      <c r="M12" s="217">
        <v>0</v>
      </c>
      <c r="N12" s="219">
        <v>0</v>
      </c>
      <c r="O12" s="240">
        <v>0</v>
      </c>
      <c r="P12" s="220">
        <v>13</v>
      </c>
      <c r="Q12" s="218">
        <v>57</v>
      </c>
      <c r="R12" s="218">
        <v>394</v>
      </c>
      <c r="S12" s="218">
        <v>425</v>
      </c>
      <c r="T12" s="219">
        <v>256</v>
      </c>
      <c r="U12" s="240">
        <v>1145</v>
      </c>
      <c r="V12" s="242">
        <v>1145</v>
      </c>
      <c r="W12" s="222">
        <v>0</v>
      </c>
      <c r="X12" s="219">
        <v>0</v>
      </c>
      <c r="Y12" s="240">
        <v>0</v>
      </c>
      <c r="Z12" s="222">
        <v>0</v>
      </c>
      <c r="AA12" s="218">
        <v>1</v>
      </c>
      <c r="AB12" s="218">
        <v>1</v>
      </c>
      <c r="AC12" s="218">
        <v>4</v>
      </c>
      <c r="AD12" s="219">
        <v>2</v>
      </c>
      <c r="AE12" s="240">
        <v>8</v>
      </c>
      <c r="AF12" s="221">
        <v>8</v>
      </c>
      <c r="AG12" s="222">
        <v>0</v>
      </c>
      <c r="AH12" s="219">
        <v>0</v>
      </c>
      <c r="AI12" s="240">
        <v>0</v>
      </c>
      <c r="AJ12" s="222">
        <v>44</v>
      </c>
      <c r="AK12" s="218">
        <v>86</v>
      </c>
      <c r="AL12" s="218">
        <v>139</v>
      </c>
      <c r="AM12" s="218">
        <v>144</v>
      </c>
      <c r="AN12" s="219">
        <v>77</v>
      </c>
      <c r="AO12" s="240">
        <v>490</v>
      </c>
      <c r="AP12" s="221">
        <v>490</v>
      </c>
      <c r="AQ12" s="222">
        <v>0</v>
      </c>
      <c r="AR12" s="219">
        <v>0</v>
      </c>
      <c r="AS12" s="240">
        <v>0</v>
      </c>
      <c r="AT12" s="220">
        <v>44</v>
      </c>
      <c r="AU12" s="218">
        <v>86</v>
      </c>
      <c r="AV12" s="218">
        <v>137</v>
      </c>
      <c r="AW12" s="218">
        <v>144</v>
      </c>
      <c r="AX12" s="219">
        <v>75</v>
      </c>
      <c r="AY12" s="240">
        <v>486</v>
      </c>
      <c r="AZ12" s="241">
        <v>486</v>
      </c>
      <c r="BA12" s="217">
        <v>0</v>
      </c>
      <c r="BB12" s="219">
        <v>0</v>
      </c>
      <c r="BC12" s="219">
        <v>0</v>
      </c>
      <c r="BD12" s="220">
        <v>0</v>
      </c>
      <c r="BE12" s="218">
        <v>0</v>
      </c>
      <c r="BF12" s="218">
        <v>2</v>
      </c>
      <c r="BG12" s="218">
        <v>0</v>
      </c>
      <c r="BH12" s="219">
        <v>2</v>
      </c>
      <c r="BI12" s="240">
        <v>4</v>
      </c>
      <c r="BJ12" s="242">
        <v>4</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1</v>
      </c>
      <c r="CU12" s="218">
        <v>9</v>
      </c>
      <c r="CV12" s="219">
        <v>10</v>
      </c>
      <c r="CW12" s="240">
        <v>21</v>
      </c>
      <c r="CX12" s="241">
        <v>21</v>
      </c>
      <c r="CY12" s="217">
        <v>0</v>
      </c>
      <c r="CZ12" s="219">
        <v>0</v>
      </c>
      <c r="DA12" s="219">
        <v>0</v>
      </c>
      <c r="DB12" s="220">
        <v>1</v>
      </c>
      <c r="DC12" s="218">
        <v>0</v>
      </c>
      <c r="DD12" s="218">
        <v>1</v>
      </c>
      <c r="DE12" s="218">
        <v>9</v>
      </c>
      <c r="DF12" s="219">
        <v>9</v>
      </c>
      <c r="DG12" s="240">
        <v>20</v>
      </c>
      <c r="DH12" s="242">
        <v>20</v>
      </c>
      <c r="DI12" s="222">
        <v>0</v>
      </c>
      <c r="DJ12" s="219">
        <v>0</v>
      </c>
      <c r="DK12" s="219">
        <v>0</v>
      </c>
      <c r="DL12" s="220">
        <v>0</v>
      </c>
      <c r="DM12" s="218">
        <v>0</v>
      </c>
      <c r="DN12" s="218">
        <v>0</v>
      </c>
      <c r="DO12" s="218">
        <v>0</v>
      </c>
      <c r="DP12" s="219">
        <v>1</v>
      </c>
      <c r="DQ12" s="240">
        <v>1</v>
      </c>
      <c r="DR12" s="242">
        <v>1</v>
      </c>
      <c r="DS12" s="222">
        <v>0</v>
      </c>
      <c r="DT12" s="219">
        <v>0</v>
      </c>
      <c r="DU12" s="219">
        <v>0</v>
      </c>
      <c r="DV12" s="220">
        <v>58</v>
      </c>
      <c r="DW12" s="218">
        <v>144</v>
      </c>
      <c r="DX12" s="218">
        <v>535</v>
      </c>
      <c r="DY12" s="218">
        <v>582</v>
      </c>
      <c r="DZ12" s="219">
        <v>345</v>
      </c>
      <c r="EA12" s="240">
        <v>1664</v>
      </c>
      <c r="EB12" s="242">
        <v>1664</v>
      </c>
      <c r="EC12" s="239"/>
    </row>
    <row r="13" spans="2:133" ht="21" customHeight="1" x14ac:dyDescent="0.2">
      <c r="B13" s="106" t="s">
        <v>9</v>
      </c>
      <c r="C13" s="217">
        <v>0</v>
      </c>
      <c r="D13" s="219">
        <v>0</v>
      </c>
      <c r="E13" s="219">
        <v>0</v>
      </c>
      <c r="F13" s="220">
        <v>4</v>
      </c>
      <c r="G13" s="218">
        <v>5</v>
      </c>
      <c r="H13" s="218">
        <v>202</v>
      </c>
      <c r="I13" s="218">
        <v>339</v>
      </c>
      <c r="J13" s="219">
        <v>274</v>
      </c>
      <c r="K13" s="240">
        <v>824</v>
      </c>
      <c r="L13" s="241">
        <v>824</v>
      </c>
      <c r="M13" s="217">
        <v>0</v>
      </c>
      <c r="N13" s="219">
        <v>0</v>
      </c>
      <c r="O13" s="240">
        <v>0</v>
      </c>
      <c r="P13" s="220">
        <v>4</v>
      </c>
      <c r="Q13" s="218">
        <v>5</v>
      </c>
      <c r="R13" s="218">
        <v>201</v>
      </c>
      <c r="S13" s="218">
        <v>335</v>
      </c>
      <c r="T13" s="219">
        <v>272</v>
      </c>
      <c r="U13" s="240">
        <v>817</v>
      </c>
      <c r="V13" s="242">
        <v>817</v>
      </c>
      <c r="W13" s="222">
        <v>0</v>
      </c>
      <c r="X13" s="219">
        <v>0</v>
      </c>
      <c r="Y13" s="240">
        <v>0</v>
      </c>
      <c r="Z13" s="222">
        <v>0</v>
      </c>
      <c r="AA13" s="218">
        <v>0</v>
      </c>
      <c r="AB13" s="218">
        <v>1</v>
      </c>
      <c r="AC13" s="218">
        <v>4</v>
      </c>
      <c r="AD13" s="219">
        <v>2</v>
      </c>
      <c r="AE13" s="240">
        <v>7</v>
      </c>
      <c r="AF13" s="221">
        <v>7</v>
      </c>
      <c r="AG13" s="222">
        <v>0</v>
      </c>
      <c r="AH13" s="219">
        <v>0</v>
      </c>
      <c r="AI13" s="240">
        <v>0</v>
      </c>
      <c r="AJ13" s="222">
        <v>31</v>
      </c>
      <c r="AK13" s="218">
        <v>67</v>
      </c>
      <c r="AL13" s="218">
        <v>106</v>
      </c>
      <c r="AM13" s="218">
        <v>114</v>
      </c>
      <c r="AN13" s="219">
        <v>76</v>
      </c>
      <c r="AO13" s="240">
        <v>394</v>
      </c>
      <c r="AP13" s="221">
        <v>394</v>
      </c>
      <c r="AQ13" s="222">
        <v>0</v>
      </c>
      <c r="AR13" s="219">
        <v>0</v>
      </c>
      <c r="AS13" s="240">
        <v>0</v>
      </c>
      <c r="AT13" s="220">
        <v>31</v>
      </c>
      <c r="AU13" s="218">
        <v>66</v>
      </c>
      <c r="AV13" s="218">
        <v>102</v>
      </c>
      <c r="AW13" s="218">
        <v>111</v>
      </c>
      <c r="AX13" s="219">
        <v>76</v>
      </c>
      <c r="AY13" s="240">
        <v>386</v>
      </c>
      <c r="AZ13" s="241">
        <v>386</v>
      </c>
      <c r="BA13" s="217">
        <v>0</v>
      </c>
      <c r="BB13" s="219">
        <v>0</v>
      </c>
      <c r="BC13" s="219">
        <v>0</v>
      </c>
      <c r="BD13" s="220">
        <v>0</v>
      </c>
      <c r="BE13" s="218">
        <v>1</v>
      </c>
      <c r="BF13" s="218">
        <v>4</v>
      </c>
      <c r="BG13" s="218">
        <v>3</v>
      </c>
      <c r="BH13" s="219">
        <v>0</v>
      </c>
      <c r="BI13" s="240">
        <v>8</v>
      </c>
      <c r="BJ13" s="242">
        <v>8</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3</v>
      </c>
      <c r="CV13" s="219">
        <v>6</v>
      </c>
      <c r="CW13" s="240">
        <v>9</v>
      </c>
      <c r="CX13" s="241">
        <v>9</v>
      </c>
      <c r="CY13" s="217">
        <v>0</v>
      </c>
      <c r="CZ13" s="219">
        <v>0</v>
      </c>
      <c r="DA13" s="219">
        <v>0</v>
      </c>
      <c r="DB13" s="220">
        <v>0</v>
      </c>
      <c r="DC13" s="218">
        <v>0</v>
      </c>
      <c r="DD13" s="218">
        <v>0</v>
      </c>
      <c r="DE13" s="218">
        <v>3</v>
      </c>
      <c r="DF13" s="219">
        <v>6</v>
      </c>
      <c r="DG13" s="240">
        <v>9</v>
      </c>
      <c r="DH13" s="242">
        <v>9</v>
      </c>
      <c r="DI13" s="222">
        <v>0</v>
      </c>
      <c r="DJ13" s="219">
        <v>0</v>
      </c>
      <c r="DK13" s="219">
        <v>0</v>
      </c>
      <c r="DL13" s="220">
        <v>0</v>
      </c>
      <c r="DM13" s="218">
        <v>0</v>
      </c>
      <c r="DN13" s="218">
        <v>0</v>
      </c>
      <c r="DO13" s="218">
        <v>0</v>
      </c>
      <c r="DP13" s="219">
        <v>0</v>
      </c>
      <c r="DQ13" s="240">
        <v>0</v>
      </c>
      <c r="DR13" s="242">
        <v>0</v>
      </c>
      <c r="DS13" s="222">
        <v>0</v>
      </c>
      <c r="DT13" s="219">
        <v>0</v>
      </c>
      <c r="DU13" s="219">
        <v>0</v>
      </c>
      <c r="DV13" s="220">
        <v>35</v>
      </c>
      <c r="DW13" s="218">
        <v>72</v>
      </c>
      <c r="DX13" s="218">
        <v>308</v>
      </c>
      <c r="DY13" s="218">
        <v>453</v>
      </c>
      <c r="DZ13" s="219">
        <v>355</v>
      </c>
      <c r="EA13" s="240">
        <v>1223</v>
      </c>
      <c r="EB13" s="242">
        <v>1223</v>
      </c>
      <c r="EC13" s="239"/>
    </row>
    <row r="14" spans="2:133" ht="21" customHeight="1" x14ac:dyDescent="0.2">
      <c r="B14" s="106" t="s">
        <v>10</v>
      </c>
      <c r="C14" s="217">
        <v>0</v>
      </c>
      <c r="D14" s="219">
        <v>0</v>
      </c>
      <c r="E14" s="219">
        <v>0</v>
      </c>
      <c r="F14" s="220">
        <v>14</v>
      </c>
      <c r="G14" s="218">
        <v>51</v>
      </c>
      <c r="H14" s="218">
        <v>329</v>
      </c>
      <c r="I14" s="218">
        <v>616</v>
      </c>
      <c r="J14" s="219">
        <v>439</v>
      </c>
      <c r="K14" s="240">
        <v>1449</v>
      </c>
      <c r="L14" s="241">
        <v>1449</v>
      </c>
      <c r="M14" s="217">
        <v>0</v>
      </c>
      <c r="N14" s="219">
        <v>0</v>
      </c>
      <c r="O14" s="240">
        <v>0</v>
      </c>
      <c r="P14" s="220">
        <v>14</v>
      </c>
      <c r="Q14" s="218">
        <v>50</v>
      </c>
      <c r="R14" s="218">
        <v>325</v>
      </c>
      <c r="S14" s="218">
        <v>610</v>
      </c>
      <c r="T14" s="219">
        <v>434</v>
      </c>
      <c r="U14" s="240">
        <v>1433</v>
      </c>
      <c r="V14" s="242">
        <v>1433</v>
      </c>
      <c r="W14" s="222">
        <v>0</v>
      </c>
      <c r="X14" s="219">
        <v>0</v>
      </c>
      <c r="Y14" s="240">
        <v>0</v>
      </c>
      <c r="Z14" s="222">
        <v>0</v>
      </c>
      <c r="AA14" s="218">
        <v>1</v>
      </c>
      <c r="AB14" s="218">
        <v>4</v>
      </c>
      <c r="AC14" s="218">
        <v>6</v>
      </c>
      <c r="AD14" s="219">
        <v>5</v>
      </c>
      <c r="AE14" s="240">
        <v>16</v>
      </c>
      <c r="AF14" s="221">
        <v>16</v>
      </c>
      <c r="AG14" s="222">
        <v>0</v>
      </c>
      <c r="AH14" s="219">
        <v>0</v>
      </c>
      <c r="AI14" s="240">
        <v>0</v>
      </c>
      <c r="AJ14" s="222">
        <v>82</v>
      </c>
      <c r="AK14" s="218">
        <v>110</v>
      </c>
      <c r="AL14" s="218">
        <v>139</v>
      </c>
      <c r="AM14" s="218">
        <v>183</v>
      </c>
      <c r="AN14" s="219">
        <v>96</v>
      </c>
      <c r="AO14" s="240">
        <v>610</v>
      </c>
      <c r="AP14" s="221">
        <v>610</v>
      </c>
      <c r="AQ14" s="222">
        <v>0</v>
      </c>
      <c r="AR14" s="219">
        <v>0</v>
      </c>
      <c r="AS14" s="240">
        <v>0</v>
      </c>
      <c r="AT14" s="220">
        <v>79</v>
      </c>
      <c r="AU14" s="218">
        <v>109</v>
      </c>
      <c r="AV14" s="218">
        <v>135</v>
      </c>
      <c r="AW14" s="218">
        <v>182</v>
      </c>
      <c r="AX14" s="219">
        <v>92</v>
      </c>
      <c r="AY14" s="240">
        <v>597</v>
      </c>
      <c r="AZ14" s="241">
        <v>597</v>
      </c>
      <c r="BA14" s="217">
        <v>0</v>
      </c>
      <c r="BB14" s="219">
        <v>0</v>
      </c>
      <c r="BC14" s="219">
        <v>0</v>
      </c>
      <c r="BD14" s="220">
        <v>3</v>
      </c>
      <c r="BE14" s="218">
        <v>1</v>
      </c>
      <c r="BF14" s="218">
        <v>4</v>
      </c>
      <c r="BG14" s="218">
        <v>1</v>
      </c>
      <c r="BH14" s="219">
        <v>4</v>
      </c>
      <c r="BI14" s="240">
        <v>13</v>
      </c>
      <c r="BJ14" s="242">
        <v>13</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0</v>
      </c>
      <c r="CS14" s="218">
        <v>0</v>
      </c>
      <c r="CT14" s="218">
        <v>2</v>
      </c>
      <c r="CU14" s="218">
        <v>5</v>
      </c>
      <c r="CV14" s="219">
        <v>27</v>
      </c>
      <c r="CW14" s="240">
        <v>34</v>
      </c>
      <c r="CX14" s="241">
        <v>34</v>
      </c>
      <c r="CY14" s="217">
        <v>0</v>
      </c>
      <c r="CZ14" s="219">
        <v>0</v>
      </c>
      <c r="DA14" s="219">
        <v>0</v>
      </c>
      <c r="DB14" s="220">
        <v>0</v>
      </c>
      <c r="DC14" s="218">
        <v>0</v>
      </c>
      <c r="DD14" s="218">
        <v>2</v>
      </c>
      <c r="DE14" s="218">
        <v>5</v>
      </c>
      <c r="DF14" s="219">
        <v>27</v>
      </c>
      <c r="DG14" s="240">
        <v>34</v>
      </c>
      <c r="DH14" s="242">
        <v>34</v>
      </c>
      <c r="DI14" s="222">
        <v>0</v>
      </c>
      <c r="DJ14" s="219">
        <v>0</v>
      </c>
      <c r="DK14" s="219">
        <v>0</v>
      </c>
      <c r="DL14" s="220">
        <v>0</v>
      </c>
      <c r="DM14" s="218">
        <v>0</v>
      </c>
      <c r="DN14" s="218">
        <v>0</v>
      </c>
      <c r="DO14" s="218">
        <v>0</v>
      </c>
      <c r="DP14" s="219">
        <v>0</v>
      </c>
      <c r="DQ14" s="240">
        <v>0</v>
      </c>
      <c r="DR14" s="242">
        <v>0</v>
      </c>
      <c r="DS14" s="222">
        <v>0</v>
      </c>
      <c r="DT14" s="219">
        <v>0</v>
      </c>
      <c r="DU14" s="219">
        <v>0</v>
      </c>
      <c r="DV14" s="220">
        <v>96</v>
      </c>
      <c r="DW14" s="218">
        <v>161</v>
      </c>
      <c r="DX14" s="218">
        <v>470</v>
      </c>
      <c r="DY14" s="218">
        <v>799</v>
      </c>
      <c r="DZ14" s="219">
        <v>561</v>
      </c>
      <c r="EA14" s="240">
        <v>2087</v>
      </c>
      <c r="EB14" s="242">
        <v>2087</v>
      </c>
      <c r="EC14" s="239"/>
    </row>
    <row r="15" spans="2:133" ht="21" customHeight="1" x14ac:dyDescent="0.2">
      <c r="B15" s="106" t="s">
        <v>11</v>
      </c>
      <c r="C15" s="217">
        <v>0</v>
      </c>
      <c r="D15" s="219">
        <v>0</v>
      </c>
      <c r="E15" s="219">
        <v>0</v>
      </c>
      <c r="F15" s="220">
        <v>2</v>
      </c>
      <c r="G15" s="218">
        <v>7</v>
      </c>
      <c r="H15" s="218">
        <v>194</v>
      </c>
      <c r="I15" s="218">
        <v>375</v>
      </c>
      <c r="J15" s="219">
        <v>212</v>
      </c>
      <c r="K15" s="240">
        <v>790</v>
      </c>
      <c r="L15" s="241">
        <v>790</v>
      </c>
      <c r="M15" s="217">
        <v>0</v>
      </c>
      <c r="N15" s="219">
        <v>0</v>
      </c>
      <c r="O15" s="240">
        <v>0</v>
      </c>
      <c r="P15" s="220">
        <v>2</v>
      </c>
      <c r="Q15" s="218">
        <v>7</v>
      </c>
      <c r="R15" s="218">
        <v>193</v>
      </c>
      <c r="S15" s="218">
        <v>373</v>
      </c>
      <c r="T15" s="219">
        <v>211</v>
      </c>
      <c r="U15" s="240">
        <v>786</v>
      </c>
      <c r="V15" s="242">
        <v>786</v>
      </c>
      <c r="W15" s="222">
        <v>0</v>
      </c>
      <c r="X15" s="219">
        <v>0</v>
      </c>
      <c r="Y15" s="240">
        <v>0</v>
      </c>
      <c r="Z15" s="222">
        <v>0</v>
      </c>
      <c r="AA15" s="218">
        <v>0</v>
      </c>
      <c r="AB15" s="218">
        <v>1</v>
      </c>
      <c r="AC15" s="218">
        <v>2</v>
      </c>
      <c r="AD15" s="219">
        <v>1</v>
      </c>
      <c r="AE15" s="240">
        <v>4</v>
      </c>
      <c r="AF15" s="221">
        <v>4</v>
      </c>
      <c r="AG15" s="222">
        <v>0</v>
      </c>
      <c r="AH15" s="219">
        <v>0</v>
      </c>
      <c r="AI15" s="240">
        <v>0</v>
      </c>
      <c r="AJ15" s="222">
        <v>51</v>
      </c>
      <c r="AK15" s="218">
        <v>92</v>
      </c>
      <c r="AL15" s="218">
        <v>132</v>
      </c>
      <c r="AM15" s="218">
        <v>162</v>
      </c>
      <c r="AN15" s="219">
        <v>84</v>
      </c>
      <c r="AO15" s="240">
        <v>521</v>
      </c>
      <c r="AP15" s="221">
        <v>521</v>
      </c>
      <c r="AQ15" s="222">
        <v>0</v>
      </c>
      <c r="AR15" s="219">
        <v>0</v>
      </c>
      <c r="AS15" s="240">
        <v>0</v>
      </c>
      <c r="AT15" s="220">
        <v>51</v>
      </c>
      <c r="AU15" s="218">
        <v>91</v>
      </c>
      <c r="AV15" s="218">
        <v>130</v>
      </c>
      <c r="AW15" s="218">
        <v>160</v>
      </c>
      <c r="AX15" s="219">
        <v>83</v>
      </c>
      <c r="AY15" s="240">
        <v>515</v>
      </c>
      <c r="AZ15" s="241">
        <v>515</v>
      </c>
      <c r="BA15" s="217">
        <v>0</v>
      </c>
      <c r="BB15" s="219">
        <v>0</v>
      </c>
      <c r="BC15" s="219">
        <v>0</v>
      </c>
      <c r="BD15" s="220">
        <v>0</v>
      </c>
      <c r="BE15" s="218">
        <v>1</v>
      </c>
      <c r="BF15" s="218">
        <v>2</v>
      </c>
      <c r="BG15" s="218">
        <v>2</v>
      </c>
      <c r="BH15" s="219">
        <v>1</v>
      </c>
      <c r="BI15" s="240">
        <v>6</v>
      </c>
      <c r="BJ15" s="242">
        <v>6</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6</v>
      </c>
      <c r="CT15" s="218">
        <v>8</v>
      </c>
      <c r="CU15" s="218">
        <v>12</v>
      </c>
      <c r="CV15" s="219">
        <v>36</v>
      </c>
      <c r="CW15" s="240">
        <v>66</v>
      </c>
      <c r="CX15" s="241">
        <v>66</v>
      </c>
      <c r="CY15" s="217">
        <v>0</v>
      </c>
      <c r="CZ15" s="219">
        <v>0</v>
      </c>
      <c r="DA15" s="219">
        <v>0</v>
      </c>
      <c r="DB15" s="220">
        <v>3</v>
      </c>
      <c r="DC15" s="218">
        <v>6</v>
      </c>
      <c r="DD15" s="218">
        <v>8</v>
      </c>
      <c r="DE15" s="218">
        <v>12</v>
      </c>
      <c r="DF15" s="219">
        <v>35</v>
      </c>
      <c r="DG15" s="240">
        <v>64</v>
      </c>
      <c r="DH15" s="242">
        <v>64</v>
      </c>
      <c r="DI15" s="222">
        <v>0</v>
      </c>
      <c r="DJ15" s="219">
        <v>0</v>
      </c>
      <c r="DK15" s="219">
        <v>0</v>
      </c>
      <c r="DL15" s="220">
        <v>1</v>
      </c>
      <c r="DM15" s="218">
        <v>0</v>
      </c>
      <c r="DN15" s="218">
        <v>0</v>
      </c>
      <c r="DO15" s="218">
        <v>0</v>
      </c>
      <c r="DP15" s="219">
        <v>1</v>
      </c>
      <c r="DQ15" s="240">
        <v>2</v>
      </c>
      <c r="DR15" s="242">
        <v>2</v>
      </c>
      <c r="DS15" s="222">
        <v>0</v>
      </c>
      <c r="DT15" s="219">
        <v>0</v>
      </c>
      <c r="DU15" s="219">
        <v>0</v>
      </c>
      <c r="DV15" s="220">
        <v>57</v>
      </c>
      <c r="DW15" s="218">
        <v>105</v>
      </c>
      <c r="DX15" s="218">
        <v>334</v>
      </c>
      <c r="DY15" s="218">
        <v>547</v>
      </c>
      <c r="DZ15" s="219">
        <v>331</v>
      </c>
      <c r="EA15" s="240">
        <v>1374</v>
      </c>
      <c r="EB15" s="242">
        <v>1374</v>
      </c>
      <c r="EC15" s="239"/>
    </row>
    <row r="16" spans="2:133" ht="21" customHeight="1" x14ac:dyDescent="0.2">
      <c r="B16" s="106" t="s">
        <v>12</v>
      </c>
      <c r="C16" s="217">
        <v>0</v>
      </c>
      <c r="D16" s="219">
        <v>0</v>
      </c>
      <c r="E16" s="219">
        <v>0</v>
      </c>
      <c r="F16" s="220">
        <v>2</v>
      </c>
      <c r="G16" s="218">
        <v>16</v>
      </c>
      <c r="H16" s="218">
        <v>191</v>
      </c>
      <c r="I16" s="218">
        <v>339</v>
      </c>
      <c r="J16" s="219">
        <v>194</v>
      </c>
      <c r="K16" s="240">
        <v>742</v>
      </c>
      <c r="L16" s="241">
        <v>742</v>
      </c>
      <c r="M16" s="217">
        <v>0</v>
      </c>
      <c r="N16" s="219">
        <v>0</v>
      </c>
      <c r="O16" s="240">
        <v>0</v>
      </c>
      <c r="P16" s="220">
        <v>2</v>
      </c>
      <c r="Q16" s="218">
        <v>16</v>
      </c>
      <c r="R16" s="218">
        <v>191</v>
      </c>
      <c r="S16" s="218">
        <v>338</v>
      </c>
      <c r="T16" s="219">
        <v>192</v>
      </c>
      <c r="U16" s="240">
        <v>739</v>
      </c>
      <c r="V16" s="242">
        <v>739</v>
      </c>
      <c r="W16" s="222">
        <v>0</v>
      </c>
      <c r="X16" s="219">
        <v>0</v>
      </c>
      <c r="Y16" s="240">
        <v>0</v>
      </c>
      <c r="Z16" s="222">
        <v>0</v>
      </c>
      <c r="AA16" s="218">
        <v>0</v>
      </c>
      <c r="AB16" s="218">
        <v>0</v>
      </c>
      <c r="AC16" s="218">
        <v>1</v>
      </c>
      <c r="AD16" s="219">
        <v>2</v>
      </c>
      <c r="AE16" s="240">
        <v>3</v>
      </c>
      <c r="AF16" s="221">
        <v>3</v>
      </c>
      <c r="AG16" s="222">
        <v>0</v>
      </c>
      <c r="AH16" s="219">
        <v>0</v>
      </c>
      <c r="AI16" s="240">
        <v>0</v>
      </c>
      <c r="AJ16" s="222">
        <v>35</v>
      </c>
      <c r="AK16" s="218">
        <v>85</v>
      </c>
      <c r="AL16" s="218">
        <v>167</v>
      </c>
      <c r="AM16" s="218">
        <v>173</v>
      </c>
      <c r="AN16" s="219">
        <v>77</v>
      </c>
      <c r="AO16" s="240">
        <v>537</v>
      </c>
      <c r="AP16" s="221">
        <v>537</v>
      </c>
      <c r="AQ16" s="222">
        <v>0</v>
      </c>
      <c r="AR16" s="219">
        <v>0</v>
      </c>
      <c r="AS16" s="240">
        <v>0</v>
      </c>
      <c r="AT16" s="220">
        <v>33</v>
      </c>
      <c r="AU16" s="218">
        <v>85</v>
      </c>
      <c r="AV16" s="218">
        <v>166</v>
      </c>
      <c r="AW16" s="218">
        <v>171</v>
      </c>
      <c r="AX16" s="219">
        <v>75</v>
      </c>
      <c r="AY16" s="240">
        <v>530</v>
      </c>
      <c r="AZ16" s="241">
        <v>530</v>
      </c>
      <c r="BA16" s="217">
        <v>0</v>
      </c>
      <c r="BB16" s="219">
        <v>0</v>
      </c>
      <c r="BC16" s="219">
        <v>0</v>
      </c>
      <c r="BD16" s="220">
        <v>2</v>
      </c>
      <c r="BE16" s="218">
        <v>0</v>
      </c>
      <c r="BF16" s="218">
        <v>1</v>
      </c>
      <c r="BG16" s="218">
        <v>2</v>
      </c>
      <c r="BH16" s="219">
        <v>2</v>
      </c>
      <c r="BI16" s="240">
        <v>7</v>
      </c>
      <c r="BJ16" s="242">
        <v>7</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0</v>
      </c>
      <c r="CT16" s="218">
        <v>3</v>
      </c>
      <c r="CU16" s="218">
        <v>18</v>
      </c>
      <c r="CV16" s="219">
        <v>12</v>
      </c>
      <c r="CW16" s="240">
        <v>33</v>
      </c>
      <c r="CX16" s="241">
        <v>33</v>
      </c>
      <c r="CY16" s="217">
        <v>0</v>
      </c>
      <c r="CZ16" s="219">
        <v>0</v>
      </c>
      <c r="DA16" s="219">
        <v>0</v>
      </c>
      <c r="DB16" s="220">
        <v>0</v>
      </c>
      <c r="DC16" s="218">
        <v>0</v>
      </c>
      <c r="DD16" s="218">
        <v>3</v>
      </c>
      <c r="DE16" s="218">
        <v>18</v>
      </c>
      <c r="DF16" s="219">
        <v>12</v>
      </c>
      <c r="DG16" s="240">
        <v>33</v>
      </c>
      <c r="DH16" s="242">
        <v>33</v>
      </c>
      <c r="DI16" s="222">
        <v>0</v>
      </c>
      <c r="DJ16" s="219">
        <v>0</v>
      </c>
      <c r="DK16" s="219">
        <v>0</v>
      </c>
      <c r="DL16" s="220">
        <v>0</v>
      </c>
      <c r="DM16" s="218">
        <v>0</v>
      </c>
      <c r="DN16" s="218">
        <v>0</v>
      </c>
      <c r="DO16" s="218">
        <v>0</v>
      </c>
      <c r="DP16" s="219">
        <v>0</v>
      </c>
      <c r="DQ16" s="240">
        <v>0</v>
      </c>
      <c r="DR16" s="242">
        <v>0</v>
      </c>
      <c r="DS16" s="222">
        <v>0</v>
      </c>
      <c r="DT16" s="219">
        <v>0</v>
      </c>
      <c r="DU16" s="219">
        <v>0</v>
      </c>
      <c r="DV16" s="220">
        <v>37</v>
      </c>
      <c r="DW16" s="218">
        <v>101</v>
      </c>
      <c r="DX16" s="218">
        <v>360</v>
      </c>
      <c r="DY16" s="218">
        <v>527</v>
      </c>
      <c r="DZ16" s="219">
        <v>282</v>
      </c>
      <c r="EA16" s="240">
        <v>1307</v>
      </c>
      <c r="EB16" s="242">
        <v>1307</v>
      </c>
      <c r="EC16" s="239"/>
    </row>
    <row r="17" spans="2:133" ht="21" customHeight="1" x14ac:dyDescent="0.2">
      <c r="B17" s="106" t="s">
        <v>13</v>
      </c>
      <c r="C17" s="217">
        <v>0</v>
      </c>
      <c r="D17" s="219">
        <v>0</v>
      </c>
      <c r="E17" s="219">
        <v>0</v>
      </c>
      <c r="F17" s="220">
        <v>1</v>
      </c>
      <c r="G17" s="218">
        <v>6</v>
      </c>
      <c r="H17" s="218">
        <v>60</v>
      </c>
      <c r="I17" s="218">
        <v>134</v>
      </c>
      <c r="J17" s="219">
        <v>130</v>
      </c>
      <c r="K17" s="240">
        <v>331</v>
      </c>
      <c r="L17" s="241">
        <v>331</v>
      </c>
      <c r="M17" s="217">
        <v>0</v>
      </c>
      <c r="N17" s="219">
        <v>0</v>
      </c>
      <c r="O17" s="240">
        <v>0</v>
      </c>
      <c r="P17" s="220">
        <v>1</v>
      </c>
      <c r="Q17" s="218">
        <v>6</v>
      </c>
      <c r="R17" s="218">
        <v>59</v>
      </c>
      <c r="S17" s="218">
        <v>134</v>
      </c>
      <c r="T17" s="219">
        <v>129</v>
      </c>
      <c r="U17" s="240">
        <v>329</v>
      </c>
      <c r="V17" s="242">
        <v>329</v>
      </c>
      <c r="W17" s="222">
        <v>0</v>
      </c>
      <c r="X17" s="219">
        <v>0</v>
      </c>
      <c r="Y17" s="240">
        <v>0</v>
      </c>
      <c r="Z17" s="222">
        <v>0</v>
      </c>
      <c r="AA17" s="218">
        <v>0</v>
      </c>
      <c r="AB17" s="218">
        <v>1</v>
      </c>
      <c r="AC17" s="218">
        <v>0</v>
      </c>
      <c r="AD17" s="219">
        <v>1</v>
      </c>
      <c r="AE17" s="240">
        <v>2</v>
      </c>
      <c r="AF17" s="221">
        <v>2</v>
      </c>
      <c r="AG17" s="222">
        <v>0</v>
      </c>
      <c r="AH17" s="219">
        <v>0</v>
      </c>
      <c r="AI17" s="240">
        <v>0</v>
      </c>
      <c r="AJ17" s="222">
        <v>10</v>
      </c>
      <c r="AK17" s="218">
        <v>18</v>
      </c>
      <c r="AL17" s="218">
        <v>33</v>
      </c>
      <c r="AM17" s="218">
        <v>33</v>
      </c>
      <c r="AN17" s="219">
        <v>22</v>
      </c>
      <c r="AO17" s="240">
        <v>116</v>
      </c>
      <c r="AP17" s="221">
        <v>116</v>
      </c>
      <c r="AQ17" s="222">
        <v>0</v>
      </c>
      <c r="AR17" s="219">
        <v>0</v>
      </c>
      <c r="AS17" s="240">
        <v>0</v>
      </c>
      <c r="AT17" s="220">
        <v>10</v>
      </c>
      <c r="AU17" s="218">
        <v>17</v>
      </c>
      <c r="AV17" s="218">
        <v>32</v>
      </c>
      <c r="AW17" s="218">
        <v>32</v>
      </c>
      <c r="AX17" s="219">
        <v>21</v>
      </c>
      <c r="AY17" s="240">
        <v>112</v>
      </c>
      <c r="AZ17" s="241">
        <v>112</v>
      </c>
      <c r="BA17" s="217">
        <v>0</v>
      </c>
      <c r="BB17" s="219">
        <v>0</v>
      </c>
      <c r="BC17" s="219">
        <v>0</v>
      </c>
      <c r="BD17" s="220">
        <v>0</v>
      </c>
      <c r="BE17" s="218">
        <v>1</v>
      </c>
      <c r="BF17" s="218">
        <v>1</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1</v>
      </c>
      <c r="CU17" s="218">
        <v>0</v>
      </c>
      <c r="CV17" s="219">
        <v>0</v>
      </c>
      <c r="CW17" s="240">
        <v>1</v>
      </c>
      <c r="CX17" s="241">
        <v>1</v>
      </c>
      <c r="CY17" s="217">
        <v>0</v>
      </c>
      <c r="CZ17" s="219">
        <v>0</v>
      </c>
      <c r="DA17" s="219">
        <v>0</v>
      </c>
      <c r="DB17" s="220">
        <v>0</v>
      </c>
      <c r="DC17" s="218">
        <v>0</v>
      </c>
      <c r="DD17" s="218">
        <v>1</v>
      </c>
      <c r="DE17" s="218">
        <v>0</v>
      </c>
      <c r="DF17" s="219">
        <v>0</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1</v>
      </c>
      <c r="DW17" s="218">
        <v>24</v>
      </c>
      <c r="DX17" s="218">
        <v>94</v>
      </c>
      <c r="DY17" s="218">
        <v>167</v>
      </c>
      <c r="DZ17" s="219">
        <v>152</v>
      </c>
      <c r="EA17" s="240">
        <v>448</v>
      </c>
      <c r="EB17" s="242">
        <v>448</v>
      </c>
      <c r="EC17" s="239"/>
    </row>
    <row r="18" spans="2:133" ht="21" customHeight="1" x14ac:dyDescent="0.2">
      <c r="B18" s="106" t="s">
        <v>15</v>
      </c>
      <c r="C18" s="217">
        <v>0</v>
      </c>
      <c r="D18" s="219">
        <v>0</v>
      </c>
      <c r="E18" s="219">
        <v>0</v>
      </c>
      <c r="F18" s="220">
        <v>1</v>
      </c>
      <c r="G18" s="218">
        <v>1</v>
      </c>
      <c r="H18" s="218">
        <v>86</v>
      </c>
      <c r="I18" s="218">
        <v>155</v>
      </c>
      <c r="J18" s="219">
        <v>71</v>
      </c>
      <c r="K18" s="240">
        <v>314</v>
      </c>
      <c r="L18" s="241">
        <v>314</v>
      </c>
      <c r="M18" s="217">
        <v>0</v>
      </c>
      <c r="N18" s="219">
        <v>0</v>
      </c>
      <c r="O18" s="240">
        <v>0</v>
      </c>
      <c r="P18" s="220">
        <v>1</v>
      </c>
      <c r="Q18" s="218">
        <v>1</v>
      </c>
      <c r="R18" s="218">
        <v>86</v>
      </c>
      <c r="S18" s="218">
        <v>153</v>
      </c>
      <c r="T18" s="219">
        <v>69</v>
      </c>
      <c r="U18" s="240">
        <v>310</v>
      </c>
      <c r="V18" s="242">
        <v>310</v>
      </c>
      <c r="W18" s="222">
        <v>0</v>
      </c>
      <c r="X18" s="219">
        <v>0</v>
      </c>
      <c r="Y18" s="240">
        <v>0</v>
      </c>
      <c r="Z18" s="222">
        <v>0</v>
      </c>
      <c r="AA18" s="218">
        <v>0</v>
      </c>
      <c r="AB18" s="218">
        <v>0</v>
      </c>
      <c r="AC18" s="218">
        <v>2</v>
      </c>
      <c r="AD18" s="219">
        <v>2</v>
      </c>
      <c r="AE18" s="240">
        <v>4</v>
      </c>
      <c r="AF18" s="221">
        <v>4</v>
      </c>
      <c r="AG18" s="222">
        <v>0</v>
      </c>
      <c r="AH18" s="219">
        <v>0</v>
      </c>
      <c r="AI18" s="240">
        <v>0</v>
      </c>
      <c r="AJ18" s="222">
        <v>17</v>
      </c>
      <c r="AK18" s="218">
        <v>34</v>
      </c>
      <c r="AL18" s="218">
        <v>45</v>
      </c>
      <c r="AM18" s="218">
        <v>58</v>
      </c>
      <c r="AN18" s="219">
        <v>25</v>
      </c>
      <c r="AO18" s="240">
        <v>179</v>
      </c>
      <c r="AP18" s="221">
        <v>179</v>
      </c>
      <c r="AQ18" s="222">
        <v>0</v>
      </c>
      <c r="AR18" s="219">
        <v>0</v>
      </c>
      <c r="AS18" s="240">
        <v>0</v>
      </c>
      <c r="AT18" s="220">
        <v>17</v>
      </c>
      <c r="AU18" s="218">
        <v>34</v>
      </c>
      <c r="AV18" s="218">
        <v>45</v>
      </c>
      <c r="AW18" s="218">
        <v>56</v>
      </c>
      <c r="AX18" s="219">
        <v>24</v>
      </c>
      <c r="AY18" s="240">
        <v>176</v>
      </c>
      <c r="AZ18" s="241">
        <v>176</v>
      </c>
      <c r="BA18" s="217">
        <v>0</v>
      </c>
      <c r="BB18" s="219">
        <v>0</v>
      </c>
      <c r="BC18" s="219">
        <v>0</v>
      </c>
      <c r="BD18" s="220">
        <v>0</v>
      </c>
      <c r="BE18" s="218">
        <v>0</v>
      </c>
      <c r="BF18" s="218">
        <v>0</v>
      </c>
      <c r="BG18" s="218">
        <v>2</v>
      </c>
      <c r="BH18" s="219">
        <v>1</v>
      </c>
      <c r="BI18" s="240">
        <v>3</v>
      </c>
      <c r="BJ18" s="242">
        <v>3</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8</v>
      </c>
      <c r="DW18" s="218">
        <v>35</v>
      </c>
      <c r="DX18" s="218">
        <v>131</v>
      </c>
      <c r="DY18" s="218">
        <v>212</v>
      </c>
      <c r="DZ18" s="219">
        <v>96</v>
      </c>
      <c r="EA18" s="240">
        <v>492</v>
      </c>
      <c r="EB18" s="242">
        <v>492</v>
      </c>
      <c r="EC18" s="239"/>
    </row>
    <row r="19" spans="2:133" ht="21" customHeight="1" x14ac:dyDescent="0.2">
      <c r="B19" s="106" t="s">
        <v>16</v>
      </c>
      <c r="C19" s="217">
        <v>0</v>
      </c>
      <c r="D19" s="219">
        <v>0</v>
      </c>
      <c r="E19" s="219">
        <v>0</v>
      </c>
      <c r="F19" s="220">
        <v>5</v>
      </c>
      <c r="G19" s="218">
        <v>11</v>
      </c>
      <c r="H19" s="218">
        <v>183</v>
      </c>
      <c r="I19" s="218">
        <v>268</v>
      </c>
      <c r="J19" s="219">
        <v>166</v>
      </c>
      <c r="K19" s="240">
        <v>633</v>
      </c>
      <c r="L19" s="241">
        <v>633</v>
      </c>
      <c r="M19" s="217">
        <v>0</v>
      </c>
      <c r="N19" s="219">
        <v>0</v>
      </c>
      <c r="O19" s="240">
        <v>0</v>
      </c>
      <c r="P19" s="220">
        <v>5</v>
      </c>
      <c r="Q19" s="218">
        <v>10</v>
      </c>
      <c r="R19" s="218">
        <v>183</v>
      </c>
      <c r="S19" s="218">
        <v>267</v>
      </c>
      <c r="T19" s="219">
        <v>163</v>
      </c>
      <c r="U19" s="240">
        <v>628</v>
      </c>
      <c r="V19" s="242">
        <v>628</v>
      </c>
      <c r="W19" s="222">
        <v>0</v>
      </c>
      <c r="X19" s="219">
        <v>0</v>
      </c>
      <c r="Y19" s="240">
        <v>0</v>
      </c>
      <c r="Z19" s="222">
        <v>0</v>
      </c>
      <c r="AA19" s="218">
        <v>1</v>
      </c>
      <c r="AB19" s="218">
        <v>0</v>
      </c>
      <c r="AC19" s="218">
        <v>1</v>
      </c>
      <c r="AD19" s="219">
        <v>3</v>
      </c>
      <c r="AE19" s="240">
        <v>5</v>
      </c>
      <c r="AF19" s="221">
        <v>5</v>
      </c>
      <c r="AG19" s="222">
        <v>0</v>
      </c>
      <c r="AH19" s="219">
        <v>0</v>
      </c>
      <c r="AI19" s="240">
        <v>0</v>
      </c>
      <c r="AJ19" s="222">
        <v>48</v>
      </c>
      <c r="AK19" s="218">
        <v>96</v>
      </c>
      <c r="AL19" s="218">
        <v>140</v>
      </c>
      <c r="AM19" s="218">
        <v>129</v>
      </c>
      <c r="AN19" s="219">
        <v>54</v>
      </c>
      <c r="AO19" s="240">
        <v>467</v>
      </c>
      <c r="AP19" s="221">
        <v>467</v>
      </c>
      <c r="AQ19" s="222">
        <v>0</v>
      </c>
      <c r="AR19" s="219">
        <v>0</v>
      </c>
      <c r="AS19" s="240">
        <v>0</v>
      </c>
      <c r="AT19" s="220">
        <v>48</v>
      </c>
      <c r="AU19" s="218">
        <v>96</v>
      </c>
      <c r="AV19" s="218">
        <v>139</v>
      </c>
      <c r="AW19" s="218">
        <v>129</v>
      </c>
      <c r="AX19" s="219">
        <v>53</v>
      </c>
      <c r="AY19" s="240">
        <v>465</v>
      </c>
      <c r="AZ19" s="241">
        <v>465</v>
      </c>
      <c r="BA19" s="217">
        <v>0</v>
      </c>
      <c r="BB19" s="219">
        <v>0</v>
      </c>
      <c r="BC19" s="219">
        <v>0</v>
      </c>
      <c r="BD19" s="220">
        <v>0</v>
      </c>
      <c r="BE19" s="218">
        <v>0</v>
      </c>
      <c r="BF19" s="218">
        <v>1</v>
      </c>
      <c r="BG19" s="218">
        <v>0</v>
      </c>
      <c r="BH19" s="219">
        <v>1</v>
      </c>
      <c r="BI19" s="240">
        <v>2</v>
      </c>
      <c r="BJ19" s="242">
        <v>2</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4</v>
      </c>
      <c r="CV19" s="219">
        <v>10</v>
      </c>
      <c r="CW19" s="240">
        <v>26</v>
      </c>
      <c r="CX19" s="241">
        <v>26</v>
      </c>
      <c r="CY19" s="217">
        <v>0</v>
      </c>
      <c r="CZ19" s="219">
        <v>0</v>
      </c>
      <c r="DA19" s="219">
        <v>0</v>
      </c>
      <c r="DB19" s="220">
        <v>0</v>
      </c>
      <c r="DC19" s="218">
        <v>0</v>
      </c>
      <c r="DD19" s="218">
        <v>2</v>
      </c>
      <c r="DE19" s="218">
        <v>14</v>
      </c>
      <c r="DF19" s="219">
        <v>10</v>
      </c>
      <c r="DG19" s="240">
        <v>26</v>
      </c>
      <c r="DH19" s="242">
        <v>26</v>
      </c>
      <c r="DI19" s="222">
        <v>0</v>
      </c>
      <c r="DJ19" s="219">
        <v>0</v>
      </c>
      <c r="DK19" s="219">
        <v>0</v>
      </c>
      <c r="DL19" s="220">
        <v>0</v>
      </c>
      <c r="DM19" s="218">
        <v>0</v>
      </c>
      <c r="DN19" s="218">
        <v>0</v>
      </c>
      <c r="DO19" s="218">
        <v>0</v>
      </c>
      <c r="DP19" s="219">
        <v>0</v>
      </c>
      <c r="DQ19" s="240">
        <v>0</v>
      </c>
      <c r="DR19" s="242">
        <v>0</v>
      </c>
      <c r="DS19" s="222">
        <v>0</v>
      </c>
      <c r="DT19" s="219">
        <v>0</v>
      </c>
      <c r="DU19" s="219">
        <v>0</v>
      </c>
      <c r="DV19" s="220">
        <v>53</v>
      </c>
      <c r="DW19" s="218">
        <v>107</v>
      </c>
      <c r="DX19" s="218">
        <v>324</v>
      </c>
      <c r="DY19" s="218">
        <v>409</v>
      </c>
      <c r="DZ19" s="219">
        <v>230</v>
      </c>
      <c r="EA19" s="240">
        <v>1123</v>
      </c>
      <c r="EB19" s="242">
        <v>1123</v>
      </c>
      <c r="EC19" s="239"/>
    </row>
    <row r="20" spans="2:133" ht="21" customHeight="1" x14ac:dyDescent="0.2">
      <c r="B20" s="106" t="s">
        <v>17</v>
      </c>
      <c r="C20" s="217">
        <v>0</v>
      </c>
      <c r="D20" s="219">
        <v>0</v>
      </c>
      <c r="E20" s="219">
        <v>0</v>
      </c>
      <c r="F20" s="220">
        <v>5</v>
      </c>
      <c r="G20" s="218">
        <v>14</v>
      </c>
      <c r="H20" s="218">
        <v>208</v>
      </c>
      <c r="I20" s="218">
        <v>288</v>
      </c>
      <c r="J20" s="219">
        <v>221</v>
      </c>
      <c r="K20" s="240">
        <v>736</v>
      </c>
      <c r="L20" s="241">
        <v>736</v>
      </c>
      <c r="M20" s="217">
        <v>0</v>
      </c>
      <c r="N20" s="219">
        <v>0</v>
      </c>
      <c r="O20" s="240">
        <v>0</v>
      </c>
      <c r="P20" s="220">
        <v>5</v>
      </c>
      <c r="Q20" s="218">
        <v>14</v>
      </c>
      <c r="R20" s="218">
        <v>208</v>
      </c>
      <c r="S20" s="218">
        <v>286</v>
      </c>
      <c r="T20" s="219">
        <v>217</v>
      </c>
      <c r="U20" s="240">
        <v>730</v>
      </c>
      <c r="V20" s="242">
        <v>730</v>
      </c>
      <c r="W20" s="222">
        <v>0</v>
      </c>
      <c r="X20" s="219">
        <v>0</v>
      </c>
      <c r="Y20" s="240">
        <v>0</v>
      </c>
      <c r="Z20" s="222">
        <v>0</v>
      </c>
      <c r="AA20" s="218">
        <v>0</v>
      </c>
      <c r="AB20" s="218">
        <v>0</v>
      </c>
      <c r="AC20" s="218">
        <v>2</v>
      </c>
      <c r="AD20" s="219">
        <v>4</v>
      </c>
      <c r="AE20" s="240">
        <v>6</v>
      </c>
      <c r="AF20" s="221">
        <v>6</v>
      </c>
      <c r="AG20" s="222">
        <v>0</v>
      </c>
      <c r="AH20" s="219">
        <v>0</v>
      </c>
      <c r="AI20" s="240">
        <v>0</v>
      </c>
      <c r="AJ20" s="222">
        <v>39</v>
      </c>
      <c r="AK20" s="218">
        <v>113</v>
      </c>
      <c r="AL20" s="218">
        <v>151</v>
      </c>
      <c r="AM20" s="218">
        <v>138</v>
      </c>
      <c r="AN20" s="219">
        <v>77</v>
      </c>
      <c r="AO20" s="240">
        <v>518</v>
      </c>
      <c r="AP20" s="221">
        <v>518</v>
      </c>
      <c r="AQ20" s="222">
        <v>0</v>
      </c>
      <c r="AR20" s="219">
        <v>0</v>
      </c>
      <c r="AS20" s="240">
        <v>0</v>
      </c>
      <c r="AT20" s="220">
        <v>38</v>
      </c>
      <c r="AU20" s="218">
        <v>111</v>
      </c>
      <c r="AV20" s="218">
        <v>149</v>
      </c>
      <c r="AW20" s="218">
        <v>136</v>
      </c>
      <c r="AX20" s="219">
        <v>76</v>
      </c>
      <c r="AY20" s="240">
        <v>510</v>
      </c>
      <c r="AZ20" s="241">
        <v>510</v>
      </c>
      <c r="BA20" s="217">
        <v>0</v>
      </c>
      <c r="BB20" s="219">
        <v>0</v>
      </c>
      <c r="BC20" s="219">
        <v>0</v>
      </c>
      <c r="BD20" s="220">
        <v>1</v>
      </c>
      <c r="BE20" s="218">
        <v>2</v>
      </c>
      <c r="BF20" s="218">
        <v>2</v>
      </c>
      <c r="BG20" s="218">
        <v>2</v>
      </c>
      <c r="BH20" s="219">
        <v>1</v>
      </c>
      <c r="BI20" s="240">
        <v>8</v>
      </c>
      <c r="BJ20" s="242">
        <v>8</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7</v>
      </c>
      <c r="CV20" s="219">
        <v>17</v>
      </c>
      <c r="CW20" s="240">
        <v>24</v>
      </c>
      <c r="CX20" s="241">
        <v>24</v>
      </c>
      <c r="CY20" s="217">
        <v>0</v>
      </c>
      <c r="CZ20" s="219">
        <v>0</v>
      </c>
      <c r="DA20" s="219">
        <v>0</v>
      </c>
      <c r="DB20" s="220">
        <v>0</v>
      </c>
      <c r="DC20" s="218">
        <v>0</v>
      </c>
      <c r="DD20" s="218">
        <v>0</v>
      </c>
      <c r="DE20" s="218">
        <v>7</v>
      </c>
      <c r="DF20" s="219">
        <v>16</v>
      </c>
      <c r="DG20" s="240">
        <v>23</v>
      </c>
      <c r="DH20" s="242">
        <v>23</v>
      </c>
      <c r="DI20" s="222">
        <v>0</v>
      </c>
      <c r="DJ20" s="219">
        <v>0</v>
      </c>
      <c r="DK20" s="219">
        <v>0</v>
      </c>
      <c r="DL20" s="220">
        <v>0</v>
      </c>
      <c r="DM20" s="218">
        <v>0</v>
      </c>
      <c r="DN20" s="218">
        <v>0</v>
      </c>
      <c r="DO20" s="218">
        <v>0</v>
      </c>
      <c r="DP20" s="219">
        <v>1</v>
      </c>
      <c r="DQ20" s="240">
        <v>1</v>
      </c>
      <c r="DR20" s="242">
        <v>1</v>
      </c>
      <c r="DS20" s="222">
        <v>0</v>
      </c>
      <c r="DT20" s="219">
        <v>0</v>
      </c>
      <c r="DU20" s="219">
        <v>0</v>
      </c>
      <c r="DV20" s="220">
        <v>44</v>
      </c>
      <c r="DW20" s="218">
        <v>127</v>
      </c>
      <c r="DX20" s="218">
        <v>359</v>
      </c>
      <c r="DY20" s="218">
        <v>433</v>
      </c>
      <c r="DZ20" s="219">
        <v>315</v>
      </c>
      <c r="EA20" s="240">
        <v>1278</v>
      </c>
      <c r="EB20" s="242">
        <v>1278</v>
      </c>
      <c r="EC20" s="239"/>
    </row>
    <row r="21" spans="2:133" ht="21" customHeight="1" x14ac:dyDescent="0.2">
      <c r="B21" s="106" t="s">
        <v>18</v>
      </c>
      <c r="C21" s="217">
        <v>0</v>
      </c>
      <c r="D21" s="219">
        <v>0</v>
      </c>
      <c r="E21" s="219">
        <v>0</v>
      </c>
      <c r="F21" s="220">
        <v>5</v>
      </c>
      <c r="G21" s="218">
        <v>13</v>
      </c>
      <c r="H21" s="218">
        <v>204</v>
      </c>
      <c r="I21" s="218">
        <v>394</v>
      </c>
      <c r="J21" s="219">
        <v>261</v>
      </c>
      <c r="K21" s="240">
        <v>877</v>
      </c>
      <c r="L21" s="241">
        <v>877</v>
      </c>
      <c r="M21" s="217">
        <v>0</v>
      </c>
      <c r="N21" s="219">
        <v>0</v>
      </c>
      <c r="O21" s="240">
        <v>0</v>
      </c>
      <c r="P21" s="220">
        <v>5</v>
      </c>
      <c r="Q21" s="218">
        <v>13</v>
      </c>
      <c r="R21" s="218">
        <v>202</v>
      </c>
      <c r="S21" s="218">
        <v>388</v>
      </c>
      <c r="T21" s="219">
        <v>257</v>
      </c>
      <c r="U21" s="240">
        <v>865</v>
      </c>
      <c r="V21" s="242">
        <v>865</v>
      </c>
      <c r="W21" s="222">
        <v>0</v>
      </c>
      <c r="X21" s="219">
        <v>0</v>
      </c>
      <c r="Y21" s="240">
        <v>0</v>
      </c>
      <c r="Z21" s="222">
        <v>0</v>
      </c>
      <c r="AA21" s="218">
        <v>0</v>
      </c>
      <c r="AB21" s="218">
        <v>2</v>
      </c>
      <c r="AC21" s="218">
        <v>6</v>
      </c>
      <c r="AD21" s="219">
        <v>4</v>
      </c>
      <c r="AE21" s="240">
        <v>12</v>
      </c>
      <c r="AF21" s="221">
        <v>12</v>
      </c>
      <c r="AG21" s="222">
        <v>0</v>
      </c>
      <c r="AH21" s="219">
        <v>0</v>
      </c>
      <c r="AI21" s="240">
        <v>0</v>
      </c>
      <c r="AJ21" s="222">
        <v>25</v>
      </c>
      <c r="AK21" s="218">
        <v>73</v>
      </c>
      <c r="AL21" s="218">
        <v>125</v>
      </c>
      <c r="AM21" s="218">
        <v>124</v>
      </c>
      <c r="AN21" s="219">
        <v>72</v>
      </c>
      <c r="AO21" s="240">
        <v>419</v>
      </c>
      <c r="AP21" s="221">
        <v>419</v>
      </c>
      <c r="AQ21" s="222">
        <v>0</v>
      </c>
      <c r="AR21" s="219">
        <v>0</v>
      </c>
      <c r="AS21" s="240">
        <v>0</v>
      </c>
      <c r="AT21" s="220">
        <v>25</v>
      </c>
      <c r="AU21" s="218">
        <v>70</v>
      </c>
      <c r="AV21" s="218">
        <v>122</v>
      </c>
      <c r="AW21" s="218">
        <v>121</v>
      </c>
      <c r="AX21" s="219">
        <v>69</v>
      </c>
      <c r="AY21" s="240">
        <v>407</v>
      </c>
      <c r="AZ21" s="241">
        <v>407</v>
      </c>
      <c r="BA21" s="217">
        <v>0</v>
      </c>
      <c r="BB21" s="219">
        <v>0</v>
      </c>
      <c r="BC21" s="219">
        <v>0</v>
      </c>
      <c r="BD21" s="220">
        <v>0</v>
      </c>
      <c r="BE21" s="218">
        <v>3</v>
      </c>
      <c r="BF21" s="218">
        <v>3</v>
      </c>
      <c r="BG21" s="218">
        <v>3</v>
      </c>
      <c r="BH21" s="219">
        <v>3</v>
      </c>
      <c r="BI21" s="240">
        <v>12</v>
      </c>
      <c r="BJ21" s="242">
        <v>12</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2</v>
      </c>
      <c r="CU21" s="218">
        <v>14</v>
      </c>
      <c r="CV21" s="219">
        <v>15</v>
      </c>
      <c r="CW21" s="240">
        <v>32</v>
      </c>
      <c r="CX21" s="241">
        <v>32</v>
      </c>
      <c r="CY21" s="217">
        <v>0</v>
      </c>
      <c r="CZ21" s="219">
        <v>0</v>
      </c>
      <c r="DA21" s="219">
        <v>0</v>
      </c>
      <c r="DB21" s="220">
        <v>0</v>
      </c>
      <c r="DC21" s="218">
        <v>1</v>
      </c>
      <c r="DD21" s="218">
        <v>2</v>
      </c>
      <c r="DE21" s="218">
        <v>13</v>
      </c>
      <c r="DF21" s="219">
        <v>15</v>
      </c>
      <c r="DG21" s="240">
        <v>31</v>
      </c>
      <c r="DH21" s="242">
        <v>31</v>
      </c>
      <c r="DI21" s="222">
        <v>0</v>
      </c>
      <c r="DJ21" s="219">
        <v>0</v>
      </c>
      <c r="DK21" s="219">
        <v>0</v>
      </c>
      <c r="DL21" s="220">
        <v>0</v>
      </c>
      <c r="DM21" s="218">
        <v>0</v>
      </c>
      <c r="DN21" s="218">
        <v>0</v>
      </c>
      <c r="DO21" s="218">
        <v>1</v>
      </c>
      <c r="DP21" s="219">
        <v>0</v>
      </c>
      <c r="DQ21" s="240">
        <v>1</v>
      </c>
      <c r="DR21" s="242">
        <v>1</v>
      </c>
      <c r="DS21" s="222">
        <v>0</v>
      </c>
      <c r="DT21" s="219">
        <v>0</v>
      </c>
      <c r="DU21" s="219">
        <v>0</v>
      </c>
      <c r="DV21" s="220">
        <v>30</v>
      </c>
      <c r="DW21" s="218">
        <v>87</v>
      </c>
      <c r="DX21" s="218">
        <v>329</v>
      </c>
      <c r="DY21" s="218">
        <v>528</v>
      </c>
      <c r="DZ21" s="219">
        <v>347</v>
      </c>
      <c r="EA21" s="240">
        <v>1321</v>
      </c>
      <c r="EB21" s="242">
        <v>1321</v>
      </c>
      <c r="EC21" s="239"/>
    </row>
    <row r="22" spans="2:133" ht="21" customHeight="1" x14ac:dyDescent="0.2">
      <c r="B22" s="106" t="s">
        <v>19</v>
      </c>
      <c r="C22" s="217">
        <v>0</v>
      </c>
      <c r="D22" s="219">
        <v>0</v>
      </c>
      <c r="E22" s="219">
        <v>0</v>
      </c>
      <c r="F22" s="220">
        <v>0</v>
      </c>
      <c r="G22" s="218">
        <v>5</v>
      </c>
      <c r="H22" s="218">
        <v>117</v>
      </c>
      <c r="I22" s="218">
        <v>106</v>
      </c>
      <c r="J22" s="219">
        <v>111</v>
      </c>
      <c r="K22" s="240">
        <v>339</v>
      </c>
      <c r="L22" s="241">
        <v>339</v>
      </c>
      <c r="M22" s="217">
        <v>0</v>
      </c>
      <c r="N22" s="219">
        <v>0</v>
      </c>
      <c r="O22" s="240">
        <v>0</v>
      </c>
      <c r="P22" s="220">
        <v>0</v>
      </c>
      <c r="Q22" s="218">
        <v>5</v>
      </c>
      <c r="R22" s="218">
        <v>116</v>
      </c>
      <c r="S22" s="218">
        <v>106</v>
      </c>
      <c r="T22" s="219">
        <v>110</v>
      </c>
      <c r="U22" s="240">
        <v>337</v>
      </c>
      <c r="V22" s="242">
        <v>337</v>
      </c>
      <c r="W22" s="222">
        <v>0</v>
      </c>
      <c r="X22" s="219">
        <v>0</v>
      </c>
      <c r="Y22" s="240">
        <v>0</v>
      </c>
      <c r="Z22" s="222">
        <v>0</v>
      </c>
      <c r="AA22" s="218">
        <v>0</v>
      </c>
      <c r="AB22" s="218">
        <v>1</v>
      </c>
      <c r="AC22" s="218">
        <v>0</v>
      </c>
      <c r="AD22" s="219">
        <v>1</v>
      </c>
      <c r="AE22" s="240">
        <v>2</v>
      </c>
      <c r="AF22" s="221">
        <v>2</v>
      </c>
      <c r="AG22" s="222">
        <v>0</v>
      </c>
      <c r="AH22" s="219">
        <v>0</v>
      </c>
      <c r="AI22" s="240">
        <v>0</v>
      </c>
      <c r="AJ22" s="222">
        <v>28</v>
      </c>
      <c r="AK22" s="218">
        <v>50</v>
      </c>
      <c r="AL22" s="218">
        <v>64</v>
      </c>
      <c r="AM22" s="218">
        <v>64</v>
      </c>
      <c r="AN22" s="219">
        <v>28</v>
      </c>
      <c r="AO22" s="240">
        <v>234</v>
      </c>
      <c r="AP22" s="221">
        <v>234</v>
      </c>
      <c r="AQ22" s="222">
        <v>0</v>
      </c>
      <c r="AR22" s="219">
        <v>0</v>
      </c>
      <c r="AS22" s="240">
        <v>0</v>
      </c>
      <c r="AT22" s="220">
        <v>27</v>
      </c>
      <c r="AU22" s="218">
        <v>50</v>
      </c>
      <c r="AV22" s="218">
        <v>62</v>
      </c>
      <c r="AW22" s="218">
        <v>62</v>
      </c>
      <c r="AX22" s="219">
        <v>28</v>
      </c>
      <c r="AY22" s="240">
        <v>229</v>
      </c>
      <c r="AZ22" s="241">
        <v>229</v>
      </c>
      <c r="BA22" s="217">
        <v>0</v>
      </c>
      <c r="BB22" s="219">
        <v>0</v>
      </c>
      <c r="BC22" s="219">
        <v>0</v>
      </c>
      <c r="BD22" s="220">
        <v>1</v>
      </c>
      <c r="BE22" s="218">
        <v>0</v>
      </c>
      <c r="BF22" s="218">
        <v>2</v>
      </c>
      <c r="BG22" s="218">
        <v>2</v>
      </c>
      <c r="BH22" s="219">
        <v>0</v>
      </c>
      <c r="BI22" s="240">
        <v>5</v>
      </c>
      <c r="BJ22" s="242">
        <v>5</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2</v>
      </c>
      <c r="CV22" s="219">
        <v>5</v>
      </c>
      <c r="CW22" s="240">
        <v>7</v>
      </c>
      <c r="CX22" s="241">
        <v>7</v>
      </c>
      <c r="CY22" s="217">
        <v>0</v>
      </c>
      <c r="CZ22" s="219">
        <v>0</v>
      </c>
      <c r="DA22" s="219">
        <v>0</v>
      </c>
      <c r="DB22" s="220">
        <v>0</v>
      </c>
      <c r="DC22" s="218">
        <v>0</v>
      </c>
      <c r="DD22" s="218">
        <v>0</v>
      </c>
      <c r="DE22" s="218">
        <v>2</v>
      </c>
      <c r="DF22" s="219">
        <v>6</v>
      </c>
      <c r="DG22" s="240">
        <v>8</v>
      </c>
      <c r="DH22" s="242">
        <v>8</v>
      </c>
      <c r="DI22" s="222">
        <v>0</v>
      </c>
      <c r="DJ22" s="219">
        <v>0</v>
      </c>
      <c r="DK22" s="219">
        <v>0</v>
      </c>
      <c r="DL22" s="220">
        <v>0</v>
      </c>
      <c r="DM22" s="218">
        <v>0</v>
      </c>
      <c r="DN22" s="218">
        <v>0</v>
      </c>
      <c r="DO22" s="218">
        <v>0</v>
      </c>
      <c r="DP22" s="219">
        <v>-1</v>
      </c>
      <c r="DQ22" s="240">
        <v>-1</v>
      </c>
      <c r="DR22" s="242">
        <v>-1</v>
      </c>
      <c r="DS22" s="222">
        <v>0</v>
      </c>
      <c r="DT22" s="219">
        <v>0</v>
      </c>
      <c r="DU22" s="219">
        <v>0</v>
      </c>
      <c r="DV22" s="220">
        <v>28</v>
      </c>
      <c r="DW22" s="218">
        <v>55</v>
      </c>
      <c r="DX22" s="218">
        <v>181</v>
      </c>
      <c r="DY22" s="218">
        <v>171</v>
      </c>
      <c r="DZ22" s="219">
        <v>143</v>
      </c>
      <c r="EA22" s="240">
        <v>578</v>
      </c>
      <c r="EB22" s="242">
        <v>578</v>
      </c>
      <c r="EC22" s="239"/>
    </row>
    <row r="23" spans="2:133" ht="21" customHeight="1" x14ac:dyDescent="0.2">
      <c r="B23" s="106" t="s">
        <v>20</v>
      </c>
      <c r="C23" s="217">
        <v>0</v>
      </c>
      <c r="D23" s="219">
        <v>0</v>
      </c>
      <c r="E23" s="219">
        <v>0</v>
      </c>
      <c r="F23" s="220">
        <v>4</v>
      </c>
      <c r="G23" s="218">
        <v>27</v>
      </c>
      <c r="H23" s="218">
        <v>149</v>
      </c>
      <c r="I23" s="218">
        <v>216</v>
      </c>
      <c r="J23" s="219">
        <v>106</v>
      </c>
      <c r="K23" s="240">
        <v>502</v>
      </c>
      <c r="L23" s="241">
        <v>502</v>
      </c>
      <c r="M23" s="217">
        <v>0</v>
      </c>
      <c r="N23" s="219">
        <v>0</v>
      </c>
      <c r="O23" s="240">
        <v>0</v>
      </c>
      <c r="P23" s="220">
        <v>4</v>
      </c>
      <c r="Q23" s="218">
        <v>27</v>
      </c>
      <c r="R23" s="218">
        <v>149</v>
      </c>
      <c r="S23" s="218">
        <v>214</v>
      </c>
      <c r="T23" s="219">
        <v>104</v>
      </c>
      <c r="U23" s="240">
        <v>498</v>
      </c>
      <c r="V23" s="242">
        <v>498</v>
      </c>
      <c r="W23" s="222">
        <v>0</v>
      </c>
      <c r="X23" s="219">
        <v>0</v>
      </c>
      <c r="Y23" s="240">
        <v>0</v>
      </c>
      <c r="Z23" s="222">
        <v>0</v>
      </c>
      <c r="AA23" s="218">
        <v>0</v>
      </c>
      <c r="AB23" s="218">
        <v>0</v>
      </c>
      <c r="AC23" s="218">
        <v>2</v>
      </c>
      <c r="AD23" s="219">
        <v>2</v>
      </c>
      <c r="AE23" s="240">
        <v>4</v>
      </c>
      <c r="AF23" s="221">
        <v>4</v>
      </c>
      <c r="AG23" s="222">
        <v>0</v>
      </c>
      <c r="AH23" s="219">
        <v>0</v>
      </c>
      <c r="AI23" s="240">
        <v>0</v>
      </c>
      <c r="AJ23" s="222">
        <v>13</v>
      </c>
      <c r="AK23" s="218">
        <v>34</v>
      </c>
      <c r="AL23" s="218">
        <v>31</v>
      </c>
      <c r="AM23" s="218">
        <v>56</v>
      </c>
      <c r="AN23" s="219">
        <v>22</v>
      </c>
      <c r="AO23" s="240">
        <v>156</v>
      </c>
      <c r="AP23" s="221">
        <v>156</v>
      </c>
      <c r="AQ23" s="222">
        <v>0</v>
      </c>
      <c r="AR23" s="219">
        <v>0</v>
      </c>
      <c r="AS23" s="240">
        <v>0</v>
      </c>
      <c r="AT23" s="220">
        <v>12</v>
      </c>
      <c r="AU23" s="218">
        <v>34</v>
      </c>
      <c r="AV23" s="218">
        <v>31</v>
      </c>
      <c r="AW23" s="218">
        <v>56</v>
      </c>
      <c r="AX23" s="219">
        <v>22</v>
      </c>
      <c r="AY23" s="240">
        <v>155</v>
      </c>
      <c r="AZ23" s="241">
        <v>155</v>
      </c>
      <c r="BA23" s="217">
        <v>0</v>
      </c>
      <c r="BB23" s="219">
        <v>0</v>
      </c>
      <c r="BC23" s="219">
        <v>0</v>
      </c>
      <c r="BD23" s="220">
        <v>1</v>
      </c>
      <c r="BE23" s="218">
        <v>0</v>
      </c>
      <c r="BF23" s="218">
        <v>0</v>
      </c>
      <c r="BG23" s="218">
        <v>0</v>
      </c>
      <c r="BH23" s="219">
        <v>0</v>
      </c>
      <c r="BI23" s="240">
        <v>1</v>
      </c>
      <c r="BJ23" s="242">
        <v>1</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1</v>
      </c>
      <c r="CU23" s="218">
        <v>5</v>
      </c>
      <c r="CV23" s="219">
        <v>3</v>
      </c>
      <c r="CW23" s="240">
        <v>9</v>
      </c>
      <c r="CX23" s="241">
        <v>9</v>
      </c>
      <c r="CY23" s="217">
        <v>0</v>
      </c>
      <c r="CZ23" s="219">
        <v>0</v>
      </c>
      <c r="DA23" s="219">
        <v>0</v>
      </c>
      <c r="DB23" s="220">
        <v>0</v>
      </c>
      <c r="DC23" s="218">
        <v>0</v>
      </c>
      <c r="DD23" s="218">
        <v>1</v>
      </c>
      <c r="DE23" s="218">
        <v>5</v>
      </c>
      <c r="DF23" s="219">
        <v>3</v>
      </c>
      <c r="DG23" s="240">
        <v>9</v>
      </c>
      <c r="DH23" s="242">
        <v>9</v>
      </c>
      <c r="DI23" s="222">
        <v>0</v>
      </c>
      <c r="DJ23" s="219">
        <v>0</v>
      </c>
      <c r="DK23" s="219">
        <v>0</v>
      </c>
      <c r="DL23" s="220">
        <v>0</v>
      </c>
      <c r="DM23" s="218">
        <v>0</v>
      </c>
      <c r="DN23" s="218">
        <v>0</v>
      </c>
      <c r="DO23" s="218">
        <v>0</v>
      </c>
      <c r="DP23" s="219">
        <v>0</v>
      </c>
      <c r="DQ23" s="240">
        <v>0</v>
      </c>
      <c r="DR23" s="242">
        <v>0</v>
      </c>
      <c r="DS23" s="222">
        <v>0</v>
      </c>
      <c r="DT23" s="219">
        <v>0</v>
      </c>
      <c r="DU23" s="219">
        <v>0</v>
      </c>
      <c r="DV23" s="220">
        <v>17</v>
      </c>
      <c r="DW23" s="218">
        <v>61</v>
      </c>
      <c r="DX23" s="218">
        <v>181</v>
      </c>
      <c r="DY23" s="218">
        <v>276</v>
      </c>
      <c r="DZ23" s="219">
        <v>130</v>
      </c>
      <c r="EA23" s="240">
        <v>665</v>
      </c>
      <c r="EB23" s="242">
        <v>665</v>
      </c>
      <c r="EC23" s="239"/>
    </row>
    <row r="24" spans="2:133" ht="21" customHeight="1" x14ac:dyDescent="0.2">
      <c r="B24" s="106" t="s">
        <v>21</v>
      </c>
      <c r="C24" s="217">
        <v>0</v>
      </c>
      <c r="D24" s="219">
        <v>0</v>
      </c>
      <c r="E24" s="219">
        <v>0</v>
      </c>
      <c r="F24" s="220">
        <v>5</v>
      </c>
      <c r="G24" s="218">
        <v>16</v>
      </c>
      <c r="H24" s="218">
        <v>172</v>
      </c>
      <c r="I24" s="218">
        <v>200</v>
      </c>
      <c r="J24" s="219">
        <v>137</v>
      </c>
      <c r="K24" s="240">
        <v>530</v>
      </c>
      <c r="L24" s="241">
        <v>530</v>
      </c>
      <c r="M24" s="217">
        <v>0</v>
      </c>
      <c r="N24" s="219">
        <v>0</v>
      </c>
      <c r="O24" s="240">
        <v>0</v>
      </c>
      <c r="P24" s="220">
        <v>4</v>
      </c>
      <c r="Q24" s="218">
        <v>16</v>
      </c>
      <c r="R24" s="218">
        <v>172</v>
      </c>
      <c r="S24" s="218">
        <v>200</v>
      </c>
      <c r="T24" s="219">
        <v>136</v>
      </c>
      <c r="U24" s="240">
        <v>528</v>
      </c>
      <c r="V24" s="242">
        <v>528</v>
      </c>
      <c r="W24" s="222">
        <v>0</v>
      </c>
      <c r="X24" s="219">
        <v>0</v>
      </c>
      <c r="Y24" s="240">
        <v>0</v>
      </c>
      <c r="Z24" s="222">
        <v>1</v>
      </c>
      <c r="AA24" s="218">
        <v>0</v>
      </c>
      <c r="AB24" s="218">
        <v>0</v>
      </c>
      <c r="AC24" s="218">
        <v>0</v>
      </c>
      <c r="AD24" s="219">
        <v>1</v>
      </c>
      <c r="AE24" s="240">
        <v>2</v>
      </c>
      <c r="AF24" s="221">
        <v>2</v>
      </c>
      <c r="AG24" s="222">
        <v>0</v>
      </c>
      <c r="AH24" s="219">
        <v>0</v>
      </c>
      <c r="AI24" s="240">
        <v>0</v>
      </c>
      <c r="AJ24" s="222">
        <v>26</v>
      </c>
      <c r="AK24" s="218">
        <v>39</v>
      </c>
      <c r="AL24" s="218">
        <v>47</v>
      </c>
      <c r="AM24" s="218">
        <v>54</v>
      </c>
      <c r="AN24" s="219">
        <v>26</v>
      </c>
      <c r="AO24" s="240">
        <v>192</v>
      </c>
      <c r="AP24" s="221">
        <v>192</v>
      </c>
      <c r="AQ24" s="222">
        <v>0</v>
      </c>
      <c r="AR24" s="219">
        <v>0</v>
      </c>
      <c r="AS24" s="240">
        <v>0</v>
      </c>
      <c r="AT24" s="220">
        <v>26</v>
      </c>
      <c r="AU24" s="218">
        <v>39</v>
      </c>
      <c r="AV24" s="218">
        <v>45</v>
      </c>
      <c r="AW24" s="218">
        <v>51</v>
      </c>
      <c r="AX24" s="219">
        <v>22</v>
      </c>
      <c r="AY24" s="240">
        <v>183</v>
      </c>
      <c r="AZ24" s="241">
        <v>183</v>
      </c>
      <c r="BA24" s="217">
        <v>0</v>
      </c>
      <c r="BB24" s="219">
        <v>0</v>
      </c>
      <c r="BC24" s="219">
        <v>0</v>
      </c>
      <c r="BD24" s="220">
        <v>0</v>
      </c>
      <c r="BE24" s="218">
        <v>0</v>
      </c>
      <c r="BF24" s="218">
        <v>2</v>
      </c>
      <c r="BG24" s="218">
        <v>3</v>
      </c>
      <c r="BH24" s="219">
        <v>4</v>
      </c>
      <c r="BI24" s="240">
        <v>9</v>
      </c>
      <c r="BJ24" s="242">
        <v>9</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1</v>
      </c>
      <c r="CT24" s="218">
        <v>1</v>
      </c>
      <c r="CU24" s="218">
        <v>13</v>
      </c>
      <c r="CV24" s="219">
        <v>17</v>
      </c>
      <c r="CW24" s="240">
        <v>32</v>
      </c>
      <c r="CX24" s="241">
        <v>32</v>
      </c>
      <c r="CY24" s="217">
        <v>0</v>
      </c>
      <c r="CZ24" s="219">
        <v>0</v>
      </c>
      <c r="DA24" s="219">
        <v>0</v>
      </c>
      <c r="DB24" s="220">
        <v>0</v>
      </c>
      <c r="DC24" s="218">
        <v>1</v>
      </c>
      <c r="DD24" s="218">
        <v>1</v>
      </c>
      <c r="DE24" s="218">
        <v>13</v>
      </c>
      <c r="DF24" s="219">
        <v>17</v>
      </c>
      <c r="DG24" s="240">
        <v>32</v>
      </c>
      <c r="DH24" s="242">
        <v>32</v>
      </c>
      <c r="DI24" s="222">
        <v>0</v>
      </c>
      <c r="DJ24" s="219">
        <v>0</v>
      </c>
      <c r="DK24" s="219">
        <v>0</v>
      </c>
      <c r="DL24" s="220">
        <v>0</v>
      </c>
      <c r="DM24" s="218">
        <v>0</v>
      </c>
      <c r="DN24" s="218">
        <v>0</v>
      </c>
      <c r="DO24" s="218">
        <v>0</v>
      </c>
      <c r="DP24" s="219">
        <v>0</v>
      </c>
      <c r="DQ24" s="240">
        <v>0</v>
      </c>
      <c r="DR24" s="242">
        <v>0</v>
      </c>
      <c r="DS24" s="222">
        <v>0</v>
      </c>
      <c r="DT24" s="219">
        <v>0</v>
      </c>
      <c r="DU24" s="219">
        <v>0</v>
      </c>
      <c r="DV24" s="220">
        <v>31</v>
      </c>
      <c r="DW24" s="218">
        <v>56</v>
      </c>
      <c r="DX24" s="218">
        <v>220</v>
      </c>
      <c r="DY24" s="218">
        <v>267</v>
      </c>
      <c r="DZ24" s="219">
        <v>180</v>
      </c>
      <c r="EA24" s="240">
        <v>754</v>
      </c>
      <c r="EB24" s="242">
        <v>754</v>
      </c>
      <c r="EC24" s="239"/>
    </row>
    <row r="25" spans="2:133" ht="21" customHeight="1" x14ac:dyDescent="0.2">
      <c r="B25" s="106" t="s">
        <v>22</v>
      </c>
      <c r="C25" s="217">
        <v>0</v>
      </c>
      <c r="D25" s="219">
        <v>0</v>
      </c>
      <c r="E25" s="219">
        <v>0</v>
      </c>
      <c r="F25" s="220">
        <v>2</v>
      </c>
      <c r="G25" s="218">
        <v>6</v>
      </c>
      <c r="H25" s="218">
        <v>48</v>
      </c>
      <c r="I25" s="218">
        <v>65</v>
      </c>
      <c r="J25" s="219">
        <v>35</v>
      </c>
      <c r="K25" s="240">
        <v>156</v>
      </c>
      <c r="L25" s="241">
        <v>156</v>
      </c>
      <c r="M25" s="217">
        <v>0</v>
      </c>
      <c r="N25" s="219">
        <v>0</v>
      </c>
      <c r="O25" s="240">
        <v>0</v>
      </c>
      <c r="P25" s="220">
        <v>2</v>
      </c>
      <c r="Q25" s="218">
        <v>6</v>
      </c>
      <c r="R25" s="218">
        <v>48</v>
      </c>
      <c r="S25" s="218">
        <v>65</v>
      </c>
      <c r="T25" s="219">
        <v>35</v>
      </c>
      <c r="U25" s="240">
        <v>156</v>
      </c>
      <c r="V25" s="242">
        <v>156</v>
      </c>
      <c r="W25" s="222">
        <v>0</v>
      </c>
      <c r="X25" s="219">
        <v>0</v>
      </c>
      <c r="Y25" s="240">
        <v>0</v>
      </c>
      <c r="Z25" s="222">
        <v>0</v>
      </c>
      <c r="AA25" s="218">
        <v>0</v>
      </c>
      <c r="AB25" s="218">
        <v>0</v>
      </c>
      <c r="AC25" s="218">
        <v>0</v>
      </c>
      <c r="AD25" s="219">
        <v>0</v>
      </c>
      <c r="AE25" s="240">
        <v>0</v>
      </c>
      <c r="AF25" s="221">
        <v>0</v>
      </c>
      <c r="AG25" s="222">
        <v>0</v>
      </c>
      <c r="AH25" s="219">
        <v>0</v>
      </c>
      <c r="AI25" s="240">
        <v>0</v>
      </c>
      <c r="AJ25" s="222">
        <v>9</v>
      </c>
      <c r="AK25" s="218">
        <v>19</v>
      </c>
      <c r="AL25" s="218">
        <v>28</v>
      </c>
      <c r="AM25" s="218">
        <v>49</v>
      </c>
      <c r="AN25" s="219">
        <v>18</v>
      </c>
      <c r="AO25" s="240">
        <v>123</v>
      </c>
      <c r="AP25" s="221">
        <v>123</v>
      </c>
      <c r="AQ25" s="222">
        <v>0</v>
      </c>
      <c r="AR25" s="219">
        <v>0</v>
      </c>
      <c r="AS25" s="240">
        <v>0</v>
      </c>
      <c r="AT25" s="220">
        <v>9</v>
      </c>
      <c r="AU25" s="218">
        <v>19</v>
      </c>
      <c r="AV25" s="218">
        <v>28</v>
      </c>
      <c r="AW25" s="218">
        <v>48</v>
      </c>
      <c r="AX25" s="219">
        <v>18</v>
      </c>
      <c r="AY25" s="240">
        <v>122</v>
      </c>
      <c r="AZ25" s="241">
        <v>122</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6</v>
      </c>
      <c r="CV25" s="219">
        <v>3</v>
      </c>
      <c r="CW25" s="240">
        <v>10</v>
      </c>
      <c r="CX25" s="241">
        <v>10</v>
      </c>
      <c r="CY25" s="217">
        <v>0</v>
      </c>
      <c r="CZ25" s="219">
        <v>0</v>
      </c>
      <c r="DA25" s="219">
        <v>0</v>
      </c>
      <c r="DB25" s="220">
        <v>0</v>
      </c>
      <c r="DC25" s="218">
        <v>0</v>
      </c>
      <c r="DD25" s="218">
        <v>1</v>
      </c>
      <c r="DE25" s="218">
        <v>6</v>
      </c>
      <c r="DF25" s="219">
        <v>1</v>
      </c>
      <c r="DG25" s="240">
        <v>8</v>
      </c>
      <c r="DH25" s="242">
        <v>8</v>
      </c>
      <c r="DI25" s="222">
        <v>0</v>
      </c>
      <c r="DJ25" s="219">
        <v>0</v>
      </c>
      <c r="DK25" s="219">
        <v>0</v>
      </c>
      <c r="DL25" s="220">
        <v>0</v>
      </c>
      <c r="DM25" s="218">
        <v>0</v>
      </c>
      <c r="DN25" s="218">
        <v>0</v>
      </c>
      <c r="DO25" s="218">
        <v>0</v>
      </c>
      <c r="DP25" s="219">
        <v>2</v>
      </c>
      <c r="DQ25" s="240">
        <v>2</v>
      </c>
      <c r="DR25" s="242">
        <v>2</v>
      </c>
      <c r="DS25" s="222">
        <v>0</v>
      </c>
      <c r="DT25" s="219">
        <v>0</v>
      </c>
      <c r="DU25" s="219">
        <v>0</v>
      </c>
      <c r="DV25" s="220">
        <v>11</v>
      </c>
      <c r="DW25" s="218">
        <v>25</v>
      </c>
      <c r="DX25" s="218">
        <v>77</v>
      </c>
      <c r="DY25" s="218">
        <v>120</v>
      </c>
      <c r="DZ25" s="219">
        <v>56</v>
      </c>
      <c r="EA25" s="240">
        <v>289</v>
      </c>
      <c r="EB25" s="242">
        <v>289</v>
      </c>
      <c r="EC25" s="239"/>
    </row>
    <row r="26" spans="2:133" ht="21" customHeight="1" x14ac:dyDescent="0.2">
      <c r="B26" s="106" t="s">
        <v>23</v>
      </c>
      <c r="C26" s="217">
        <v>0</v>
      </c>
      <c r="D26" s="219">
        <v>0</v>
      </c>
      <c r="E26" s="219">
        <v>0</v>
      </c>
      <c r="F26" s="220">
        <v>3</v>
      </c>
      <c r="G26" s="218">
        <v>13</v>
      </c>
      <c r="H26" s="218">
        <v>92</v>
      </c>
      <c r="I26" s="218">
        <v>147</v>
      </c>
      <c r="J26" s="219">
        <v>96</v>
      </c>
      <c r="K26" s="240">
        <v>351</v>
      </c>
      <c r="L26" s="241">
        <v>351</v>
      </c>
      <c r="M26" s="217">
        <v>0</v>
      </c>
      <c r="N26" s="219">
        <v>0</v>
      </c>
      <c r="O26" s="240">
        <v>0</v>
      </c>
      <c r="P26" s="220">
        <v>3</v>
      </c>
      <c r="Q26" s="218">
        <v>13</v>
      </c>
      <c r="R26" s="218">
        <v>92</v>
      </c>
      <c r="S26" s="218">
        <v>144</v>
      </c>
      <c r="T26" s="219">
        <v>96</v>
      </c>
      <c r="U26" s="240">
        <v>348</v>
      </c>
      <c r="V26" s="242">
        <v>348</v>
      </c>
      <c r="W26" s="222">
        <v>0</v>
      </c>
      <c r="X26" s="219">
        <v>0</v>
      </c>
      <c r="Y26" s="240">
        <v>0</v>
      </c>
      <c r="Z26" s="222">
        <v>0</v>
      </c>
      <c r="AA26" s="218">
        <v>0</v>
      </c>
      <c r="AB26" s="218">
        <v>0</v>
      </c>
      <c r="AC26" s="218">
        <v>3</v>
      </c>
      <c r="AD26" s="219">
        <v>0</v>
      </c>
      <c r="AE26" s="240">
        <v>3</v>
      </c>
      <c r="AF26" s="221">
        <v>3</v>
      </c>
      <c r="AG26" s="222">
        <v>0</v>
      </c>
      <c r="AH26" s="219">
        <v>0</v>
      </c>
      <c r="AI26" s="240">
        <v>0</v>
      </c>
      <c r="AJ26" s="222">
        <v>15</v>
      </c>
      <c r="AK26" s="218">
        <v>24</v>
      </c>
      <c r="AL26" s="218">
        <v>39</v>
      </c>
      <c r="AM26" s="218">
        <v>64</v>
      </c>
      <c r="AN26" s="219">
        <v>33</v>
      </c>
      <c r="AO26" s="240">
        <v>175</v>
      </c>
      <c r="AP26" s="221">
        <v>175</v>
      </c>
      <c r="AQ26" s="222">
        <v>0</v>
      </c>
      <c r="AR26" s="219">
        <v>0</v>
      </c>
      <c r="AS26" s="240">
        <v>0</v>
      </c>
      <c r="AT26" s="220">
        <v>15</v>
      </c>
      <c r="AU26" s="218">
        <v>24</v>
      </c>
      <c r="AV26" s="218">
        <v>39</v>
      </c>
      <c r="AW26" s="218">
        <v>64</v>
      </c>
      <c r="AX26" s="219">
        <v>31</v>
      </c>
      <c r="AY26" s="240">
        <v>173</v>
      </c>
      <c r="AZ26" s="241">
        <v>173</v>
      </c>
      <c r="BA26" s="217">
        <v>0</v>
      </c>
      <c r="BB26" s="219">
        <v>0</v>
      </c>
      <c r="BC26" s="219">
        <v>0</v>
      </c>
      <c r="BD26" s="220">
        <v>0</v>
      </c>
      <c r="BE26" s="218">
        <v>0</v>
      </c>
      <c r="BF26" s="218">
        <v>0</v>
      </c>
      <c r="BG26" s="218">
        <v>0</v>
      </c>
      <c r="BH26" s="219">
        <v>2</v>
      </c>
      <c r="BI26" s="240">
        <v>2</v>
      </c>
      <c r="BJ26" s="242">
        <v>2</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10</v>
      </c>
      <c r="CW26" s="240">
        <v>14</v>
      </c>
      <c r="CX26" s="241">
        <v>14</v>
      </c>
      <c r="CY26" s="217">
        <v>0</v>
      </c>
      <c r="CZ26" s="219">
        <v>0</v>
      </c>
      <c r="DA26" s="219">
        <v>0</v>
      </c>
      <c r="DB26" s="220">
        <v>0</v>
      </c>
      <c r="DC26" s="218">
        <v>0</v>
      </c>
      <c r="DD26" s="218">
        <v>0</v>
      </c>
      <c r="DE26" s="218">
        <v>4</v>
      </c>
      <c r="DF26" s="219">
        <v>10</v>
      </c>
      <c r="DG26" s="240">
        <v>14</v>
      </c>
      <c r="DH26" s="242">
        <v>14</v>
      </c>
      <c r="DI26" s="222">
        <v>0</v>
      </c>
      <c r="DJ26" s="219">
        <v>0</v>
      </c>
      <c r="DK26" s="219">
        <v>0</v>
      </c>
      <c r="DL26" s="220">
        <v>0</v>
      </c>
      <c r="DM26" s="218">
        <v>0</v>
      </c>
      <c r="DN26" s="218">
        <v>0</v>
      </c>
      <c r="DO26" s="218">
        <v>0</v>
      </c>
      <c r="DP26" s="219">
        <v>0</v>
      </c>
      <c r="DQ26" s="240">
        <v>0</v>
      </c>
      <c r="DR26" s="242">
        <v>0</v>
      </c>
      <c r="DS26" s="222">
        <v>0</v>
      </c>
      <c r="DT26" s="219">
        <v>0</v>
      </c>
      <c r="DU26" s="219">
        <v>0</v>
      </c>
      <c r="DV26" s="220">
        <v>18</v>
      </c>
      <c r="DW26" s="218">
        <v>37</v>
      </c>
      <c r="DX26" s="218">
        <v>131</v>
      </c>
      <c r="DY26" s="218">
        <v>213</v>
      </c>
      <c r="DZ26" s="219">
        <v>139</v>
      </c>
      <c r="EA26" s="240">
        <v>538</v>
      </c>
      <c r="EB26" s="242">
        <v>538</v>
      </c>
      <c r="EC26" s="239"/>
    </row>
    <row r="27" spans="2:133" ht="21" customHeight="1" x14ac:dyDescent="0.2">
      <c r="B27" s="106" t="s">
        <v>24</v>
      </c>
      <c r="C27" s="217">
        <v>0</v>
      </c>
      <c r="D27" s="219">
        <v>0</v>
      </c>
      <c r="E27" s="219">
        <v>0</v>
      </c>
      <c r="F27" s="220">
        <v>1</v>
      </c>
      <c r="G27" s="218">
        <v>0</v>
      </c>
      <c r="H27" s="218">
        <v>28</v>
      </c>
      <c r="I27" s="218">
        <v>93</v>
      </c>
      <c r="J27" s="219">
        <v>52</v>
      </c>
      <c r="K27" s="240">
        <v>174</v>
      </c>
      <c r="L27" s="241">
        <v>174</v>
      </c>
      <c r="M27" s="217">
        <v>0</v>
      </c>
      <c r="N27" s="219">
        <v>0</v>
      </c>
      <c r="O27" s="240">
        <v>0</v>
      </c>
      <c r="P27" s="220">
        <v>1</v>
      </c>
      <c r="Q27" s="218">
        <v>0</v>
      </c>
      <c r="R27" s="218">
        <v>28</v>
      </c>
      <c r="S27" s="218">
        <v>93</v>
      </c>
      <c r="T27" s="219">
        <v>52</v>
      </c>
      <c r="U27" s="240">
        <v>174</v>
      </c>
      <c r="V27" s="242">
        <v>174</v>
      </c>
      <c r="W27" s="222">
        <v>0</v>
      </c>
      <c r="X27" s="219">
        <v>0</v>
      </c>
      <c r="Y27" s="240">
        <v>0</v>
      </c>
      <c r="Z27" s="222">
        <v>0</v>
      </c>
      <c r="AA27" s="218">
        <v>0</v>
      </c>
      <c r="AB27" s="218">
        <v>0</v>
      </c>
      <c r="AC27" s="218">
        <v>0</v>
      </c>
      <c r="AD27" s="219">
        <v>0</v>
      </c>
      <c r="AE27" s="240">
        <v>0</v>
      </c>
      <c r="AF27" s="221">
        <v>0</v>
      </c>
      <c r="AG27" s="222">
        <v>0</v>
      </c>
      <c r="AH27" s="219">
        <v>0</v>
      </c>
      <c r="AI27" s="240">
        <v>0</v>
      </c>
      <c r="AJ27" s="222">
        <v>10</v>
      </c>
      <c r="AK27" s="218">
        <v>9</v>
      </c>
      <c r="AL27" s="218">
        <v>25</v>
      </c>
      <c r="AM27" s="218">
        <v>37</v>
      </c>
      <c r="AN27" s="219">
        <v>5</v>
      </c>
      <c r="AO27" s="240">
        <v>86</v>
      </c>
      <c r="AP27" s="221">
        <v>86</v>
      </c>
      <c r="AQ27" s="222">
        <v>0</v>
      </c>
      <c r="AR27" s="219">
        <v>0</v>
      </c>
      <c r="AS27" s="240">
        <v>0</v>
      </c>
      <c r="AT27" s="220">
        <v>10</v>
      </c>
      <c r="AU27" s="218">
        <v>9</v>
      </c>
      <c r="AV27" s="218">
        <v>25</v>
      </c>
      <c r="AW27" s="218">
        <v>35</v>
      </c>
      <c r="AX27" s="219">
        <v>5</v>
      </c>
      <c r="AY27" s="240">
        <v>84</v>
      </c>
      <c r="AZ27" s="241">
        <v>84</v>
      </c>
      <c r="BA27" s="217">
        <v>0</v>
      </c>
      <c r="BB27" s="219">
        <v>0</v>
      </c>
      <c r="BC27" s="219">
        <v>0</v>
      </c>
      <c r="BD27" s="220">
        <v>0</v>
      </c>
      <c r="BE27" s="218">
        <v>0</v>
      </c>
      <c r="BF27" s="218">
        <v>0</v>
      </c>
      <c r="BG27" s="218">
        <v>2</v>
      </c>
      <c r="BH27" s="219">
        <v>0</v>
      </c>
      <c r="BI27" s="240">
        <v>2</v>
      </c>
      <c r="BJ27" s="242">
        <v>2</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0</v>
      </c>
      <c r="CW27" s="240">
        <v>0</v>
      </c>
      <c r="CX27" s="241">
        <v>0</v>
      </c>
      <c r="CY27" s="217">
        <v>0</v>
      </c>
      <c r="CZ27" s="219">
        <v>0</v>
      </c>
      <c r="DA27" s="219">
        <v>0</v>
      </c>
      <c r="DB27" s="220">
        <v>0</v>
      </c>
      <c r="DC27" s="218">
        <v>0</v>
      </c>
      <c r="DD27" s="218">
        <v>0</v>
      </c>
      <c r="DE27" s="218">
        <v>0</v>
      </c>
      <c r="DF27" s="219">
        <v>0</v>
      </c>
      <c r="DG27" s="240">
        <v>0</v>
      </c>
      <c r="DH27" s="242">
        <v>0</v>
      </c>
      <c r="DI27" s="222">
        <v>0</v>
      </c>
      <c r="DJ27" s="219">
        <v>0</v>
      </c>
      <c r="DK27" s="219">
        <v>0</v>
      </c>
      <c r="DL27" s="220">
        <v>0</v>
      </c>
      <c r="DM27" s="218">
        <v>0</v>
      </c>
      <c r="DN27" s="218">
        <v>0</v>
      </c>
      <c r="DO27" s="218">
        <v>0</v>
      </c>
      <c r="DP27" s="219">
        <v>0</v>
      </c>
      <c r="DQ27" s="240">
        <v>0</v>
      </c>
      <c r="DR27" s="242">
        <v>0</v>
      </c>
      <c r="DS27" s="222">
        <v>0</v>
      </c>
      <c r="DT27" s="219">
        <v>0</v>
      </c>
      <c r="DU27" s="219">
        <v>0</v>
      </c>
      <c r="DV27" s="220">
        <v>11</v>
      </c>
      <c r="DW27" s="218">
        <v>9</v>
      </c>
      <c r="DX27" s="218">
        <v>52</v>
      </c>
      <c r="DY27" s="218">
        <v>129</v>
      </c>
      <c r="DZ27" s="219">
        <v>56</v>
      </c>
      <c r="EA27" s="240">
        <v>257</v>
      </c>
      <c r="EB27" s="242">
        <v>257</v>
      </c>
      <c r="EC27" s="239"/>
    </row>
    <row r="28" spans="2:133" ht="21" customHeight="1" x14ac:dyDescent="0.2">
      <c r="B28" s="106" t="s">
        <v>25</v>
      </c>
      <c r="C28" s="217">
        <v>0</v>
      </c>
      <c r="D28" s="219">
        <v>0</v>
      </c>
      <c r="E28" s="219">
        <v>0</v>
      </c>
      <c r="F28" s="220">
        <v>2</v>
      </c>
      <c r="G28" s="218">
        <v>4</v>
      </c>
      <c r="H28" s="218">
        <v>60</v>
      </c>
      <c r="I28" s="218">
        <v>78</v>
      </c>
      <c r="J28" s="219">
        <v>49</v>
      </c>
      <c r="K28" s="240">
        <v>193</v>
      </c>
      <c r="L28" s="241">
        <v>193</v>
      </c>
      <c r="M28" s="217">
        <v>0</v>
      </c>
      <c r="N28" s="219">
        <v>0</v>
      </c>
      <c r="O28" s="240">
        <v>0</v>
      </c>
      <c r="P28" s="220">
        <v>2</v>
      </c>
      <c r="Q28" s="218">
        <v>4</v>
      </c>
      <c r="R28" s="218">
        <v>60</v>
      </c>
      <c r="S28" s="218">
        <v>77</v>
      </c>
      <c r="T28" s="219">
        <v>45</v>
      </c>
      <c r="U28" s="240">
        <v>188</v>
      </c>
      <c r="V28" s="242">
        <v>188</v>
      </c>
      <c r="W28" s="222">
        <v>0</v>
      </c>
      <c r="X28" s="219">
        <v>0</v>
      </c>
      <c r="Y28" s="240">
        <v>0</v>
      </c>
      <c r="Z28" s="222">
        <v>0</v>
      </c>
      <c r="AA28" s="218">
        <v>0</v>
      </c>
      <c r="AB28" s="218">
        <v>0</v>
      </c>
      <c r="AC28" s="218">
        <v>1</v>
      </c>
      <c r="AD28" s="219">
        <v>4</v>
      </c>
      <c r="AE28" s="240">
        <v>5</v>
      </c>
      <c r="AF28" s="221">
        <v>5</v>
      </c>
      <c r="AG28" s="222">
        <v>0</v>
      </c>
      <c r="AH28" s="219">
        <v>0</v>
      </c>
      <c r="AI28" s="240">
        <v>0</v>
      </c>
      <c r="AJ28" s="222">
        <v>10</v>
      </c>
      <c r="AK28" s="218">
        <v>28</v>
      </c>
      <c r="AL28" s="218">
        <v>17</v>
      </c>
      <c r="AM28" s="218">
        <v>50</v>
      </c>
      <c r="AN28" s="219">
        <v>16</v>
      </c>
      <c r="AO28" s="240">
        <v>121</v>
      </c>
      <c r="AP28" s="221">
        <v>121</v>
      </c>
      <c r="AQ28" s="222">
        <v>0</v>
      </c>
      <c r="AR28" s="219">
        <v>0</v>
      </c>
      <c r="AS28" s="240">
        <v>0</v>
      </c>
      <c r="AT28" s="220">
        <v>9</v>
      </c>
      <c r="AU28" s="218">
        <v>28</v>
      </c>
      <c r="AV28" s="218">
        <v>17</v>
      </c>
      <c r="AW28" s="218">
        <v>50</v>
      </c>
      <c r="AX28" s="219">
        <v>16</v>
      </c>
      <c r="AY28" s="240">
        <v>120</v>
      </c>
      <c r="AZ28" s="241">
        <v>120</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12</v>
      </c>
      <c r="DW28" s="218">
        <v>32</v>
      </c>
      <c r="DX28" s="218">
        <v>76</v>
      </c>
      <c r="DY28" s="218">
        <v>127</v>
      </c>
      <c r="DZ28" s="219">
        <v>67</v>
      </c>
      <c r="EA28" s="240">
        <v>314</v>
      </c>
      <c r="EB28" s="242">
        <v>314</v>
      </c>
      <c r="EC28" s="239"/>
    </row>
    <row r="29" spans="2:133" ht="21" customHeight="1" x14ac:dyDescent="0.2">
      <c r="B29" s="106" t="s">
        <v>26</v>
      </c>
      <c r="C29" s="217">
        <v>0</v>
      </c>
      <c r="D29" s="219">
        <v>0</v>
      </c>
      <c r="E29" s="219">
        <v>0</v>
      </c>
      <c r="F29" s="220">
        <v>2</v>
      </c>
      <c r="G29" s="218">
        <v>3</v>
      </c>
      <c r="H29" s="218">
        <v>26</v>
      </c>
      <c r="I29" s="218">
        <v>53</v>
      </c>
      <c r="J29" s="219">
        <v>39</v>
      </c>
      <c r="K29" s="240">
        <v>123</v>
      </c>
      <c r="L29" s="241">
        <v>123</v>
      </c>
      <c r="M29" s="217">
        <v>0</v>
      </c>
      <c r="N29" s="219">
        <v>0</v>
      </c>
      <c r="O29" s="240">
        <v>0</v>
      </c>
      <c r="P29" s="220">
        <v>2</v>
      </c>
      <c r="Q29" s="218">
        <v>3</v>
      </c>
      <c r="R29" s="218">
        <v>26</v>
      </c>
      <c r="S29" s="218">
        <v>51</v>
      </c>
      <c r="T29" s="219">
        <v>39</v>
      </c>
      <c r="U29" s="240">
        <v>121</v>
      </c>
      <c r="V29" s="242">
        <v>121</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4</v>
      </c>
      <c r="AL29" s="218">
        <v>29</v>
      </c>
      <c r="AM29" s="218">
        <v>21</v>
      </c>
      <c r="AN29" s="219">
        <v>13</v>
      </c>
      <c r="AO29" s="240">
        <v>80</v>
      </c>
      <c r="AP29" s="221">
        <v>80</v>
      </c>
      <c r="AQ29" s="222">
        <v>0</v>
      </c>
      <c r="AR29" s="219">
        <v>0</v>
      </c>
      <c r="AS29" s="240">
        <v>0</v>
      </c>
      <c r="AT29" s="220">
        <v>3</v>
      </c>
      <c r="AU29" s="218">
        <v>13</v>
      </c>
      <c r="AV29" s="218">
        <v>29</v>
      </c>
      <c r="AW29" s="218">
        <v>20</v>
      </c>
      <c r="AX29" s="219">
        <v>13</v>
      </c>
      <c r="AY29" s="240">
        <v>78</v>
      </c>
      <c r="AZ29" s="241">
        <v>78</v>
      </c>
      <c r="BA29" s="217">
        <v>0</v>
      </c>
      <c r="BB29" s="219">
        <v>0</v>
      </c>
      <c r="BC29" s="219">
        <v>0</v>
      </c>
      <c r="BD29" s="220">
        <v>0</v>
      </c>
      <c r="BE29" s="218">
        <v>1</v>
      </c>
      <c r="BF29" s="218">
        <v>0</v>
      </c>
      <c r="BG29" s="218">
        <v>1</v>
      </c>
      <c r="BH29" s="219">
        <v>0</v>
      </c>
      <c r="BI29" s="240">
        <v>2</v>
      </c>
      <c r="BJ29" s="242">
        <v>2</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1</v>
      </c>
      <c r="CT29" s="218">
        <v>1</v>
      </c>
      <c r="CU29" s="218">
        <v>0</v>
      </c>
      <c r="CV29" s="219">
        <v>4</v>
      </c>
      <c r="CW29" s="240">
        <v>6</v>
      </c>
      <c r="CX29" s="241">
        <v>6</v>
      </c>
      <c r="CY29" s="217">
        <v>0</v>
      </c>
      <c r="CZ29" s="219">
        <v>0</v>
      </c>
      <c r="DA29" s="219">
        <v>0</v>
      </c>
      <c r="DB29" s="220">
        <v>0</v>
      </c>
      <c r="DC29" s="218">
        <v>1</v>
      </c>
      <c r="DD29" s="218">
        <v>1</v>
      </c>
      <c r="DE29" s="218">
        <v>0</v>
      </c>
      <c r="DF29" s="219">
        <v>4</v>
      </c>
      <c r="DG29" s="240">
        <v>6</v>
      </c>
      <c r="DH29" s="242">
        <v>6</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17</v>
      </c>
      <c r="DX29" s="218">
        <v>55</v>
      </c>
      <c r="DY29" s="218">
        <v>74</v>
      </c>
      <c r="DZ29" s="219">
        <v>56</v>
      </c>
      <c r="EA29" s="240">
        <v>207</v>
      </c>
      <c r="EB29" s="242">
        <v>207</v>
      </c>
      <c r="EC29" s="239"/>
    </row>
    <row r="30" spans="2:133" ht="21" customHeight="1" x14ac:dyDescent="0.2">
      <c r="B30" s="106" t="s">
        <v>27</v>
      </c>
      <c r="C30" s="217">
        <v>0</v>
      </c>
      <c r="D30" s="219">
        <v>0</v>
      </c>
      <c r="E30" s="219">
        <v>0</v>
      </c>
      <c r="F30" s="220">
        <v>2</v>
      </c>
      <c r="G30" s="218">
        <v>1</v>
      </c>
      <c r="H30" s="218">
        <v>29</v>
      </c>
      <c r="I30" s="218">
        <v>62</v>
      </c>
      <c r="J30" s="219">
        <v>40</v>
      </c>
      <c r="K30" s="240">
        <v>134</v>
      </c>
      <c r="L30" s="241">
        <v>134</v>
      </c>
      <c r="M30" s="217">
        <v>0</v>
      </c>
      <c r="N30" s="219">
        <v>0</v>
      </c>
      <c r="O30" s="240">
        <v>0</v>
      </c>
      <c r="P30" s="220">
        <v>2</v>
      </c>
      <c r="Q30" s="218">
        <v>1</v>
      </c>
      <c r="R30" s="218">
        <v>28</v>
      </c>
      <c r="S30" s="218">
        <v>61</v>
      </c>
      <c r="T30" s="219">
        <v>40</v>
      </c>
      <c r="U30" s="240">
        <v>132</v>
      </c>
      <c r="V30" s="242">
        <v>132</v>
      </c>
      <c r="W30" s="222">
        <v>0</v>
      </c>
      <c r="X30" s="219">
        <v>0</v>
      </c>
      <c r="Y30" s="240">
        <v>0</v>
      </c>
      <c r="Z30" s="222">
        <v>0</v>
      </c>
      <c r="AA30" s="218">
        <v>0</v>
      </c>
      <c r="AB30" s="218">
        <v>1</v>
      </c>
      <c r="AC30" s="218">
        <v>1</v>
      </c>
      <c r="AD30" s="219">
        <v>0</v>
      </c>
      <c r="AE30" s="240">
        <v>2</v>
      </c>
      <c r="AF30" s="221">
        <v>2</v>
      </c>
      <c r="AG30" s="222">
        <v>0</v>
      </c>
      <c r="AH30" s="219">
        <v>0</v>
      </c>
      <c r="AI30" s="240">
        <v>0</v>
      </c>
      <c r="AJ30" s="222">
        <v>9</v>
      </c>
      <c r="AK30" s="218">
        <v>17</v>
      </c>
      <c r="AL30" s="218">
        <v>15</v>
      </c>
      <c r="AM30" s="218">
        <v>23</v>
      </c>
      <c r="AN30" s="219">
        <v>12</v>
      </c>
      <c r="AO30" s="240">
        <v>76</v>
      </c>
      <c r="AP30" s="221">
        <v>76</v>
      </c>
      <c r="AQ30" s="222">
        <v>0</v>
      </c>
      <c r="AR30" s="219">
        <v>0</v>
      </c>
      <c r="AS30" s="240">
        <v>0</v>
      </c>
      <c r="AT30" s="220">
        <v>8</v>
      </c>
      <c r="AU30" s="218">
        <v>16</v>
      </c>
      <c r="AV30" s="218">
        <v>15</v>
      </c>
      <c r="AW30" s="218">
        <v>23</v>
      </c>
      <c r="AX30" s="219">
        <v>12</v>
      </c>
      <c r="AY30" s="240">
        <v>74</v>
      </c>
      <c r="AZ30" s="241">
        <v>74</v>
      </c>
      <c r="BA30" s="217">
        <v>0</v>
      </c>
      <c r="BB30" s="219">
        <v>0</v>
      </c>
      <c r="BC30" s="219">
        <v>0</v>
      </c>
      <c r="BD30" s="220">
        <v>1</v>
      </c>
      <c r="BE30" s="218">
        <v>1</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2</v>
      </c>
      <c r="CV30" s="219">
        <v>4</v>
      </c>
      <c r="CW30" s="240">
        <v>6</v>
      </c>
      <c r="CX30" s="241">
        <v>6</v>
      </c>
      <c r="CY30" s="217">
        <v>0</v>
      </c>
      <c r="CZ30" s="219">
        <v>0</v>
      </c>
      <c r="DA30" s="219">
        <v>0</v>
      </c>
      <c r="DB30" s="220">
        <v>0</v>
      </c>
      <c r="DC30" s="218">
        <v>0</v>
      </c>
      <c r="DD30" s="218">
        <v>0</v>
      </c>
      <c r="DE30" s="218">
        <v>1</v>
      </c>
      <c r="DF30" s="219">
        <v>4</v>
      </c>
      <c r="DG30" s="240">
        <v>5</v>
      </c>
      <c r="DH30" s="242">
        <v>5</v>
      </c>
      <c r="DI30" s="222">
        <v>0</v>
      </c>
      <c r="DJ30" s="219">
        <v>0</v>
      </c>
      <c r="DK30" s="219">
        <v>0</v>
      </c>
      <c r="DL30" s="220">
        <v>0</v>
      </c>
      <c r="DM30" s="218">
        <v>0</v>
      </c>
      <c r="DN30" s="218">
        <v>0</v>
      </c>
      <c r="DO30" s="218">
        <v>1</v>
      </c>
      <c r="DP30" s="219">
        <v>0</v>
      </c>
      <c r="DQ30" s="240">
        <v>1</v>
      </c>
      <c r="DR30" s="242">
        <v>1</v>
      </c>
      <c r="DS30" s="222">
        <v>0</v>
      </c>
      <c r="DT30" s="219">
        <v>0</v>
      </c>
      <c r="DU30" s="219">
        <v>0</v>
      </c>
      <c r="DV30" s="220">
        <v>11</v>
      </c>
      <c r="DW30" s="218">
        <v>18</v>
      </c>
      <c r="DX30" s="218">
        <v>44</v>
      </c>
      <c r="DY30" s="218">
        <v>87</v>
      </c>
      <c r="DZ30" s="219">
        <v>54</v>
      </c>
      <c r="EA30" s="240">
        <v>214</v>
      </c>
      <c r="EB30" s="242">
        <v>214</v>
      </c>
      <c r="EC30" s="239"/>
    </row>
    <row r="31" spans="2:133" ht="21" customHeight="1" x14ac:dyDescent="0.2">
      <c r="B31" s="106" t="s">
        <v>28</v>
      </c>
      <c r="C31" s="217">
        <v>0</v>
      </c>
      <c r="D31" s="219">
        <v>0</v>
      </c>
      <c r="E31" s="219">
        <v>0</v>
      </c>
      <c r="F31" s="220">
        <v>0</v>
      </c>
      <c r="G31" s="218">
        <v>1</v>
      </c>
      <c r="H31" s="218">
        <v>13</v>
      </c>
      <c r="I31" s="218">
        <v>20</v>
      </c>
      <c r="J31" s="219">
        <v>17</v>
      </c>
      <c r="K31" s="240">
        <v>51</v>
      </c>
      <c r="L31" s="241">
        <v>51</v>
      </c>
      <c r="M31" s="217">
        <v>0</v>
      </c>
      <c r="N31" s="219">
        <v>0</v>
      </c>
      <c r="O31" s="240">
        <v>0</v>
      </c>
      <c r="P31" s="220">
        <v>0</v>
      </c>
      <c r="Q31" s="218">
        <v>1</v>
      </c>
      <c r="R31" s="218">
        <v>13</v>
      </c>
      <c r="S31" s="218">
        <v>20</v>
      </c>
      <c r="T31" s="219">
        <v>16</v>
      </c>
      <c r="U31" s="240">
        <v>50</v>
      </c>
      <c r="V31" s="242">
        <v>50</v>
      </c>
      <c r="W31" s="222">
        <v>0</v>
      </c>
      <c r="X31" s="219">
        <v>0</v>
      </c>
      <c r="Y31" s="240">
        <v>0</v>
      </c>
      <c r="Z31" s="222">
        <v>0</v>
      </c>
      <c r="AA31" s="218">
        <v>0</v>
      </c>
      <c r="AB31" s="218">
        <v>0</v>
      </c>
      <c r="AC31" s="218">
        <v>0</v>
      </c>
      <c r="AD31" s="219">
        <v>1</v>
      </c>
      <c r="AE31" s="240">
        <v>1</v>
      </c>
      <c r="AF31" s="221">
        <v>1</v>
      </c>
      <c r="AG31" s="222">
        <v>0</v>
      </c>
      <c r="AH31" s="219">
        <v>0</v>
      </c>
      <c r="AI31" s="240">
        <v>0</v>
      </c>
      <c r="AJ31" s="222">
        <v>4</v>
      </c>
      <c r="AK31" s="218">
        <v>10</v>
      </c>
      <c r="AL31" s="218">
        <v>8</v>
      </c>
      <c r="AM31" s="218">
        <v>5</v>
      </c>
      <c r="AN31" s="219">
        <v>4</v>
      </c>
      <c r="AO31" s="240">
        <v>31</v>
      </c>
      <c r="AP31" s="221">
        <v>31</v>
      </c>
      <c r="AQ31" s="222">
        <v>0</v>
      </c>
      <c r="AR31" s="219">
        <v>0</v>
      </c>
      <c r="AS31" s="240">
        <v>0</v>
      </c>
      <c r="AT31" s="220">
        <v>4</v>
      </c>
      <c r="AU31" s="218">
        <v>10</v>
      </c>
      <c r="AV31" s="218">
        <v>8</v>
      </c>
      <c r="AW31" s="218">
        <v>5</v>
      </c>
      <c r="AX31" s="219">
        <v>4</v>
      </c>
      <c r="AY31" s="240">
        <v>31</v>
      </c>
      <c r="AZ31" s="241">
        <v>31</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1</v>
      </c>
      <c r="CV31" s="219">
        <v>0</v>
      </c>
      <c r="CW31" s="240">
        <v>1</v>
      </c>
      <c r="CX31" s="241">
        <v>1</v>
      </c>
      <c r="CY31" s="217">
        <v>0</v>
      </c>
      <c r="CZ31" s="219">
        <v>0</v>
      </c>
      <c r="DA31" s="219">
        <v>0</v>
      </c>
      <c r="DB31" s="220">
        <v>0</v>
      </c>
      <c r="DC31" s="218">
        <v>0</v>
      </c>
      <c r="DD31" s="218">
        <v>0</v>
      </c>
      <c r="DE31" s="218">
        <v>1</v>
      </c>
      <c r="DF31" s="219">
        <v>0</v>
      </c>
      <c r="DG31" s="240">
        <v>1</v>
      </c>
      <c r="DH31" s="242">
        <v>1</v>
      </c>
      <c r="DI31" s="222">
        <v>0</v>
      </c>
      <c r="DJ31" s="219">
        <v>0</v>
      </c>
      <c r="DK31" s="219">
        <v>0</v>
      </c>
      <c r="DL31" s="220">
        <v>0</v>
      </c>
      <c r="DM31" s="218">
        <v>0</v>
      </c>
      <c r="DN31" s="218">
        <v>0</v>
      </c>
      <c r="DO31" s="218">
        <v>0</v>
      </c>
      <c r="DP31" s="219">
        <v>0</v>
      </c>
      <c r="DQ31" s="240">
        <v>0</v>
      </c>
      <c r="DR31" s="242">
        <v>0</v>
      </c>
      <c r="DS31" s="222">
        <v>0</v>
      </c>
      <c r="DT31" s="219">
        <v>0</v>
      </c>
      <c r="DU31" s="219">
        <v>0</v>
      </c>
      <c r="DV31" s="220">
        <v>4</v>
      </c>
      <c r="DW31" s="218">
        <v>11</v>
      </c>
      <c r="DX31" s="218">
        <v>21</v>
      </c>
      <c r="DY31" s="218">
        <v>26</v>
      </c>
      <c r="DZ31" s="219">
        <v>21</v>
      </c>
      <c r="EA31" s="240">
        <v>83</v>
      </c>
      <c r="EB31" s="242">
        <v>83</v>
      </c>
      <c r="EC31" s="239"/>
    </row>
    <row r="32" spans="2:133" ht="21" customHeight="1" x14ac:dyDescent="0.2">
      <c r="B32" s="106" t="s">
        <v>29</v>
      </c>
      <c r="C32" s="217">
        <v>0</v>
      </c>
      <c r="D32" s="219">
        <v>0</v>
      </c>
      <c r="E32" s="219">
        <v>0</v>
      </c>
      <c r="F32" s="220">
        <v>0</v>
      </c>
      <c r="G32" s="218">
        <v>2</v>
      </c>
      <c r="H32" s="218">
        <v>11</v>
      </c>
      <c r="I32" s="218">
        <v>27</v>
      </c>
      <c r="J32" s="219">
        <v>18</v>
      </c>
      <c r="K32" s="240">
        <v>58</v>
      </c>
      <c r="L32" s="241">
        <v>58</v>
      </c>
      <c r="M32" s="217">
        <v>0</v>
      </c>
      <c r="N32" s="219">
        <v>0</v>
      </c>
      <c r="O32" s="240">
        <v>0</v>
      </c>
      <c r="P32" s="220">
        <v>0</v>
      </c>
      <c r="Q32" s="218">
        <v>2</v>
      </c>
      <c r="R32" s="218">
        <v>11</v>
      </c>
      <c r="S32" s="218">
        <v>27</v>
      </c>
      <c r="T32" s="219">
        <v>18</v>
      </c>
      <c r="U32" s="240">
        <v>58</v>
      </c>
      <c r="V32" s="242">
        <v>58</v>
      </c>
      <c r="W32" s="222">
        <v>0</v>
      </c>
      <c r="X32" s="219">
        <v>0</v>
      </c>
      <c r="Y32" s="240">
        <v>0</v>
      </c>
      <c r="Z32" s="222">
        <v>0</v>
      </c>
      <c r="AA32" s="218">
        <v>0</v>
      </c>
      <c r="AB32" s="218">
        <v>0</v>
      </c>
      <c r="AC32" s="218">
        <v>0</v>
      </c>
      <c r="AD32" s="219">
        <v>0</v>
      </c>
      <c r="AE32" s="240">
        <v>0</v>
      </c>
      <c r="AF32" s="221">
        <v>0</v>
      </c>
      <c r="AG32" s="222">
        <v>0</v>
      </c>
      <c r="AH32" s="219">
        <v>0</v>
      </c>
      <c r="AI32" s="240">
        <v>0</v>
      </c>
      <c r="AJ32" s="222">
        <v>5</v>
      </c>
      <c r="AK32" s="218">
        <v>5</v>
      </c>
      <c r="AL32" s="218">
        <v>8</v>
      </c>
      <c r="AM32" s="218">
        <v>15</v>
      </c>
      <c r="AN32" s="219">
        <v>10</v>
      </c>
      <c r="AO32" s="240">
        <v>43</v>
      </c>
      <c r="AP32" s="221">
        <v>43</v>
      </c>
      <c r="AQ32" s="222">
        <v>0</v>
      </c>
      <c r="AR32" s="219">
        <v>0</v>
      </c>
      <c r="AS32" s="240">
        <v>0</v>
      </c>
      <c r="AT32" s="220">
        <v>5</v>
      </c>
      <c r="AU32" s="218">
        <v>5</v>
      </c>
      <c r="AV32" s="218">
        <v>8</v>
      </c>
      <c r="AW32" s="218">
        <v>15</v>
      </c>
      <c r="AX32" s="219">
        <v>9</v>
      </c>
      <c r="AY32" s="240">
        <v>42</v>
      </c>
      <c r="AZ32" s="241">
        <v>42</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5</v>
      </c>
      <c r="DW32" s="218">
        <v>7</v>
      </c>
      <c r="DX32" s="218">
        <v>19</v>
      </c>
      <c r="DY32" s="218">
        <v>42</v>
      </c>
      <c r="DZ32" s="219">
        <v>28</v>
      </c>
      <c r="EA32" s="240">
        <v>101</v>
      </c>
      <c r="EB32" s="242">
        <v>101</v>
      </c>
      <c r="EC32" s="239"/>
    </row>
    <row r="33" spans="2:133" ht="21" customHeight="1" x14ac:dyDescent="0.2">
      <c r="B33" s="106" t="s">
        <v>30</v>
      </c>
      <c r="C33" s="217">
        <v>0</v>
      </c>
      <c r="D33" s="219">
        <v>0</v>
      </c>
      <c r="E33" s="219">
        <v>0</v>
      </c>
      <c r="F33" s="220">
        <v>0</v>
      </c>
      <c r="G33" s="218">
        <v>5</v>
      </c>
      <c r="H33" s="218">
        <v>21</v>
      </c>
      <c r="I33" s="218">
        <v>31</v>
      </c>
      <c r="J33" s="219">
        <v>20</v>
      </c>
      <c r="K33" s="240">
        <v>77</v>
      </c>
      <c r="L33" s="241">
        <v>77</v>
      </c>
      <c r="M33" s="217">
        <v>0</v>
      </c>
      <c r="N33" s="219">
        <v>0</v>
      </c>
      <c r="O33" s="240">
        <v>0</v>
      </c>
      <c r="P33" s="220">
        <v>0</v>
      </c>
      <c r="Q33" s="218">
        <v>5</v>
      </c>
      <c r="R33" s="218">
        <v>21</v>
      </c>
      <c r="S33" s="218">
        <v>31</v>
      </c>
      <c r="T33" s="219">
        <v>20</v>
      </c>
      <c r="U33" s="240">
        <v>77</v>
      </c>
      <c r="V33" s="242">
        <v>77</v>
      </c>
      <c r="W33" s="222">
        <v>0</v>
      </c>
      <c r="X33" s="219">
        <v>0</v>
      </c>
      <c r="Y33" s="240">
        <v>0</v>
      </c>
      <c r="Z33" s="222">
        <v>0</v>
      </c>
      <c r="AA33" s="218">
        <v>0</v>
      </c>
      <c r="AB33" s="218">
        <v>0</v>
      </c>
      <c r="AC33" s="218">
        <v>0</v>
      </c>
      <c r="AD33" s="219">
        <v>0</v>
      </c>
      <c r="AE33" s="240">
        <v>0</v>
      </c>
      <c r="AF33" s="221">
        <v>0</v>
      </c>
      <c r="AG33" s="222">
        <v>0</v>
      </c>
      <c r="AH33" s="219">
        <v>0</v>
      </c>
      <c r="AI33" s="240">
        <v>0</v>
      </c>
      <c r="AJ33" s="222">
        <v>10</v>
      </c>
      <c r="AK33" s="218">
        <v>6</v>
      </c>
      <c r="AL33" s="218">
        <v>9</v>
      </c>
      <c r="AM33" s="218">
        <v>13</v>
      </c>
      <c r="AN33" s="219">
        <v>5</v>
      </c>
      <c r="AO33" s="240">
        <v>43</v>
      </c>
      <c r="AP33" s="221">
        <v>43</v>
      </c>
      <c r="AQ33" s="222">
        <v>0</v>
      </c>
      <c r="AR33" s="219">
        <v>0</v>
      </c>
      <c r="AS33" s="240">
        <v>0</v>
      </c>
      <c r="AT33" s="220">
        <v>10</v>
      </c>
      <c r="AU33" s="218">
        <v>6</v>
      </c>
      <c r="AV33" s="218">
        <v>9</v>
      </c>
      <c r="AW33" s="218">
        <v>13</v>
      </c>
      <c r="AX33" s="219">
        <v>5</v>
      </c>
      <c r="AY33" s="240">
        <v>43</v>
      </c>
      <c r="AZ33" s="241">
        <v>43</v>
      </c>
      <c r="BA33" s="217">
        <v>0</v>
      </c>
      <c r="BB33" s="219">
        <v>0</v>
      </c>
      <c r="BC33" s="219">
        <v>0</v>
      </c>
      <c r="BD33" s="220">
        <v>0</v>
      </c>
      <c r="BE33" s="218">
        <v>0</v>
      </c>
      <c r="BF33" s="218">
        <v>0</v>
      </c>
      <c r="BG33" s="218">
        <v>0</v>
      </c>
      <c r="BH33" s="219">
        <v>0</v>
      </c>
      <c r="BI33" s="240">
        <v>0</v>
      </c>
      <c r="BJ33" s="242">
        <v>0</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1</v>
      </c>
      <c r="CV33" s="219">
        <v>2</v>
      </c>
      <c r="CW33" s="240">
        <v>3</v>
      </c>
      <c r="CX33" s="241">
        <v>3</v>
      </c>
      <c r="CY33" s="217">
        <v>0</v>
      </c>
      <c r="CZ33" s="219">
        <v>0</v>
      </c>
      <c r="DA33" s="219">
        <v>0</v>
      </c>
      <c r="DB33" s="220">
        <v>0</v>
      </c>
      <c r="DC33" s="218">
        <v>0</v>
      </c>
      <c r="DD33" s="218">
        <v>0</v>
      </c>
      <c r="DE33" s="218">
        <v>1</v>
      </c>
      <c r="DF33" s="219">
        <v>2</v>
      </c>
      <c r="DG33" s="240">
        <v>3</v>
      </c>
      <c r="DH33" s="242">
        <v>3</v>
      </c>
      <c r="DI33" s="222">
        <v>0</v>
      </c>
      <c r="DJ33" s="219">
        <v>0</v>
      </c>
      <c r="DK33" s="219">
        <v>0</v>
      </c>
      <c r="DL33" s="220">
        <v>0</v>
      </c>
      <c r="DM33" s="218">
        <v>0</v>
      </c>
      <c r="DN33" s="218">
        <v>0</v>
      </c>
      <c r="DO33" s="218">
        <v>0</v>
      </c>
      <c r="DP33" s="219">
        <v>0</v>
      </c>
      <c r="DQ33" s="240">
        <v>0</v>
      </c>
      <c r="DR33" s="242">
        <v>0</v>
      </c>
      <c r="DS33" s="222">
        <v>0</v>
      </c>
      <c r="DT33" s="219">
        <v>0</v>
      </c>
      <c r="DU33" s="219">
        <v>0</v>
      </c>
      <c r="DV33" s="220">
        <v>10</v>
      </c>
      <c r="DW33" s="218">
        <v>11</v>
      </c>
      <c r="DX33" s="218">
        <v>30</v>
      </c>
      <c r="DY33" s="218">
        <v>45</v>
      </c>
      <c r="DZ33" s="219">
        <v>27</v>
      </c>
      <c r="EA33" s="240">
        <v>123</v>
      </c>
      <c r="EB33" s="242">
        <v>123</v>
      </c>
      <c r="EC33" s="239"/>
    </row>
    <row r="34" spans="2:133" ht="21" customHeight="1" x14ac:dyDescent="0.2">
      <c r="B34" s="106" t="s">
        <v>31</v>
      </c>
      <c r="C34" s="217">
        <v>0</v>
      </c>
      <c r="D34" s="219">
        <v>0</v>
      </c>
      <c r="E34" s="219">
        <v>0</v>
      </c>
      <c r="F34" s="220">
        <v>2</v>
      </c>
      <c r="G34" s="218">
        <v>3</v>
      </c>
      <c r="H34" s="218">
        <v>28</v>
      </c>
      <c r="I34" s="218">
        <v>25</v>
      </c>
      <c r="J34" s="219">
        <v>24</v>
      </c>
      <c r="K34" s="240">
        <v>82</v>
      </c>
      <c r="L34" s="241">
        <v>82</v>
      </c>
      <c r="M34" s="217">
        <v>0</v>
      </c>
      <c r="N34" s="219">
        <v>0</v>
      </c>
      <c r="O34" s="240">
        <v>0</v>
      </c>
      <c r="P34" s="220">
        <v>2</v>
      </c>
      <c r="Q34" s="218">
        <v>3</v>
      </c>
      <c r="R34" s="218">
        <v>28</v>
      </c>
      <c r="S34" s="218">
        <v>25</v>
      </c>
      <c r="T34" s="219">
        <v>24</v>
      </c>
      <c r="U34" s="240">
        <v>82</v>
      </c>
      <c r="V34" s="242">
        <v>82</v>
      </c>
      <c r="W34" s="222">
        <v>0</v>
      </c>
      <c r="X34" s="219">
        <v>0</v>
      </c>
      <c r="Y34" s="240">
        <v>0</v>
      </c>
      <c r="Z34" s="222">
        <v>0</v>
      </c>
      <c r="AA34" s="218">
        <v>0</v>
      </c>
      <c r="AB34" s="218">
        <v>0</v>
      </c>
      <c r="AC34" s="218">
        <v>0</v>
      </c>
      <c r="AD34" s="219">
        <v>0</v>
      </c>
      <c r="AE34" s="240">
        <v>0</v>
      </c>
      <c r="AF34" s="221">
        <v>0</v>
      </c>
      <c r="AG34" s="222">
        <v>0</v>
      </c>
      <c r="AH34" s="219">
        <v>0</v>
      </c>
      <c r="AI34" s="240">
        <v>0</v>
      </c>
      <c r="AJ34" s="222">
        <v>4</v>
      </c>
      <c r="AK34" s="218">
        <v>8</v>
      </c>
      <c r="AL34" s="218">
        <v>14</v>
      </c>
      <c r="AM34" s="218">
        <v>12</v>
      </c>
      <c r="AN34" s="219">
        <v>3</v>
      </c>
      <c r="AO34" s="240">
        <v>41</v>
      </c>
      <c r="AP34" s="221">
        <v>41</v>
      </c>
      <c r="AQ34" s="222">
        <v>0</v>
      </c>
      <c r="AR34" s="219">
        <v>0</v>
      </c>
      <c r="AS34" s="240">
        <v>0</v>
      </c>
      <c r="AT34" s="220">
        <v>4</v>
      </c>
      <c r="AU34" s="218">
        <v>8</v>
      </c>
      <c r="AV34" s="218">
        <v>14</v>
      </c>
      <c r="AW34" s="218">
        <v>12</v>
      </c>
      <c r="AX34" s="219">
        <v>2</v>
      </c>
      <c r="AY34" s="240">
        <v>40</v>
      </c>
      <c r="AZ34" s="241">
        <v>40</v>
      </c>
      <c r="BA34" s="217">
        <v>0</v>
      </c>
      <c r="BB34" s="219">
        <v>0</v>
      </c>
      <c r="BC34" s="219">
        <v>0</v>
      </c>
      <c r="BD34" s="220">
        <v>0</v>
      </c>
      <c r="BE34" s="218">
        <v>0</v>
      </c>
      <c r="BF34" s="218">
        <v>0</v>
      </c>
      <c r="BG34" s="218">
        <v>0</v>
      </c>
      <c r="BH34" s="219">
        <v>1</v>
      </c>
      <c r="BI34" s="240">
        <v>1</v>
      </c>
      <c r="BJ34" s="242">
        <v>1</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7</v>
      </c>
      <c r="DW34" s="218">
        <v>11</v>
      </c>
      <c r="DX34" s="218">
        <v>42</v>
      </c>
      <c r="DY34" s="218">
        <v>39</v>
      </c>
      <c r="DZ34" s="219">
        <v>29</v>
      </c>
      <c r="EA34" s="240">
        <v>128</v>
      </c>
      <c r="EB34" s="242">
        <v>128</v>
      </c>
      <c r="EC34" s="239"/>
    </row>
    <row r="35" spans="2:133" ht="21" customHeight="1" x14ac:dyDescent="0.2">
      <c r="B35" s="106" t="s">
        <v>32</v>
      </c>
      <c r="C35" s="217">
        <v>0</v>
      </c>
      <c r="D35" s="219">
        <v>0</v>
      </c>
      <c r="E35" s="219">
        <v>0</v>
      </c>
      <c r="F35" s="220">
        <v>2</v>
      </c>
      <c r="G35" s="218">
        <v>0</v>
      </c>
      <c r="H35" s="218">
        <v>12</v>
      </c>
      <c r="I35" s="218">
        <v>27</v>
      </c>
      <c r="J35" s="219">
        <v>21</v>
      </c>
      <c r="K35" s="240">
        <v>62</v>
      </c>
      <c r="L35" s="241">
        <v>62</v>
      </c>
      <c r="M35" s="217">
        <v>0</v>
      </c>
      <c r="N35" s="219">
        <v>0</v>
      </c>
      <c r="O35" s="240">
        <v>0</v>
      </c>
      <c r="P35" s="220">
        <v>2</v>
      </c>
      <c r="Q35" s="218">
        <v>0</v>
      </c>
      <c r="R35" s="218">
        <v>12</v>
      </c>
      <c r="S35" s="218">
        <v>27</v>
      </c>
      <c r="T35" s="219">
        <v>21</v>
      </c>
      <c r="U35" s="240">
        <v>62</v>
      </c>
      <c r="V35" s="242">
        <v>62</v>
      </c>
      <c r="W35" s="222">
        <v>0</v>
      </c>
      <c r="X35" s="219">
        <v>0</v>
      </c>
      <c r="Y35" s="240">
        <v>0</v>
      </c>
      <c r="Z35" s="222">
        <v>0</v>
      </c>
      <c r="AA35" s="218">
        <v>0</v>
      </c>
      <c r="AB35" s="218">
        <v>0</v>
      </c>
      <c r="AC35" s="218">
        <v>0</v>
      </c>
      <c r="AD35" s="219">
        <v>0</v>
      </c>
      <c r="AE35" s="240">
        <v>0</v>
      </c>
      <c r="AF35" s="221">
        <v>0</v>
      </c>
      <c r="AG35" s="222">
        <v>0</v>
      </c>
      <c r="AH35" s="219">
        <v>0</v>
      </c>
      <c r="AI35" s="240">
        <v>0</v>
      </c>
      <c r="AJ35" s="222">
        <v>7</v>
      </c>
      <c r="AK35" s="218">
        <v>6</v>
      </c>
      <c r="AL35" s="218">
        <v>11</v>
      </c>
      <c r="AM35" s="218">
        <v>18</v>
      </c>
      <c r="AN35" s="219">
        <v>7</v>
      </c>
      <c r="AO35" s="240">
        <v>49</v>
      </c>
      <c r="AP35" s="221">
        <v>49</v>
      </c>
      <c r="AQ35" s="222">
        <v>0</v>
      </c>
      <c r="AR35" s="219">
        <v>0</v>
      </c>
      <c r="AS35" s="240">
        <v>0</v>
      </c>
      <c r="AT35" s="220">
        <v>7</v>
      </c>
      <c r="AU35" s="218">
        <v>6</v>
      </c>
      <c r="AV35" s="218">
        <v>11</v>
      </c>
      <c r="AW35" s="218">
        <v>18</v>
      </c>
      <c r="AX35" s="219">
        <v>7</v>
      </c>
      <c r="AY35" s="240">
        <v>49</v>
      </c>
      <c r="AZ35" s="241">
        <v>49</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2</v>
      </c>
      <c r="CS35" s="218">
        <v>0</v>
      </c>
      <c r="CT35" s="218">
        <v>2</v>
      </c>
      <c r="CU35" s="218">
        <v>0</v>
      </c>
      <c r="CV35" s="219">
        <v>1</v>
      </c>
      <c r="CW35" s="240">
        <v>5</v>
      </c>
      <c r="CX35" s="241">
        <v>5</v>
      </c>
      <c r="CY35" s="217">
        <v>0</v>
      </c>
      <c r="CZ35" s="219">
        <v>0</v>
      </c>
      <c r="DA35" s="219">
        <v>0</v>
      </c>
      <c r="DB35" s="220">
        <v>2</v>
      </c>
      <c r="DC35" s="218">
        <v>0</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11</v>
      </c>
      <c r="DW35" s="218">
        <v>6</v>
      </c>
      <c r="DX35" s="218">
        <v>25</v>
      </c>
      <c r="DY35" s="218">
        <v>45</v>
      </c>
      <c r="DZ35" s="219">
        <v>29</v>
      </c>
      <c r="EA35" s="240">
        <v>116</v>
      </c>
      <c r="EB35" s="242">
        <v>116</v>
      </c>
      <c r="EC35" s="239"/>
    </row>
    <row r="36" spans="2:133" ht="21" customHeight="1" x14ac:dyDescent="0.2">
      <c r="B36" s="106" t="s">
        <v>33</v>
      </c>
      <c r="C36" s="217">
        <v>0</v>
      </c>
      <c r="D36" s="219">
        <v>0</v>
      </c>
      <c r="E36" s="219">
        <v>0</v>
      </c>
      <c r="F36" s="220">
        <v>0</v>
      </c>
      <c r="G36" s="218">
        <v>5</v>
      </c>
      <c r="H36" s="218">
        <v>28</v>
      </c>
      <c r="I36" s="218">
        <v>29</v>
      </c>
      <c r="J36" s="219">
        <v>19</v>
      </c>
      <c r="K36" s="240">
        <v>81</v>
      </c>
      <c r="L36" s="241">
        <v>81</v>
      </c>
      <c r="M36" s="217">
        <v>0</v>
      </c>
      <c r="N36" s="219">
        <v>0</v>
      </c>
      <c r="O36" s="240">
        <v>0</v>
      </c>
      <c r="P36" s="220">
        <v>0</v>
      </c>
      <c r="Q36" s="218">
        <v>5</v>
      </c>
      <c r="R36" s="218">
        <v>28</v>
      </c>
      <c r="S36" s="218">
        <v>29</v>
      </c>
      <c r="T36" s="219">
        <v>19</v>
      </c>
      <c r="U36" s="240">
        <v>81</v>
      </c>
      <c r="V36" s="242">
        <v>81</v>
      </c>
      <c r="W36" s="222">
        <v>0</v>
      </c>
      <c r="X36" s="219">
        <v>0</v>
      </c>
      <c r="Y36" s="240">
        <v>0</v>
      </c>
      <c r="Z36" s="222">
        <v>0</v>
      </c>
      <c r="AA36" s="218">
        <v>0</v>
      </c>
      <c r="AB36" s="218">
        <v>0</v>
      </c>
      <c r="AC36" s="218">
        <v>0</v>
      </c>
      <c r="AD36" s="219">
        <v>0</v>
      </c>
      <c r="AE36" s="240">
        <v>0</v>
      </c>
      <c r="AF36" s="221">
        <v>0</v>
      </c>
      <c r="AG36" s="222">
        <v>0</v>
      </c>
      <c r="AH36" s="219">
        <v>0</v>
      </c>
      <c r="AI36" s="240">
        <v>0</v>
      </c>
      <c r="AJ36" s="222">
        <v>7</v>
      </c>
      <c r="AK36" s="218">
        <v>10</v>
      </c>
      <c r="AL36" s="218">
        <v>14</v>
      </c>
      <c r="AM36" s="218">
        <v>17</v>
      </c>
      <c r="AN36" s="219">
        <v>8</v>
      </c>
      <c r="AO36" s="240">
        <v>56</v>
      </c>
      <c r="AP36" s="221">
        <v>56</v>
      </c>
      <c r="AQ36" s="222">
        <v>0</v>
      </c>
      <c r="AR36" s="219">
        <v>0</v>
      </c>
      <c r="AS36" s="240">
        <v>0</v>
      </c>
      <c r="AT36" s="220">
        <v>7</v>
      </c>
      <c r="AU36" s="218">
        <v>10</v>
      </c>
      <c r="AV36" s="218">
        <v>14</v>
      </c>
      <c r="AW36" s="218">
        <v>17</v>
      </c>
      <c r="AX36" s="219">
        <v>8</v>
      </c>
      <c r="AY36" s="240">
        <v>56</v>
      </c>
      <c r="AZ36" s="241">
        <v>56</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3</v>
      </c>
      <c r="CS36" s="218">
        <v>8</v>
      </c>
      <c r="CT36" s="218">
        <v>9</v>
      </c>
      <c r="CU36" s="218">
        <v>10</v>
      </c>
      <c r="CV36" s="219">
        <v>11</v>
      </c>
      <c r="CW36" s="240">
        <v>41</v>
      </c>
      <c r="CX36" s="241">
        <v>41</v>
      </c>
      <c r="CY36" s="217">
        <v>0</v>
      </c>
      <c r="CZ36" s="219">
        <v>0</v>
      </c>
      <c r="DA36" s="219">
        <v>0</v>
      </c>
      <c r="DB36" s="220">
        <v>3</v>
      </c>
      <c r="DC36" s="218">
        <v>8</v>
      </c>
      <c r="DD36" s="218">
        <v>9</v>
      </c>
      <c r="DE36" s="218">
        <v>10</v>
      </c>
      <c r="DF36" s="219">
        <v>11</v>
      </c>
      <c r="DG36" s="240">
        <v>41</v>
      </c>
      <c r="DH36" s="242">
        <v>41</v>
      </c>
      <c r="DI36" s="222">
        <v>0</v>
      </c>
      <c r="DJ36" s="219">
        <v>0</v>
      </c>
      <c r="DK36" s="219">
        <v>0</v>
      </c>
      <c r="DL36" s="220">
        <v>0</v>
      </c>
      <c r="DM36" s="218">
        <v>0</v>
      </c>
      <c r="DN36" s="218">
        <v>0</v>
      </c>
      <c r="DO36" s="218">
        <v>0</v>
      </c>
      <c r="DP36" s="219">
        <v>0</v>
      </c>
      <c r="DQ36" s="240">
        <v>0</v>
      </c>
      <c r="DR36" s="242">
        <v>0</v>
      </c>
      <c r="DS36" s="222">
        <v>0</v>
      </c>
      <c r="DT36" s="219">
        <v>0</v>
      </c>
      <c r="DU36" s="219">
        <v>0</v>
      </c>
      <c r="DV36" s="220">
        <v>10</v>
      </c>
      <c r="DW36" s="218">
        <v>23</v>
      </c>
      <c r="DX36" s="218">
        <v>51</v>
      </c>
      <c r="DY36" s="218">
        <v>56</v>
      </c>
      <c r="DZ36" s="219">
        <v>38</v>
      </c>
      <c r="EA36" s="240">
        <v>178</v>
      </c>
      <c r="EB36" s="242">
        <v>178</v>
      </c>
      <c r="EC36" s="239"/>
    </row>
    <row r="37" spans="2:133" ht="21" customHeight="1" x14ac:dyDescent="0.2">
      <c r="B37" s="106" t="s">
        <v>34</v>
      </c>
      <c r="C37" s="217">
        <v>0</v>
      </c>
      <c r="D37" s="219">
        <v>0</v>
      </c>
      <c r="E37" s="219">
        <v>0</v>
      </c>
      <c r="F37" s="220">
        <v>0</v>
      </c>
      <c r="G37" s="218">
        <v>0</v>
      </c>
      <c r="H37" s="218">
        <v>6</v>
      </c>
      <c r="I37" s="218">
        <v>29</v>
      </c>
      <c r="J37" s="219">
        <v>9</v>
      </c>
      <c r="K37" s="240">
        <v>44</v>
      </c>
      <c r="L37" s="241">
        <v>44</v>
      </c>
      <c r="M37" s="217">
        <v>0</v>
      </c>
      <c r="N37" s="219">
        <v>0</v>
      </c>
      <c r="O37" s="240">
        <v>0</v>
      </c>
      <c r="P37" s="220">
        <v>0</v>
      </c>
      <c r="Q37" s="218">
        <v>0</v>
      </c>
      <c r="R37" s="218">
        <v>6</v>
      </c>
      <c r="S37" s="218">
        <v>29</v>
      </c>
      <c r="T37" s="219">
        <v>9</v>
      </c>
      <c r="U37" s="240">
        <v>44</v>
      </c>
      <c r="V37" s="242">
        <v>44</v>
      </c>
      <c r="W37" s="222">
        <v>0</v>
      </c>
      <c r="X37" s="219">
        <v>0</v>
      </c>
      <c r="Y37" s="240">
        <v>0</v>
      </c>
      <c r="Z37" s="222">
        <v>0</v>
      </c>
      <c r="AA37" s="218">
        <v>0</v>
      </c>
      <c r="AB37" s="218">
        <v>0</v>
      </c>
      <c r="AC37" s="218">
        <v>0</v>
      </c>
      <c r="AD37" s="219">
        <v>0</v>
      </c>
      <c r="AE37" s="240">
        <v>0</v>
      </c>
      <c r="AF37" s="221">
        <v>0</v>
      </c>
      <c r="AG37" s="222">
        <v>0</v>
      </c>
      <c r="AH37" s="219">
        <v>0</v>
      </c>
      <c r="AI37" s="240">
        <v>0</v>
      </c>
      <c r="AJ37" s="222">
        <v>6</v>
      </c>
      <c r="AK37" s="218">
        <v>14</v>
      </c>
      <c r="AL37" s="218">
        <v>6</v>
      </c>
      <c r="AM37" s="218">
        <v>8</v>
      </c>
      <c r="AN37" s="219">
        <v>4</v>
      </c>
      <c r="AO37" s="240">
        <v>38</v>
      </c>
      <c r="AP37" s="221">
        <v>38</v>
      </c>
      <c r="AQ37" s="222">
        <v>0</v>
      </c>
      <c r="AR37" s="219">
        <v>0</v>
      </c>
      <c r="AS37" s="240">
        <v>0</v>
      </c>
      <c r="AT37" s="220">
        <v>6</v>
      </c>
      <c r="AU37" s="218">
        <v>14</v>
      </c>
      <c r="AV37" s="218">
        <v>6</v>
      </c>
      <c r="AW37" s="218">
        <v>8</v>
      </c>
      <c r="AX37" s="219">
        <v>4</v>
      </c>
      <c r="AY37" s="240">
        <v>38</v>
      </c>
      <c r="AZ37" s="241">
        <v>38</v>
      </c>
      <c r="BA37" s="217">
        <v>0</v>
      </c>
      <c r="BB37" s="219">
        <v>0</v>
      </c>
      <c r="BC37" s="219">
        <v>0</v>
      </c>
      <c r="BD37" s="220">
        <v>0</v>
      </c>
      <c r="BE37" s="218">
        <v>0</v>
      </c>
      <c r="BF37" s="218">
        <v>0</v>
      </c>
      <c r="BG37" s="218">
        <v>0</v>
      </c>
      <c r="BH37" s="219">
        <v>0</v>
      </c>
      <c r="BI37" s="240">
        <v>0</v>
      </c>
      <c r="BJ37" s="242">
        <v>0</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6</v>
      </c>
      <c r="DW37" s="218">
        <v>14</v>
      </c>
      <c r="DX37" s="218">
        <v>12</v>
      </c>
      <c r="DY37" s="218">
        <v>38</v>
      </c>
      <c r="DZ37" s="219">
        <v>15</v>
      </c>
      <c r="EA37" s="240">
        <v>85</v>
      </c>
      <c r="EB37" s="242">
        <v>85</v>
      </c>
      <c r="EC37" s="239"/>
    </row>
    <row r="38" spans="2:133" ht="21" customHeight="1" x14ac:dyDescent="0.2">
      <c r="B38" s="106" t="s">
        <v>35</v>
      </c>
      <c r="C38" s="217">
        <v>0</v>
      </c>
      <c r="D38" s="219">
        <v>0</v>
      </c>
      <c r="E38" s="219">
        <v>0</v>
      </c>
      <c r="F38" s="220">
        <v>1</v>
      </c>
      <c r="G38" s="218">
        <v>1</v>
      </c>
      <c r="H38" s="218">
        <v>26</v>
      </c>
      <c r="I38" s="218">
        <v>49</v>
      </c>
      <c r="J38" s="219">
        <v>27</v>
      </c>
      <c r="K38" s="240">
        <v>104</v>
      </c>
      <c r="L38" s="241">
        <v>104</v>
      </c>
      <c r="M38" s="217">
        <v>0</v>
      </c>
      <c r="N38" s="219">
        <v>0</v>
      </c>
      <c r="O38" s="240">
        <v>0</v>
      </c>
      <c r="P38" s="220">
        <v>1</v>
      </c>
      <c r="Q38" s="218">
        <v>1</v>
      </c>
      <c r="R38" s="218">
        <v>26</v>
      </c>
      <c r="S38" s="218">
        <v>49</v>
      </c>
      <c r="T38" s="219">
        <v>27</v>
      </c>
      <c r="U38" s="240">
        <v>104</v>
      </c>
      <c r="V38" s="242">
        <v>104</v>
      </c>
      <c r="W38" s="222">
        <v>0</v>
      </c>
      <c r="X38" s="219">
        <v>0</v>
      </c>
      <c r="Y38" s="240">
        <v>0</v>
      </c>
      <c r="Z38" s="222">
        <v>0</v>
      </c>
      <c r="AA38" s="218">
        <v>0</v>
      </c>
      <c r="AB38" s="218">
        <v>0</v>
      </c>
      <c r="AC38" s="218">
        <v>0</v>
      </c>
      <c r="AD38" s="219">
        <v>0</v>
      </c>
      <c r="AE38" s="240">
        <v>0</v>
      </c>
      <c r="AF38" s="221">
        <v>0</v>
      </c>
      <c r="AG38" s="222">
        <v>0</v>
      </c>
      <c r="AH38" s="219">
        <v>0</v>
      </c>
      <c r="AI38" s="240">
        <v>0</v>
      </c>
      <c r="AJ38" s="222">
        <v>18</v>
      </c>
      <c r="AK38" s="218">
        <v>31</v>
      </c>
      <c r="AL38" s="218">
        <v>28</v>
      </c>
      <c r="AM38" s="218">
        <v>14</v>
      </c>
      <c r="AN38" s="219">
        <v>8</v>
      </c>
      <c r="AO38" s="240">
        <v>99</v>
      </c>
      <c r="AP38" s="221">
        <v>99</v>
      </c>
      <c r="AQ38" s="222">
        <v>0</v>
      </c>
      <c r="AR38" s="219">
        <v>0</v>
      </c>
      <c r="AS38" s="240">
        <v>0</v>
      </c>
      <c r="AT38" s="220">
        <v>18</v>
      </c>
      <c r="AU38" s="218">
        <v>31</v>
      </c>
      <c r="AV38" s="218">
        <v>28</v>
      </c>
      <c r="AW38" s="218">
        <v>14</v>
      </c>
      <c r="AX38" s="219">
        <v>8</v>
      </c>
      <c r="AY38" s="240">
        <v>99</v>
      </c>
      <c r="AZ38" s="241">
        <v>99</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3</v>
      </c>
      <c r="CT38" s="218">
        <v>6</v>
      </c>
      <c r="CU38" s="218">
        <v>2</v>
      </c>
      <c r="CV38" s="219">
        <v>7</v>
      </c>
      <c r="CW38" s="240">
        <v>20</v>
      </c>
      <c r="CX38" s="241">
        <v>20</v>
      </c>
      <c r="CY38" s="217">
        <v>0</v>
      </c>
      <c r="CZ38" s="219">
        <v>0</v>
      </c>
      <c r="DA38" s="219">
        <v>0</v>
      </c>
      <c r="DB38" s="220">
        <v>1</v>
      </c>
      <c r="DC38" s="218">
        <v>3</v>
      </c>
      <c r="DD38" s="218">
        <v>6</v>
      </c>
      <c r="DE38" s="218">
        <v>2</v>
      </c>
      <c r="DF38" s="219">
        <v>7</v>
      </c>
      <c r="DG38" s="240">
        <v>19</v>
      </c>
      <c r="DH38" s="242">
        <v>19</v>
      </c>
      <c r="DI38" s="222">
        <v>0</v>
      </c>
      <c r="DJ38" s="219">
        <v>0</v>
      </c>
      <c r="DK38" s="219">
        <v>0</v>
      </c>
      <c r="DL38" s="220">
        <v>1</v>
      </c>
      <c r="DM38" s="218">
        <v>0</v>
      </c>
      <c r="DN38" s="218">
        <v>0</v>
      </c>
      <c r="DO38" s="218">
        <v>0</v>
      </c>
      <c r="DP38" s="219">
        <v>0</v>
      </c>
      <c r="DQ38" s="240">
        <v>1</v>
      </c>
      <c r="DR38" s="242">
        <v>1</v>
      </c>
      <c r="DS38" s="222">
        <v>0</v>
      </c>
      <c r="DT38" s="219">
        <v>0</v>
      </c>
      <c r="DU38" s="219">
        <v>0</v>
      </c>
      <c r="DV38" s="220">
        <v>21</v>
      </c>
      <c r="DW38" s="218">
        <v>35</v>
      </c>
      <c r="DX38" s="218">
        <v>60</v>
      </c>
      <c r="DY38" s="218">
        <v>65</v>
      </c>
      <c r="DZ38" s="219">
        <v>42</v>
      </c>
      <c r="EA38" s="240">
        <v>223</v>
      </c>
      <c r="EB38" s="242">
        <v>223</v>
      </c>
      <c r="EC38" s="239"/>
    </row>
    <row r="39" spans="2:133" ht="21" customHeight="1" x14ac:dyDescent="0.2">
      <c r="B39" s="106" t="s">
        <v>36</v>
      </c>
      <c r="C39" s="217">
        <v>0</v>
      </c>
      <c r="D39" s="219">
        <v>0</v>
      </c>
      <c r="E39" s="219">
        <v>0</v>
      </c>
      <c r="F39" s="220">
        <v>0</v>
      </c>
      <c r="G39" s="218">
        <v>4</v>
      </c>
      <c r="H39" s="218">
        <v>65</v>
      </c>
      <c r="I39" s="218">
        <v>85</v>
      </c>
      <c r="J39" s="219">
        <v>63</v>
      </c>
      <c r="K39" s="240">
        <v>217</v>
      </c>
      <c r="L39" s="241">
        <v>217</v>
      </c>
      <c r="M39" s="217">
        <v>0</v>
      </c>
      <c r="N39" s="219">
        <v>0</v>
      </c>
      <c r="O39" s="240">
        <v>0</v>
      </c>
      <c r="P39" s="220">
        <v>0</v>
      </c>
      <c r="Q39" s="218">
        <v>4</v>
      </c>
      <c r="R39" s="218">
        <v>64</v>
      </c>
      <c r="S39" s="218">
        <v>81</v>
      </c>
      <c r="T39" s="219">
        <v>62</v>
      </c>
      <c r="U39" s="240">
        <v>211</v>
      </c>
      <c r="V39" s="242">
        <v>211</v>
      </c>
      <c r="W39" s="222">
        <v>0</v>
      </c>
      <c r="X39" s="219">
        <v>0</v>
      </c>
      <c r="Y39" s="240">
        <v>0</v>
      </c>
      <c r="Z39" s="222">
        <v>0</v>
      </c>
      <c r="AA39" s="218">
        <v>0</v>
      </c>
      <c r="AB39" s="218">
        <v>1</v>
      </c>
      <c r="AC39" s="218">
        <v>4</v>
      </c>
      <c r="AD39" s="219">
        <v>1</v>
      </c>
      <c r="AE39" s="240">
        <v>6</v>
      </c>
      <c r="AF39" s="221">
        <v>6</v>
      </c>
      <c r="AG39" s="222">
        <v>0</v>
      </c>
      <c r="AH39" s="219">
        <v>0</v>
      </c>
      <c r="AI39" s="240">
        <v>0</v>
      </c>
      <c r="AJ39" s="222">
        <v>15</v>
      </c>
      <c r="AK39" s="218">
        <v>16</v>
      </c>
      <c r="AL39" s="218">
        <v>35</v>
      </c>
      <c r="AM39" s="218">
        <v>53</v>
      </c>
      <c r="AN39" s="219">
        <v>20</v>
      </c>
      <c r="AO39" s="240">
        <v>139</v>
      </c>
      <c r="AP39" s="221">
        <v>139</v>
      </c>
      <c r="AQ39" s="222">
        <v>0</v>
      </c>
      <c r="AR39" s="219">
        <v>0</v>
      </c>
      <c r="AS39" s="240">
        <v>0</v>
      </c>
      <c r="AT39" s="220">
        <v>15</v>
      </c>
      <c r="AU39" s="218">
        <v>16</v>
      </c>
      <c r="AV39" s="218">
        <v>35</v>
      </c>
      <c r="AW39" s="218">
        <v>50</v>
      </c>
      <c r="AX39" s="219">
        <v>20</v>
      </c>
      <c r="AY39" s="240">
        <v>136</v>
      </c>
      <c r="AZ39" s="241">
        <v>136</v>
      </c>
      <c r="BA39" s="217">
        <v>0</v>
      </c>
      <c r="BB39" s="219">
        <v>0</v>
      </c>
      <c r="BC39" s="219">
        <v>0</v>
      </c>
      <c r="BD39" s="220">
        <v>0</v>
      </c>
      <c r="BE39" s="218">
        <v>0</v>
      </c>
      <c r="BF39" s="218">
        <v>0</v>
      </c>
      <c r="BG39" s="218">
        <v>3</v>
      </c>
      <c r="BH39" s="219">
        <v>0</v>
      </c>
      <c r="BI39" s="240">
        <v>3</v>
      </c>
      <c r="BJ39" s="242">
        <v>3</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9</v>
      </c>
      <c r="CV39" s="219">
        <v>3</v>
      </c>
      <c r="CW39" s="240">
        <v>12</v>
      </c>
      <c r="CX39" s="241">
        <v>12</v>
      </c>
      <c r="CY39" s="217">
        <v>0</v>
      </c>
      <c r="CZ39" s="219">
        <v>0</v>
      </c>
      <c r="DA39" s="219">
        <v>0</v>
      </c>
      <c r="DB39" s="220">
        <v>0</v>
      </c>
      <c r="DC39" s="218">
        <v>0</v>
      </c>
      <c r="DD39" s="218">
        <v>0</v>
      </c>
      <c r="DE39" s="218">
        <v>8</v>
      </c>
      <c r="DF39" s="219">
        <v>3</v>
      </c>
      <c r="DG39" s="240">
        <v>11</v>
      </c>
      <c r="DH39" s="242">
        <v>11</v>
      </c>
      <c r="DI39" s="222">
        <v>0</v>
      </c>
      <c r="DJ39" s="219">
        <v>0</v>
      </c>
      <c r="DK39" s="219">
        <v>0</v>
      </c>
      <c r="DL39" s="220">
        <v>0</v>
      </c>
      <c r="DM39" s="218">
        <v>0</v>
      </c>
      <c r="DN39" s="218">
        <v>0</v>
      </c>
      <c r="DO39" s="218">
        <v>1</v>
      </c>
      <c r="DP39" s="219">
        <v>0</v>
      </c>
      <c r="DQ39" s="240">
        <v>1</v>
      </c>
      <c r="DR39" s="242">
        <v>1</v>
      </c>
      <c r="DS39" s="222">
        <v>0</v>
      </c>
      <c r="DT39" s="219">
        <v>0</v>
      </c>
      <c r="DU39" s="219">
        <v>0</v>
      </c>
      <c r="DV39" s="220">
        <v>15</v>
      </c>
      <c r="DW39" s="218">
        <v>20</v>
      </c>
      <c r="DX39" s="218">
        <v>100</v>
      </c>
      <c r="DY39" s="218">
        <v>146</v>
      </c>
      <c r="DZ39" s="219">
        <v>86</v>
      </c>
      <c r="EA39" s="240">
        <v>367</v>
      </c>
      <c r="EB39" s="242">
        <v>367</v>
      </c>
      <c r="EC39" s="239"/>
    </row>
    <row r="40" spans="2:133" ht="21" customHeight="1" thickBot="1" x14ac:dyDescent="0.25">
      <c r="B40" s="108" t="s">
        <v>37</v>
      </c>
      <c r="C40" s="223">
        <v>0</v>
      </c>
      <c r="D40" s="225">
        <v>0</v>
      </c>
      <c r="E40" s="225">
        <v>0</v>
      </c>
      <c r="F40" s="226">
        <v>0</v>
      </c>
      <c r="G40" s="224">
        <v>0</v>
      </c>
      <c r="H40" s="224">
        <v>6</v>
      </c>
      <c r="I40" s="224">
        <v>6</v>
      </c>
      <c r="J40" s="225">
        <v>8</v>
      </c>
      <c r="K40" s="243">
        <v>20</v>
      </c>
      <c r="L40" s="244">
        <v>20</v>
      </c>
      <c r="M40" s="223">
        <v>0</v>
      </c>
      <c r="N40" s="225">
        <v>0</v>
      </c>
      <c r="O40" s="243">
        <v>0</v>
      </c>
      <c r="P40" s="226">
        <v>0</v>
      </c>
      <c r="Q40" s="224">
        <v>0</v>
      </c>
      <c r="R40" s="224">
        <v>6</v>
      </c>
      <c r="S40" s="224">
        <v>6</v>
      </c>
      <c r="T40" s="225">
        <v>8</v>
      </c>
      <c r="U40" s="243">
        <v>20</v>
      </c>
      <c r="V40" s="245">
        <v>20</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7</v>
      </c>
      <c r="AM40" s="224">
        <v>3</v>
      </c>
      <c r="AN40" s="225">
        <v>4</v>
      </c>
      <c r="AO40" s="243">
        <v>17</v>
      </c>
      <c r="AP40" s="227">
        <v>17</v>
      </c>
      <c r="AQ40" s="228">
        <v>0</v>
      </c>
      <c r="AR40" s="225">
        <v>0</v>
      </c>
      <c r="AS40" s="243">
        <v>0</v>
      </c>
      <c r="AT40" s="226">
        <v>1</v>
      </c>
      <c r="AU40" s="224">
        <v>2</v>
      </c>
      <c r="AV40" s="224">
        <v>7</v>
      </c>
      <c r="AW40" s="224">
        <v>3</v>
      </c>
      <c r="AX40" s="225">
        <v>4</v>
      </c>
      <c r="AY40" s="243">
        <v>17</v>
      </c>
      <c r="AZ40" s="244">
        <v>17</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3</v>
      </c>
      <c r="DY40" s="224">
        <v>9</v>
      </c>
      <c r="DZ40" s="225">
        <v>13</v>
      </c>
      <c r="EA40" s="243">
        <v>38</v>
      </c>
      <c r="EB40" s="245">
        <v>38</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1">
        <f>第１表!F2</f>
        <v>6</v>
      </c>
      <c r="G1" s="441"/>
      <c r="H1" s="18">
        <f>第１表!G2</f>
        <v>8</v>
      </c>
      <c r="I1" s="440">
        <f>H1</f>
        <v>8</v>
      </c>
      <c r="J1" s="440"/>
    </row>
    <row r="2" spans="2:299" ht="24" customHeight="1" thickBot="1" x14ac:dyDescent="0.25">
      <c r="B2" s="10" t="s">
        <v>127</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1052</v>
      </c>
      <c r="D7" s="86">
        <v>21602</v>
      </c>
      <c r="E7" s="87">
        <v>42654</v>
      </c>
      <c r="F7" s="412">
        <v>0</v>
      </c>
      <c r="G7" s="86">
        <v>31771</v>
      </c>
      <c r="H7" s="86">
        <v>32069</v>
      </c>
      <c r="I7" s="86">
        <v>21121</v>
      </c>
      <c r="J7" s="86">
        <v>17497</v>
      </c>
      <c r="K7" s="86">
        <v>10658</v>
      </c>
      <c r="L7" s="88">
        <v>113116</v>
      </c>
      <c r="M7" s="89">
        <v>155770</v>
      </c>
      <c r="N7" s="90">
        <v>829</v>
      </c>
      <c r="O7" s="91">
        <v>1011</v>
      </c>
      <c r="P7" s="92">
        <v>1840</v>
      </c>
      <c r="Q7" s="412">
        <v>0</v>
      </c>
      <c r="R7" s="91">
        <v>1324</v>
      </c>
      <c r="S7" s="91">
        <v>1640</v>
      </c>
      <c r="T7" s="91">
        <v>1047</v>
      </c>
      <c r="U7" s="91">
        <v>910</v>
      </c>
      <c r="V7" s="91">
        <v>694</v>
      </c>
      <c r="W7" s="92">
        <v>5615</v>
      </c>
      <c r="X7" s="93">
        <v>7455</v>
      </c>
      <c r="Y7" s="90">
        <v>1776</v>
      </c>
      <c r="Z7" s="91">
        <v>2232</v>
      </c>
      <c r="AA7" s="92">
        <v>4008</v>
      </c>
      <c r="AB7" s="412">
        <v>0</v>
      </c>
      <c r="AC7" s="91">
        <v>2757</v>
      </c>
      <c r="AD7" s="91">
        <v>3243</v>
      </c>
      <c r="AE7" s="91">
        <v>2121</v>
      </c>
      <c r="AF7" s="91">
        <v>1882</v>
      </c>
      <c r="AG7" s="91">
        <v>1347</v>
      </c>
      <c r="AH7" s="92">
        <v>11350</v>
      </c>
      <c r="AI7" s="93">
        <v>15358</v>
      </c>
      <c r="AJ7" s="90">
        <v>3287</v>
      </c>
      <c r="AK7" s="91">
        <v>3566</v>
      </c>
      <c r="AL7" s="92">
        <v>6853</v>
      </c>
      <c r="AM7" s="412">
        <v>0</v>
      </c>
      <c r="AN7" s="91">
        <v>4939</v>
      </c>
      <c r="AO7" s="91">
        <v>5312</v>
      </c>
      <c r="AP7" s="91">
        <v>3416</v>
      </c>
      <c r="AQ7" s="91">
        <v>2930</v>
      </c>
      <c r="AR7" s="91">
        <v>1944</v>
      </c>
      <c r="AS7" s="92">
        <v>18541</v>
      </c>
      <c r="AT7" s="93">
        <v>25394</v>
      </c>
      <c r="AU7" s="90">
        <v>5662</v>
      </c>
      <c r="AV7" s="91">
        <v>5477</v>
      </c>
      <c r="AW7" s="92">
        <v>11139</v>
      </c>
      <c r="AX7" s="412">
        <v>0</v>
      </c>
      <c r="AY7" s="91">
        <v>8312</v>
      </c>
      <c r="AZ7" s="91">
        <v>7741</v>
      </c>
      <c r="BA7" s="91">
        <v>4996</v>
      </c>
      <c r="BB7" s="91">
        <v>4144</v>
      </c>
      <c r="BC7" s="91">
        <v>2515</v>
      </c>
      <c r="BD7" s="92">
        <v>27708</v>
      </c>
      <c r="BE7" s="93">
        <v>38847</v>
      </c>
      <c r="BF7" s="90">
        <v>5941</v>
      </c>
      <c r="BG7" s="91">
        <v>5525</v>
      </c>
      <c r="BH7" s="92">
        <v>11466</v>
      </c>
      <c r="BI7" s="412">
        <v>0</v>
      </c>
      <c r="BJ7" s="91">
        <v>8533</v>
      </c>
      <c r="BK7" s="91">
        <v>7793</v>
      </c>
      <c r="BL7" s="91">
        <v>5107</v>
      </c>
      <c r="BM7" s="91">
        <v>4049</v>
      </c>
      <c r="BN7" s="91">
        <v>2321</v>
      </c>
      <c r="BO7" s="92">
        <v>27803</v>
      </c>
      <c r="BP7" s="93">
        <v>39269</v>
      </c>
      <c r="BQ7" s="90">
        <v>3557</v>
      </c>
      <c r="BR7" s="91">
        <v>3791</v>
      </c>
      <c r="BS7" s="92">
        <v>7348</v>
      </c>
      <c r="BT7" s="412">
        <v>0</v>
      </c>
      <c r="BU7" s="91">
        <v>5906</v>
      </c>
      <c r="BV7" s="91">
        <v>6340</v>
      </c>
      <c r="BW7" s="91">
        <v>4434</v>
      </c>
      <c r="BX7" s="91">
        <v>3582</v>
      </c>
      <c r="BY7" s="91">
        <v>1837</v>
      </c>
      <c r="BZ7" s="92">
        <v>22099</v>
      </c>
      <c r="CA7" s="93">
        <v>29447</v>
      </c>
      <c r="CB7" s="90">
        <v>499</v>
      </c>
      <c r="CC7" s="91">
        <v>847</v>
      </c>
      <c r="CD7" s="92">
        <v>1346</v>
      </c>
      <c r="CE7" s="412">
        <v>0</v>
      </c>
      <c r="CF7" s="91">
        <v>886</v>
      </c>
      <c r="CG7" s="91">
        <v>1454</v>
      </c>
      <c r="CH7" s="91">
        <v>880</v>
      </c>
      <c r="CI7" s="91">
        <v>813</v>
      </c>
      <c r="CJ7" s="91">
        <v>776</v>
      </c>
      <c r="CK7" s="92">
        <v>4809</v>
      </c>
      <c r="CL7" s="93">
        <v>6155</v>
      </c>
      <c r="CM7" s="90">
        <v>21551</v>
      </c>
      <c r="CN7" s="91">
        <v>22449</v>
      </c>
      <c r="CO7" s="92">
        <v>44000</v>
      </c>
      <c r="CP7" s="412">
        <v>0</v>
      </c>
      <c r="CQ7" s="91">
        <v>32657</v>
      </c>
      <c r="CR7" s="91">
        <v>33523</v>
      </c>
      <c r="CS7" s="91">
        <v>22001</v>
      </c>
      <c r="CT7" s="91">
        <v>18310</v>
      </c>
      <c r="CU7" s="91">
        <v>11434</v>
      </c>
      <c r="CV7" s="92">
        <v>117925</v>
      </c>
      <c r="CW7" s="93">
        <v>161925</v>
      </c>
      <c r="CX7" s="94">
        <v>40514</v>
      </c>
      <c r="CY7" s="86">
        <v>47827</v>
      </c>
      <c r="CZ7" s="87">
        <v>88341</v>
      </c>
      <c r="DA7" s="412">
        <v>0</v>
      </c>
      <c r="DB7" s="86">
        <v>57854</v>
      </c>
      <c r="DC7" s="86">
        <v>55153</v>
      </c>
      <c r="DD7" s="86">
        <v>40194</v>
      </c>
      <c r="DE7" s="86">
        <v>39326</v>
      </c>
      <c r="DF7" s="86">
        <v>25490</v>
      </c>
      <c r="DG7" s="88">
        <v>218017</v>
      </c>
      <c r="DH7" s="89">
        <v>306358</v>
      </c>
      <c r="DI7" s="90">
        <v>832</v>
      </c>
      <c r="DJ7" s="91">
        <v>1097</v>
      </c>
      <c r="DK7" s="92">
        <v>1929</v>
      </c>
      <c r="DL7" s="412">
        <v>0</v>
      </c>
      <c r="DM7" s="91">
        <v>987</v>
      </c>
      <c r="DN7" s="91">
        <v>1088</v>
      </c>
      <c r="DO7" s="91">
        <v>716</v>
      </c>
      <c r="DP7" s="91">
        <v>649</v>
      </c>
      <c r="DQ7" s="91">
        <v>580</v>
      </c>
      <c r="DR7" s="92">
        <v>4020</v>
      </c>
      <c r="DS7" s="93">
        <v>5949</v>
      </c>
      <c r="DT7" s="90">
        <v>2400</v>
      </c>
      <c r="DU7" s="91">
        <v>2964</v>
      </c>
      <c r="DV7" s="92">
        <v>5364</v>
      </c>
      <c r="DW7" s="412">
        <v>0</v>
      </c>
      <c r="DX7" s="91">
        <v>2571</v>
      </c>
      <c r="DY7" s="91">
        <v>2704</v>
      </c>
      <c r="DZ7" s="91">
        <v>1683</v>
      </c>
      <c r="EA7" s="91">
        <v>1693</v>
      </c>
      <c r="EB7" s="91">
        <v>1325</v>
      </c>
      <c r="EC7" s="92">
        <v>9976</v>
      </c>
      <c r="ED7" s="93">
        <v>15340</v>
      </c>
      <c r="EE7" s="90">
        <v>6123</v>
      </c>
      <c r="EF7" s="91">
        <v>6909</v>
      </c>
      <c r="EG7" s="92">
        <v>13032</v>
      </c>
      <c r="EH7" s="412">
        <v>0</v>
      </c>
      <c r="EI7" s="91">
        <v>6581</v>
      </c>
      <c r="EJ7" s="91">
        <v>5860</v>
      </c>
      <c r="EK7" s="91">
        <v>3558</v>
      </c>
      <c r="EL7" s="91">
        <v>3447</v>
      </c>
      <c r="EM7" s="91">
        <v>2586</v>
      </c>
      <c r="EN7" s="92">
        <v>22032</v>
      </c>
      <c r="EO7" s="93">
        <v>35064</v>
      </c>
      <c r="EP7" s="90">
        <v>12793</v>
      </c>
      <c r="EQ7" s="91">
        <v>13530</v>
      </c>
      <c r="ER7" s="92">
        <v>26323</v>
      </c>
      <c r="ES7" s="412">
        <v>0</v>
      </c>
      <c r="ET7" s="91">
        <v>14656</v>
      </c>
      <c r="EU7" s="91">
        <v>11964</v>
      </c>
      <c r="EV7" s="91">
        <v>7787</v>
      </c>
      <c r="EW7" s="91">
        <v>6992</v>
      </c>
      <c r="EX7" s="91">
        <v>4836</v>
      </c>
      <c r="EY7" s="92">
        <v>46235</v>
      </c>
      <c r="EZ7" s="93">
        <v>72558</v>
      </c>
      <c r="FA7" s="90">
        <v>11993</v>
      </c>
      <c r="FB7" s="91">
        <v>13881</v>
      </c>
      <c r="FC7" s="92">
        <v>25874</v>
      </c>
      <c r="FD7" s="412">
        <v>0</v>
      </c>
      <c r="FE7" s="91">
        <v>17560</v>
      </c>
      <c r="FF7" s="91">
        <v>15649</v>
      </c>
      <c r="FG7" s="91">
        <v>10820</v>
      </c>
      <c r="FH7" s="91">
        <v>9760</v>
      </c>
      <c r="FI7" s="91">
        <v>6395</v>
      </c>
      <c r="FJ7" s="92">
        <v>60184</v>
      </c>
      <c r="FK7" s="93">
        <v>86058</v>
      </c>
      <c r="FL7" s="90">
        <v>6373</v>
      </c>
      <c r="FM7" s="91">
        <v>9446</v>
      </c>
      <c r="FN7" s="92">
        <v>15819</v>
      </c>
      <c r="FO7" s="412">
        <v>0</v>
      </c>
      <c r="FP7" s="91">
        <v>15499</v>
      </c>
      <c r="FQ7" s="91">
        <v>17888</v>
      </c>
      <c r="FR7" s="91">
        <v>15630</v>
      </c>
      <c r="FS7" s="91">
        <v>16785</v>
      </c>
      <c r="FT7" s="91">
        <v>9768</v>
      </c>
      <c r="FU7" s="92">
        <v>75570</v>
      </c>
      <c r="FV7" s="93">
        <v>91389</v>
      </c>
      <c r="FW7" s="90">
        <v>392</v>
      </c>
      <c r="FX7" s="91">
        <v>745</v>
      </c>
      <c r="FY7" s="92">
        <v>1137</v>
      </c>
      <c r="FZ7" s="412">
        <v>0</v>
      </c>
      <c r="GA7" s="91">
        <v>713</v>
      </c>
      <c r="GB7" s="91">
        <v>1105</v>
      </c>
      <c r="GC7" s="91">
        <v>629</v>
      </c>
      <c r="GD7" s="91">
        <v>604</v>
      </c>
      <c r="GE7" s="91">
        <v>640</v>
      </c>
      <c r="GF7" s="92">
        <v>3691</v>
      </c>
      <c r="GG7" s="93">
        <v>4828</v>
      </c>
      <c r="GH7" s="90">
        <v>40906</v>
      </c>
      <c r="GI7" s="91">
        <v>48572</v>
      </c>
      <c r="GJ7" s="92">
        <v>89478</v>
      </c>
      <c r="GK7" s="412">
        <v>0</v>
      </c>
      <c r="GL7" s="91">
        <v>58567</v>
      </c>
      <c r="GM7" s="91">
        <v>56258</v>
      </c>
      <c r="GN7" s="91">
        <v>40823</v>
      </c>
      <c r="GO7" s="91">
        <v>39930</v>
      </c>
      <c r="GP7" s="91">
        <v>26130</v>
      </c>
      <c r="GQ7" s="92">
        <v>221708</v>
      </c>
      <c r="GR7" s="93">
        <v>311186</v>
      </c>
      <c r="GS7" s="94">
        <v>61566</v>
      </c>
      <c r="GT7" s="86">
        <v>69429</v>
      </c>
      <c r="GU7" s="87">
        <v>130995</v>
      </c>
      <c r="GV7" s="412">
        <v>0</v>
      </c>
      <c r="GW7" s="86">
        <v>89625</v>
      </c>
      <c r="GX7" s="86">
        <v>87222</v>
      </c>
      <c r="GY7" s="86">
        <v>61315</v>
      </c>
      <c r="GZ7" s="86">
        <v>56823</v>
      </c>
      <c r="HA7" s="86">
        <v>36148</v>
      </c>
      <c r="HB7" s="88">
        <v>331133</v>
      </c>
      <c r="HC7" s="89">
        <v>462128</v>
      </c>
      <c r="HD7" s="90">
        <v>1661</v>
      </c>
      <c r="HE7" s="91">
        <v>2108</v>
      </c>
      <c r="HF7" s="92">
        <v>3769</v>
      </c>
      <c r="HG7" s="415">
        <v>0</v>
      </c>
      <c r="HH7" s="91">
        <v>2311</v>
      </c>
      <c r="HI7" s="91">
        <v>2728</v>
      </c>
      <c r="HJ7" s="91">
        <v>1763</v>
      </c>
      <c r="HK7" s="91">
        <v>1559</v>
      </c>
      <c r="HL7" s="91">
        <v>1274</v>
      </c>
      <c r="HM7" s="92">
        <v>9635</v>
      </c>
      <c r="HN7" s="93">
        <v>13404</v>
      </c>
      <c r="HO7" s="90">
        <v>4176</v>
      </c>
      <c r="HP7" s="91">
        <v>5196</v>
      </c>
      <c r="HQ7" s="92">
        <v>9372</v>
      </c>
      <c r="HR7" s="412">
        <v>0</v>
      </c>
      <c r="HS7" s="91">
        <v>5328</v>
      </c>
      <c r="HT7" s="91">
        <v>5947</v>
      </c>
      <c r="HU7" s="91">
        <v>3804</v>
      </c>
      <c r="HV7" s="91">
        <v>3575</v>
      </c>
      <c r="HW7" s="91">
        <v>2672</v>
      </c>
      <c r="HX7" s="92">
        <v>21326</v>
      </c>
      <c r="HY7" s="93">
        <v>30698</v>
      </c>
      <c r="HZ7" s="90">
        <v>9410</v>
      </c>
      <c r="IA7" s="91">
        <v>10475</v>
      </c>
      <c r="IB7" s="92">
        <v>19885</v>
      </c>
      <c r="IC7" s="412">
        <v>0</v>
      </c>
      <c r="ID7" s="91">
        <v>11520</v>
      </c>
      <c r="IE7" s="91">
        <v>11172</v>
      </c>
      <c r="IF7" s="91">
        <v>6974</v>
      </c>
      <c r="IG7" s="91">
        <v>6377</v>
      </c>
      <c r="IH7" s="91">
        <v>4530</v>
      </c>
      <c r="II7" s="92">
        <v>40573</v>
      </c>
      <c r="IJ7" s="93">
        <v>60458</v>
      </c>
      <c r="IK7" s="90">
        <v>18455</v>
      </c>
      <c r="IL7" s="91">
        <v>19007</v>
      </c>
      <c r="IM7" s="92">
        <v>37462</v>
      </c>
      <c r="IN7" s="412">
        <v>0</v>
      </c>
      <c r="IO7" s="91">
        <v>22968</v>
      </c>
      <c r="IP7" s="91">
        <v>19705</v>
      </c>
      <c r="IQ7" s="91">
        <v>12783</v>
      </c>
      <c r="IR7" s="91">
        <v>11136</v>
      </c>
      <c r="IS7" s="91">
        <v>7351</v>
      </c>
      <c r="IT7" s="92">
        <v>73943</v>
      </c>
      <c r="IU7" s="93">
        <v>111405</v>
      </c>
      <c r="IV7" s="90">
        <v>17934</v>
      </c>
      <c r="IW7" s="91">
        <v>19406</v>
      </c>
      <c r="IX7" s="92">
        <v>37340</v>
      </c>
      <c r="IY7" s="412">
        <v>0</v>
      </c>
      <c r="IZ7" s="91">
        <v>26093</v>
      </c>
      <c r="JA7" s="91">
        <v>23442</v>
      </c>
      <c r="JB7" s="91">
        <v>15927</v>
      </c>
      <c r="JC7" s="91">
        <v>13809</v>
      </c>
      <c r="JD7" s="91">
        <v>8716</v>
      </c>
      <c r="JE7" s="92">
        <v>87987</v>
      </c>
      <c r="JF7" s="93">
        <v>125327</v>
      </c>
      <c r="JG7" s="90">
        <v>9930</v>
      </c>
      <c r="JH7" s="91">
        <v>13237</v>
      </c>
      <c r="JI7" s="92">
        <v>23167</v>
      </c>
      <c r="JJ7" s="412">
        <v>0</v>
      </c>
      <c r="JK7" s="91">
        <v>21405</v>
      </c>
      <c r="JL7" s="91">
        <v>24228</v>
      </c>
      <c r="JM7" s="91">
        <v>20064</v>
      </c>
      <c r="JN7" s="91">
        <v>20367</v>
      </c>
      <c r="JO7" s="91">
        <v>11605</v>
      </c>
      <c r="JP7" s="92">
        <v>97669</v>
      </c>
      <c r="JQ7" s="93">
        <v>120836</v>
      </c>
      <c r="JR7" s="90">
        <v>891</v>
      </c>
      <c r="JS7" s="91">
        <v>1592</v>
      </c>
      <c r="JT7" s="92">
        <v>2483</v>
      </c>
      <c r="JU7" s="412">
        <v>0</v>
      </c>
      <c r="JV7" s="91">
        <v>1599</v>
      </c>
      <c r="JW7" s="91">
        <v>2559</v>
      </c>
      <c r="JX7" s="91">
        <v>1509</v>
      </c>
      <c r="JY7" s="91">
        <v>1417</v>
      </c>
      <c r="JZ7" s="91">
        <v>1416</v>
      </c>
      <c r="KA7" s="92">
        <v>8500</v>
      </c>
      <c r="KB7" s="93">
        <v>10983</v>
      </c>
      <c r="KC7" s="90">
        <v>62457</v>
      </c>
      <c r="KD7" s="91">
        <v>71021</v>
      </c>
      <c r="KE7" s="92">
        <v>133478</v>
      </c>
      <c r="KF7" s="412">
        <v>0</v>
      </c>
      <c r="KG7" s="91">
        <v>91224</v>
      </c>
      <c r="KH7" s="91">
        <v>89781</v>
      </c>
      <c r="KI7" s="91">
        <v>62824</v>
      </c>
      <c r="KJ7" s="91">
        <v>58240</v>
      </c>
      <c r="KK7" s="91">
        <v>37564</v>
      </c>
      <c r="KL7" s="92">
        <v>339633</v>
      </c>
      <c r="KM7" s="93">
        <v>473111</v>
      </c>
    </row>
    <row r="8" spans="2:299" s="70" customFormat="1" ht="21" customHeight="1" x14ac:dyDescent="0.2">
      <c r="B8" s="95" t="s">
        <v>5</v>
      </c>
      <c r="C8" s="96">
        <v>8190</v>
      </c>
      <c r="D8" s="97">
        <v>10317</v>
      </c>
      <c r="E8" s="98">
        <v>18507</v>
      </c>
      <c r="F8" s="413">
        <v>0</v>
      </c>
      <c r="G8" s="97">
        <v>10449</v>
      </c>
      <c r="H8" s="97">
        <v>14240</v>
      </c>
      <c r="I8" s="97">
        <v>8907</v>
      </c>
      <c r="J8" s="97">
        <v>7266</v>
      </c>
      <c r="K8" s="97">
        <v>4394</v>
      </c>
      <c r="L8" s="99">
        <v>45256</v>
      </c>
      <c r="M8" s="100">
        <v>63763</v>
      </c>
      <c r="N8" s="101">
        <v>307</v>
      </c>
      <c r="O8" s="102">
        <v>476</v>
      </c>
      <c r="P8" s="103">
        <v>783</v>
      </c>
      <c r="Q8" s="413">
        <v>0</v>
      </c>
      <c r="R8" s="102">
        <v>400</v>
      </c>
      <c r="S8" s="102">
        <v>742</v>
      </c>
      <c r="T8" s="102">
        <v>450</v>
      </c>
      <c r="U8" s="102">
        <v>388</v>
      </c>
      <c r="V8" s="102">
        <v>281</v>
      </c>
      <c r="W8" s="103">
        <v>2261</v>
      </c>
      <c r="X8" s="104">
        <v>3044</v>
      </c>
      <c r="Y8" s="101">
        <v>670</v>
      </c>
      <c r="Z8" s="102">
        <v>1044</v>
      </c>
      <c r="AA8" s="103">
        <v>1714</v>
      </c>
      <c r="AB8" s="413">
        <v>0</v>
      </c>
      <c r="AC8" s="102">
        <v>801</v>
      </c>
      <c r="AD8" s="102">
        <v>1471</v>
      </c>
      <c r="AE8" s="102">
        <v>895</v>
      </c>
      <c r="AF8" s="102">
        <v>780</v>
      </c>
      <c r="AG8" s="102">
        <v>553</v>
      </c>
      <c r="AH8" s="103">
        <v>4500</v>
      </c>
      <c r="AI8" s="104">
        <v>6214</v>
      </c>
      <c r="AJ8" s="101">
        <v>1256</v>
      </c>
      <c r="AK8" s="102">
        <v>1660</v>
      </c>
      <c r="AL8" s="103">
        <v>2916</v>
      </c>
      <c r="AM8" s="413">
        <v>0</v>
      </c>
      <c r="AN8" s="102">
        <v>1523</v>
      </c>
      <c r="AO8" s="102">
        <v>2339</v>
      </c>
      <c r="AP8" s="102">
        <v>1435</v>
      </c>
      <c r="AQ8" s="102">
        <v>1180</v>
      </c>
      <c r="AR8" s="102">
        <v>793</v>
      </c>
      <c r="AS8" s="103">
        <v>7270</v>
      </c>
      <c r="AT8" s="104">
        <v>10186</v>
      </c>
      <c r="AU8" s="101">
        <v>2174</v>
      </c>
      <c r="AV8" s="102">
        <v>2576</v>
      </c>
      <c r="AW8" s="103">
        <v>4750</v>
      </c>
      <c r="AX8" s="413">
        <v>0</v>
      </c>
      <c r="AY8" s="102">
        <v>2656</v>
      </c>
      <c r="AZ8" s="102">
        <v>3253</v>
      </c>
      <c r="BA8" s="102">
        <v>2046</v>
      </c>
      <c r="BB8" s="102">
        <v>1682</v>
      </c>
      <c r="BC8" s="102">
        <v>1010</v>
      </c>
      <c r="BD8" s="103">
        <v>10647</v>
      </c>
      <c r="BE8" s="104">
        <v>15397</v>
      </c>
      <c r="BF8" s="101">
        <v>2314</v>
      </c>
      <c r="BG8" s="102">
        <v>2651</v>
      </c>
      <c r="BH8" s="103">
        <v>4965</v>
      </c>
      <c r="BI8" s="413">
        <v>0</v>
      </c>
      <c r="BJ8" s="102">
        <v>2968</v>
      </c>
      <c r="BK8" s="102">
        <v>3490</v>
      </c>
      <c r="BL8" s="102">
        <v>2124</v>
      </c>
      <c r="BM8" s="102">
        <v>1711</v>
      </c>
      <c r="BN8" s="102">
        <v>985</v>
      </c>
      <c r="BO8" s="103">
        <v>11278</v>
      </c>
      <c r="BP8" s="104">
        <v>16243</v>
      </c>
      <c r="BQ8" s="101">
        <v>1469</v>
      </c>
      <c r="BR8" s="102">
        <v>1910</v>
      </c>
      <c r="BS8" s="103">
        <v>3379</v>
      </c>
      <c r="BT8" s="413">
        <v>0</v>
      </c>
      <c r="BU8" s="102">
        <v>2101</v>
      </c>
      <c r="BV8" s="102">
        <v>2945</v>
      </c>
      <c r="BW8" s="102">
        <v>1957</v>
      </c>
      <c r="BX8" s="102">
        <v>1525</v>
      </c>
      <c r="BY8" s="102">
        <v>772</v>
      </c>
      <c r="BZ8" s="103">
        <v>9300</v>
      </c>
      <c r="CA8" s="104">
        <v>12679</v>
      </c>
      <c r="CB8" s="101">
        <v>179</v>
      </c>
      <c r="CC8" s="102">
        <v>385</v>
      </c>
      <c r="CD8" s="103">
        <v>564</v>
      </c>
      <c r="CE8" s="413">
        <v>0</v>
      </c>
      <c r="CF8" s="102">
        <v>244</v>
      </c>
      <c r="CG8" s="102">
        <v>662</v>
      </c>
      <c r="CH8" s="102">
        <v>380</v>
      </c>
      <c r="CI8" s="102">
        <v>333</v>
      </c>
      <c r="CJ8" s="102">
        <v>347</v>
      </c>
      <c r="CK8" s="103">
        <v>1966</v>
      </c>
      <c r="CL8" s="104">
        <v>2530</v>
      </c>
      <c r="CM8" s="101">
        <v>8369</v>
      </c>
      <c r="CN8" s="102">
        <v>10702</v>
      </c>
      <c r="CO8" s="103">
        <v>19071</v>
      </c>
      <c r="CP8" s="413">
        <v>0</v>
      </c>
      <c r="CQ8" s="102">
        <v>10693</v>
      </c>
      <c r="CR8" s="102">
        <v>14902</v>
      </c>
      <c r="CS8" s="102">
        <v>9287</v>
      </c>
      <c r="CT8" s="102">
        <v>7599</v>
      </c>
      <c r="CU8" s="102">
        <v>4741</v>
      </c>
      <c r="CV8" s="103">
        <v>47222</v>
      </c>
      <c r="CW8" s="104">
        <v>66293</v>
      </c>
      <c r="CX8" s="105">
        <v>15485</v>
      </c>
      <c r="CY8" s="97">
        <v>21339</v>
      </c>
      <c r="CZ8" s="98">
        <v>36824</v>
      </c>
      <c r="DA8" s="413">
        <v>0</v>
      </c>
      <c r="DB8" s="97">
        <v>20092</v>
      </c>
      <c r="DC8" s="97">
        <v>25226</v>
      </c>
      <c r="DD8" s="97">
        <v>16837</v>
      </c>
      <c r="DE8" s="97">
        <v>16241</v>
      </c>
      <c r="DF8" s="97">
        <v>10457</v>
      </c>
      <c r="DG8" s="99">
        <v>88853</v>
      </c>
      <c r="DH8" s="100">
        <v>125677</v>
      </c>
      <c r="DI8" s="101">
        <v>324</v>
      </c>
      <c r="DJ8" s="102">
        <v>492</v>
      </c>
      <c r="DK8" s="103">
        <v>816</v>
      </c>
      <c r="DL8" s="413">
        <v>0</v>
      </c>
      <c r="DM8" s="102">
        <v>280</v>
      </c>
      <c r="DN8" s="102">
        <v>497</v>
      </c>
      <c r="DO8" s="102">
        <v>298</v>
      </c>
      <c r="DP8" s="102">
        <v>277</v>
      </c>
      <c r="DQ8" s="102">
        <v>229</v>
      </c>
      <c r="DR8" s="103">
        <v>1581</v>
      </c>
      <c r="DS8" s="104">
        <v>2397</v>
      </c>
      <c r="DT8" s="101">
        <v>850</v>
      </c>
      <c r="DU8" s="102">
        <v>1301</v>
      </c>
      <c r="DV8" s="103">
        <v>2151</v>
      </c>
      <c r="DW8" s="413">
        <v>0</v>
      </c>
      <c r="DX8" s="102">
        <v>776</v>
      </c>
      <c r="DY8" s="102">
        <v>1178</v>
      </c>
      <c r="DZ8" s="102">
        <v>671</v>
      </c>
      <c r="EA8" s="102">
        <v>669</v>
      </c>
      <c r="EB8" s="102">
        <v>577</v>
      </c>
      <c r="EC8" s="103">
        <v>3871</v>
      </c>
      <c r="ED8" s="104">
        <v>6022</v>
      </c>
      <c r="EE8" s="101">
        <v>2327</v>
      </c>
      <c r="EF8" s="102">
        <v>3016</v>
      </c>
      <c r="EG8" s="103">
        <v>5343</v>
      </c>
      <c r="EH8" s="413">
        <v>0</v>
      </c>
      <c r="EI8" s="102">
        <v>2176</v>
      </c>
      <c r="EJ8" s="102">
        <v>2595</v>
      </c>
      <c r="EK8" s="102">
        <v>1425</v>
      </c>
      <c r="EL8" s="102">
        <v>1373</v>
      </c>
      <c r="EM8" s="102">
        <v>1058</v>
      </c>
      <c r="EN8" s="103">
        <v>8627</v>
      </c>
      <c r="EO8" s="104">
        <v>13970</v>
      </c>
      <c r="EP8" s="101">
        <v>4882</v>
      </c>
      <c r="EQ8" s="102">
        <v>5904</v>
      </c>
      <c r="ER8" s="103">
        <v>10786</v>
      </c>
      <c r="ES8" s="413">
        <v>0</v>
      </c>
      <c r="ET8" s="102">
        <v>5125</v>
      </c>
      <c r="EU8" s="102">
        <v>5391</v>
      </c>
      <c r="EV8" s="102">
        <v>3129</v>
      </c>
      <c r="EW8" s="102">
        <v>2872</v>
      </c>
      <c r="EX8" s="102">
        <v>1927</v>
      </c>
      <c r="EY8" s="103">
        <v>18444</v>
      </c>
      <c r="EZ8" s="104">
        <v>29230</v>
      </c>
      <c r="FA8" s="101">
        <v>4653</v>
      </c>
      <c r="FB8" s="102">
        <v>6278</v>
      </c>
      <c r="FC8" s="103">
        <v>10931</v>
      </c>
      <c r="FD8" s="413">
        <v>0</v>
      </c>
      <c r="FE8" s="102">
        <v>6330</v>
      </c>
      <c r="FF8" s="102">
        <v>7270</v>
      </c>
      <c r="FG8" s="102">
        <v>4572</v>
      </c>
      <c r="FH8" s="102">
        <v>4128</v>
      </c>
      <c r="FI8" s="102">
        <v>2633</v>
      </c>
      <c r="FJ8" s="103">
        <v>24933</v>
      </c>
      <c r="FK8" s="104">
        <v>35864</v>
      </c>
      <c r="FL8" s="101">
        <v>2449</v>
      </c>
      <c r="FM8" s="102">
        <v>4348</v>
      </c>
      <c r="FN8" s="103">
        <v>6797</v>
      </c>
      <c r="FO8" s="413">
        <v>0</v>
      </c>
      <c r="FP8" s="102">
        <v>5405</v>
      </c>
      <c r="FQ8" s="102">
        <v>8295</v>
      </c>
      <c r="FR8" s="102">
        <v>6742</v>
      </c>
      <c r="FS8" s="102">
        <v>6922</v>
      </c>
      <c r="FT8" s="102">
        <v>4033</v>
      </c>
      <c r="FU8" s="103">
        <v>31397</v>
      </c>
      <c r="FV8" s="104">
        <v>38194</v>
      </c>
      <c r="FW8" s="101">
        <v>162</v>
      </c>
      <c r="FX8" s="102">
        <v>305</v>
      </c>
      <c r="FY8" s="103">
        <v>467</v>
      </c>
      <c r="FZ8" s="413">
        <v>0</v>
      </c>
      <c r="GA8" s="102">
        <v>202</v>
      </c>
      <c r="GB8" s="102">
        <v>523</v>
      </c>
      <c r="GC8" s="102">
        <v>255</v>
      </c>
      <c r="GD8" s="102">
        <v>236</v>
      </c>
      <c r="GE8" s="102">
        <v>281</v>
      </c>
      <c r="GF8" s="103">
        <v>1497</v>
      </c>
      <c r="GG8" s="104">
        <v>1964</v>
      </c>
      <c r="GH8" s="101">
        <v>15647</v>
      </c>
      <c r="GI8" s="102">
        <v>21644</v>
      </c>
      <c r="GJ8" s="103">
        <v>37291</v>
      </c>
      <c r="GK8" s="413">
        <v>0</v>
      </c>
      <c r="GL8" s="102">
        <v>20294</v>
      </c>
      <c r="GM8" s="102">
        <v>25749</v>
      </c>
      <c r="GN8" s="102">
        <v>17092</v>
      </c>
      <c r="GO8" s="102">
        <v>16477</v>
      </c>
      <c r="GP8" s="102">
        <v>10738</v>
      </c>
      <c r="GQ8" s="103">
        <v>90350</v>
      </c>
      <c r="GR8" s="104">
        <v>127641</v>
      </c>
      <c r="GS8" s="105">
        <v>23675</v>
      </c>
      <c r="GT8" s="97">
        <v>31656</v>
      </c>
      <c r="GU8" s="98">
        <v>55331</v>
      </c>
      <c r="GV8" s="413">
        <v>0</v>
      </c>
      <c r="GW8" s="97">
        <v>30541</v>
      </c>
      <c r="GX8" s="97">
        <v>39466</v>
      </c>
      <c r="GY8" s="97">
        <v>25744</v>
      </c>
      <c r="GZ8" s="97">
        <v>23507</v>
      </c>
      <c r="HA8" s="97">
        <v>14851</v>
      </c>
      <c r="HB8" s="99">
        <v>134109</v>
      </c>
      <c r="HC8" s="100">
        <v>189440</v>
      </c>
      <c r="HD8" s="101">
        <v>631</v>
      </c>
      <c r="HE8" s="102">
        <v>968</v>
      </c>
      <c r="HF8" s="103">
        <v>1599</v>
      </c>
      <c r="HG8" s="416">
        <v>0</v>
      </c>
      <c r="HH8" s="102">
        <v>680</v>
      </c>
      <c r="HI8" s="102">
        <v>1239</v>
      </c>
      <c r="HJ8" s="102">
        <v>748</v>
      </c>
      <c r="HK8" s="102">
        <v>665</v>
      </c>
      <c r="HL8" s="102">
        <v>510</v>
      </c>
      <c r="HM8" s="103">
        <v>3842</v>
      </c>
      <c r="HN8" s="104">
        <v>5441</v>
      </c>
      <c r="HO8" s="101">
        <v>1520</v>
      </c>
      <c r="HP8" s="102">
        <v>2345</v>
      </c>
      <c r="HQ8" s="103">
        <v>3865</v>
      </c>
      <c r="HR8" s="413">
        <v>0</v>
      </c>
      <c r="HS8" s="102">
        <v>1577</v>
      </c>
      <c r="HT8" s="102">
        <v>2649</v>
      </c>
      <c r="HU8" s="102">
        <v>1566</v>
      </c>
      <c r="HV8" s="102">
        <v>1449</v>
      </c>
      <c r="HW8" s="102">
        <v>1130</v>
      </c>
      <c r="HX8" s="103">
        <v>8371</v>
      </c>
      <c r="HY8" s="104">
        <v>12236</v>
      </c>
      <c r="HZ8" s="101">
        <v>3583</v>
      </c>
      <c r="IA8" s="102">
        <v>4676</v>
      </c>
      <c r="IB8" s="103">
        <v>8259</v>
      </c>
      <c r="IC8" s="413">
        <v>0</v>
      </c>
      <c r="ID8" s="102">
        <v>3699</v>
      </c>
      <c r="IE8" s="102">
        <v>4934</v>
      </c>
      <c r="IF8" s="102">
        <v>2860</v>
      </c>
      <c r="IG8" s="102">
        <v>2553</v>
      </c>
      <c r="IH8" s="102">
        <v>1851</v>
      </c>
      <c r="II8" s="103">
        <v>15897</v>
      </c>
      <c r="IJ8" s="104">
        <v>24156</v>
      </c>
      <c r="IK8" s="101">
        <v>7056</v>
      </c>
      <c r="IL8" s="102">
        <v>8480</v>
      </c>
      <c r="IM8" s="103">
        <v>15536</v>
      </c>
      <c r="IN8" s="413">
        <v>0</v>
      </c>
      <c r="IO8" s="102">
        <v>7781</v>
      </c>
      <c r="IP8" s="102">
        <v>8644</v>
      </c>
      <c r="IQ8" s="102">
        <v>5175</v>
      </c>
      <c r="IR8" s="102">
        <v>4554</v>
      </c>
      <c r="IS8" s="102">
        <v>2937</v>
      </c>
      <c r="IT8" s="103">
        <v>29091</v>
      </c>
      <c r="IU8" s="104">
        <v>44627</v>
      </c>
      <c r="IV8" s="101">
        <v>6967</v>
      </c>
      <c r="IW8" s="102">
        <v>8929</v>
      </c>
      <c r="IX8" s="103">
        <v>15896</v>
      </c>
      <c r="IY8" s="413">
        <v>0</v>
      </c>
      <c r="IZ8" s="102">
        <v>9298</v>
      </c>
      <c r="JA8" s="102">
        <v>10760</v>
      </c>
      <c r="JB8" s="102">
        <v>6696</v>
      </c>
      <c r="JC8" s="102">
        <v>5839</v>
      </c>
      <c r="JD8" s="102">
        <v>3618</v>
      </c>
      <c r="JE8" s="103">
        <v>36211</v>
      </c>
      <c r="JF8" s="104">
        <v>52107</v>
      </c>
      <c r="JG8" s="101">
        <v>3918</v>
      </c>
      <c r="JH8" s="102">
        <v>6258</v>
      </c>
      <c r="JI8" s="103">
        <v>10176</v>
      </c>
      <c r="JJ8" s="413">
        <v>0</v>
      </c>
      <c r="JK8" s="102">
        <v>7506</v>
      </c>
      <c r="JL8" s="102">
        <v>11240</v>
      </c>
      <c r="JM8" s="102">
        <v>8699</v>
      </c>
      <c r="JN8" s="102">
        <v>8447</v>
      </c>
      <c r="JO8" s="102">
        <v>4805</v>
      </c>
      <c r="JP8" s="103">
        <v>40697</v>
      </c>
      <c r="JQ8" s="104">
        <v>50873</v>
      </c>
      <c r="JR8" s="101">
        <v>341</v>
      </c>
      <c r="JS8" s="102">
        <v>690</v>
      </c>
      <c r="JT8" s="103">
        <v>1031</v>
      </c>
      <c r="JU8" s="413">
        <v>0</v>
      </c>
      <c r="JV8" s="102">
        <v>446</v>
      </c>
      <c r="JW8" s="102">
        <v>1185</v>
      </c>
      <c r="JX8" s="102">
        <v>635</v>
      </c>
      <c r="JY8" s="102">
        <v>569</v>
      </c>
      <c r="JZ8" s="102">
        <v>628</v>
      </c>
      <c r="KA8" s="103">
        <v>3463</v>
      </c>
      <c r="KB8" s="104">
        <v>4494</v>
      </c>
      <c r="KC8" s="101">
        <v>24016</v>
      </c>
      <c r="KD8" s="102">
        <v>32346</v>
      </c>
      <c r="KE8" s="103">
        <v>56362</v>
      </c>
      <c r="KF8" s="413">
        <v>0</v>
      </c>
      <c r="KG8" s="102">
        <v>30987</v>
      </c>
      <c r="KH8" s="102">
        <v>40651</v>
      </c>
      <c r="KI8" s="102">
        <v>26379</v>
      </c>
      <c r="KJ8" s="102">
        <v>24076</v>
      </c>
      <c r="KK8" s="102">
        <v>15479</v>
      </c>
      <c r="KL8" s="103">
        <v>137572</v>
      </c>
      <c r="KM8" s="104">
        <v>193934</v>
      </c>
    </row>
    <row r="9" spans="2:299" s="70" customFormat="1" ht="21" customHeight="1" x14ac:dyDescent="0.2">
      <c r="B9" s="106" t="s">
        <v>6</v>
      </c>
      <c r="C9" s="96">
        <v>2863</v>
      </c>
      <c r="D9" s="97">
        <v>2430</v>
      </c>
      <c r="E9" s="98">
        <v>5293</v>
      </c>
      <c r="F9" s="413">
        <v>0</v>
      </c>
      <c r="G9" s="97">
        <v>5156</v>
      </c>
      <c r="H9" s="97">
        <v>4307</v>
      </c>
      <c r="I9" s="97">
        <v>2861</v>
      </c>
      <c r="J9" s="97">
        <v>2441</v>
      </c>
      <c r="K9" s="97">
        <v>1630</v>
      </c>
      <c r="L9" s="99">
        <v>16395</v>
      </c>
      <c r="M9" s="100">
        <v>21688</v>
      </c>
      <c r="N9" s="101">
        <v>150</v>
      </c>
      <c r="O9" s="102">
        <v>157</v>
      </c>
      <c r="P9" s="103">
        <v>307</v>
      </c>
      <c r="Q9" s="413">
        <v>0</v>
      </c>
      <c r="R9" s="102">
        <v>275</v>
      </c>
      <c r="S9" s="102">
        <v>251</v>
      </c>
      <c r="T9" s="102">
        <v>159</v>
      </c>
      <c r="U9" s="102">
        <v>133</v>
      </c>
      <c r="V9" s="102">
        <v>107</v>
      </c>
      <c r="W9" s="103">
        <v>925</v>
      </c>
      <c r="X9" s="104">
        <v>1232</v>
      </c>
      <c r="Y9" s="101">
        <v>305</v>
      </c>
      <c r="Z9" s="102">
        <v>259</v>
      </c>
      <c r="AA9" s="103">
        <v>564</v>
      </c>
      <c r="AB9" s="413">
        <v>0</v>
      </c>
      <c r="AC9" s="102">
        <v>512</v>
      </c>
      <c r="AD9" s="102">
        <v>445</v>
      </c>
      <c r="AE9" s="102">
        <v>310</v>
      </c>
      <c r="AF9" s="102">
        <v>282</v>
      </c>
      <c r="AG9" s="102">
        <v>210</v>
      </c>
      <c r="AH9" s="103">
        <v>1759</v>
      </c>
      <c r="AI9" s="104">
        <v>2323</v>
      </c>
      <c r="AJ9" s="101">
        <v>508</v>
      </c>
      <c r="AK9" s="102">
        <v>411</v>
      </c>
      <c r="AL9" s="103">
        <v>919</v>
      </c>
      <c r="AM9" s="413">
        <v>0</v>
      </c>
      <c r="AN9" s="102">
        <v>861</v>
      </c>
      <c r="AO9" s="102">
        <v>733</v>
      </c>
      <c r="AP9" s="102">
        <v>478</v>
      </c>
      <c r="AQ9" s="102">
        <v>447</v>
      </c>
      <c r="AR9" s="102">
        <v>324</v>
      </c>
      <c r="AS9" s="103">
        <v>2843</v>
      </c>
      <c r="AT9" s="104">
        <v>3762</v>
      </c>
      <c r="AU9" s="101">
        <v>707</v>
      </c>
      <c r="AV9" s="102">
        <v>583</v>
      </c>
      <c r="AW9" s="103">
        <v>1290</v>
      </c>
      <c r="AX9" s="413">
        <v>0</v>
      </c>
      <c r="AY9" s="102">
        <v>1293</v>
      </c>
      <c r="AZ9" s="102">
        <v>1050</v>
      </c>
      <c r="BA9" s="102">
        <v>668</v>
      </c>
      <c r="BB9" s="102">
        <v>565</v>
      </c>
      <c r="BC9" s="102">
        <v>359</v>
      </c>
      <c r="BD9" s="103">
        <v>3935</v>
      </c>
      <c r="BE9" s="104">
        <v>5225</v>
      </c>
      <c r="BF9" s="101">
        <v>762</v>
      </c>
      <c r="BG9" s="102">
        <v>604</v>
      </c>
      <c r="BH9" s="103">
        <v>1366</v>
      </c>
      <c r="BI9" s="413">
        <v>0</v>
      </c>
      <c r="BJ9" s="102">
        <v>1263</v>
      </c>
      <c r="BK9" s="102">
        <v>991</v>
      </c>
      <c r="BL9" s="102">
        <v>657</v>
      </c>
      <c r="BM9" s="102">
        <v>509</v>
      </c>
      <c r="BN9" s="102">
        <v>361</v>
      </c>
      <c r="BO9" s="103">
        <v>3781</v>
      </c>
      <c r="BP9" s="104">
        <v>5147</v>
      </c>
      <c r="BQ9" s="101">
        <v>431</v>
      </c>
      <c r="BR9" s="102">
        <v>416</v>
      </c>
      <c r="BS9" s="103">
        <v>847</v>
      </c>
      <c r="BT9" s="413">
        <v>0</v>
      </c>
      <c r="BU9" s="102">
        <v>952</v>
      </c>
      <c r="BV9" s="102">
        <v>837</v>
      </c>
      <c r="BW9" s="102">
        <v>589</v>
      </c>
      <c r="BX9" s="102">
        <v>505</v>
      </c>
      <c r="BY9" s="102">
        <v>269</v>
      </c>
      <c r="BZ9" s="103">
        <v>3152</v>
      </c>
      <c r="CA9" s="104">
        <v>3999</v>
      </c>
      <c r="CB9" s="101">
        <v>84</v>
      </c>
      <c r="CC9" s="102">
        <v>102</v>
      </c>
      <c r="CD9" s="103">
        <v>186</v>
      </c>
      <c r="CE9" s="413">
        <v>0</v>
      </c>
      <c r="CF9" s="102">
        <v>172</v>
      </c>
      <c r="CG9" s="102">
        <v>201</v>
      </c>
      <c r="CH9" s="102">
        <v>127</v>
      </c>
      <c r="CI9" s="102">
        <v>132</v>
      </c>
      <c r="CJ9" s="102">
        <v>129</v>
      </c>
      <c r="CK9" s="103">
        <v>761</v>
      </c>
      <c r="CL9" s="104">
        <v>947</v>
      </c>
      <c r="CM9" s="101">
        <v>2947</v>
      </c>
      <c r="CN9" s="102">
        <v>2532</v>
      </c>
      <c r="CO9" s="103">
        <v>5479</v>
      </c>
      <c r="CP9" s="413">
        <v>0</v>
      </c>
      <c r="CQ9" s="102">
        <v>5328</v>
      </c>
      <c r="CR9" s="102">
        <v>4508</v>
      </c>
      <c r="CS9" s="102">
        <v>2988</v>
      </c>
      <c r="CT9" s="102">
        <v>2573</v>
      </c>
      <c r="CU9" s="102">
        <v>1759</v>
      </c>
      <c r="CV9" s="103">
        <v>17156</v>
      </c>
      <c r="CW9" s="104">
        <v>22635</v>
      </c>
      <c r="CX9" s="105">
        <v>5487</v>
      </c>
      <c r="CY9" s="97">
        <v>5662</v>
      </c>
      <c r="CZ9" s="98">
        <v>11149</v>
      </c>
      <c r="DA9" s="413">
        <v>0</v>
      </c>
      <c r="DB9" s="97">
        <v>9025</v>
      </c>
      <c r="DC9" s="97">
        <v>7061</v>
      </c>
      <c r="DD9" s="97">
        <v>5320</v>
      </c>
      <c r="DE9" s="97">
        <v>5261</v>
      </c>
      <c r="DF9" s="97">
        <v>3668</v>
      </c>
      <c r="DG9" s="99">
        <v>30335</v>
      </c>
      <c r="DH9" s="100">
        <v>41484</v>
      </c>
      <c r="DI9" s="101">
        <v>112</v>
      </c>
      <c r="DJ9" s="102">
        <v>142</v>
      </c>
      <c r="DK9" s="103">
        <v>254</v>
      </c>
      <c r="DL9" s="413">
        <v>0</v>
      </c>
      <c r="DM9" s="102">
        <v>180</v>
      </c>
      <c r="DN9" s="102">
        <v>130</v>
      </c>
      <c r="DO9" s="102">
        <v>105</v>
      </c>
      <c r="DP9" s="102">
        <v>85</v>
      </c>
      <c r="DQ9" s="102">
        <v>70</v>
      </c>
      <c r="DR9" s="103">
        <v>570</v>
      </c>
      <c r="DS9" s="104">
        <v>824</v>
      </c>
      <c r="DT9" s="101">
        <v>341</v>
      </c>
      <c r="DU9" s="102">
        <v>340</v>
      </c>
      <c r="DV9" s="103">
        <v>681</v>
      </c>
      <c r="DW9" s="413">
        <v>0</v>
      </c>
      <c r="DX9" s="102">
        <v>427</v>
      </c>
      <c r="DY9" s="102">
        <v>359</v>
      </c>
      <c r="DZ9" s="102">
        <v>229</v>
      </c>
      <c r="EA9" s="102">
        <v>237</v>
      </c>
      <c r="EB9" s="102">
        <v>194</v>
      </c>
      <c r="EC9" s="103">
        <v>1446</v>
      </c>
      <c r="ED9" s="104">
        <v>2127</v>
      </c>
      <c r="EE9" s="101">
        <v>813</v>
      </c>
      <c r="EF9" s="102">
        <v>824</v>
      </c>
      <c r="EG9" s="103">
        <v>1637</v>
      </c>
      <c r="EH9" s="413">
        <v>0</v>
      </c>
      <c r="EI9" s="102">
        <v>1034</v>
      </c>
      <c r="EJ9" s="102">
        <v>718</v>
      </c>
      <c r="EK9" s="102">
        <v>444</v>
      </c>
      <c r="EL9" s="102">
        <v>448</v>
      </c>
      <c r="EM9" s="102">
        <v>356</v>
      </c>
      <c r="EN9" s="103">
        <v>3000</v>
      </c>
      <c r="EO9" s="104">
        <v>4637</v>
      </c>
      <c r="EP9" s="101">
        <v>1743</v>
      </c>
      <c r="EQ9" s="102">
        <v>1598</v>
      </c>
      <c r="ER9" s="103">
        <v>3341</v>
      </c>
      <c r="ES9" s="413">
        <v>0</v>
      </c>
      <c r="ET9" s="102">
        <v>2226</v>
      </c>
      <c r="EU9" s="102">
        <v>1467</v>
      </c>
      <c r="EV9" s="102">
        <v>1014</v>
      </c>
      <c r="EW9" s="102">
        <v>907</v>
      </c>
      <c r="EX9" s="102">
        <v>657</v>
      </c>
      <c r="EY9" s="103">
        <v>6271</v>
      </c>
      <c r="EZ9" s="104">
        <v>9612</v>
      </c>
      <c r="FA9" s="101">
        <v>1610</v>
      </c>
      <c r="FB9" s="102">
        <v>1635</v>
      </c>
      <c r="FC9" s="103">
        <v>3245</v>
      </c>
      <c r="FD9" s="413">
        <v>0</v>
      </c>
      <c r="FE9" s="102">
        <v>2738</v>
      </c>
      <c r="FF9" s="102">
        <v>2087</v>
      </c>
      <c r="FG9" s="102">
        <v>1455</v>
      </c>
      <c r="FH9" s="102">
        <v>1292</v>
      </c>
      <c r="FI9" s="102">
        <v>943</v>
      </c>
      <c r="FJ9" s="103">
        <v>8515</v>
      </c>
      <c r="FK9" s="104">
        <v>11760</v>
      </c>
      <c r="FL9" s="101">
        <v>868</v>
      </c>
      <c r="FM9" s="102">
        <v>1123</v>
      </c>
      <c r="FN9" s="103">
        <v>1991</v>
      </c>
      <c r="FO9" s="413">
        <v>0</v>
      </c>
      <c r="FP9" s="102">
        <v>2420</v>
      </c>
      <c r="FQ9" s="102">
        <v>2300</v>
      </c>
      <c r="FR9" s="102">
        <v>2073</v>
      </c>
      <c r="FS9" s="102">
        <v>2292</v>
      </c>
      <c r="FT9" s="102">
        <v>1448</v>
      </c>
      <c r="FU9" s="103">
        <v>10533</v>
      </c>
      <c r="FV9" s="104">
        <v>12524</v>
      </c>
      <c r="FW9" s="101">
        <v>62</v>
      </c>
      <c r="FX9" s="102">
        <v>93</v>
      </c>
      <c r="FY9" s="103">
        <v>155</v>
      </c>
      <c r="FZ9" s="413">
        <v>0</v>
      </c>
      <c r="GA9" s="102">
        <v>133</v>
      </c>
      <c r="GB9" s="102">
        <v>138</v>
      </c>
      <c r="GC9" s="102">
        <v>95</v>
      </c>
      <c r="GD9" s="102">
        <v>95</v>
      </c>
      <c r="GE9" s="102">
        <v>90</v>
      </c>
      <c r="GF9" s="103">
        <v>551</v>
      </c>
      <c r="GG9" s="104">
        <v>706</v>
      </c>
      <c r="GH9" s="101">
        <v>5549</v>
      </c>
      <c r="GI9" s="102">
        <v>5755</v>
      </c>
      <c r="GJ9" s="103">
        <v>11304</v>
      </c>
      <c r="GK9" s="413">
        <v>0</v>
      </c>
      <c r="GL9" s="102">
        <v>9158</v>
      </c>
      <c r="GM9" s="102">
        <v>7199</v>
      </c>
      <c r="GN9" s="102">
        <v>5415</v>
      </c>
      <c r="GO9" s="102">
        <v>5356</v>
      </c>
      <c r="GP9" s="102">
        <v>3758</v>
      </c>
      <c r="GQ9" s="103">
        <v>30886</v>
      </c>
      <c r="GR9" s="104">
        <v>42190</v>
      </c>
      <c r="GS9" s="105">
        <v>8350</v>
      </c>
      <c r="GT9" s="97">
        <v>8092</v>
      </c>
      <c r="GU9" s="98">
        <v>16442</v>
      </c>
      <c r="GV9" s="413">
        <v>0</v>
      </c>
      <c r="GW9" s="97">
        <v>14181</v>
      </c>
      <c r="GX9" s="97">
        <v>11368</v>
      </c>
      <c r="GY9" s="97">
        <v>8181</v>
      </c>
      <c r="GZ9" s="97">
        <v>7702</v>
      </c>
      <c r="HA9" s="97">
        <v>5298</v>
      </c>
      <c r="HB9" s="99">
        <v>46730</v>
      </c>
      <c r="HC9" s="100">
        <v>63172</v>
      </c>
      <c r="HD9" s="101">
        <v>262</v>
      </c>
      <c r="HE9" s="102">
        <v>299</v>
      </c>
      <c r="HF9" s="103">
        <v>561</v>
      </c>
      <c r="HG9" s="416">
        <v>0</v>
      </c>
      <c r="HH9" s="102">
        <v>455</v>
      </c>
      <c r="HI9" s="102">
        <v>381</v>
      </c>
      <c r="HJ9" s="102">
        <v>264</v>
      </c>
      <c r="HK9" s="102">
        <v>218</v>
      </c>
      <c r="HL9" s="102">
        <v>177</v>
      </c>
      <c r="HM9" s="103">
        <v>1495</v>
      </c>
      <c r="HN9" s="104">
        <v>2056</v>
      </c>
      <c r="HO9" s="101">
        <v>646</v>
      </c>
      <c r="HP9" s="102">
        <v>599</v>
      </c>
      <c r="HQ9" s="103">
        <v>1245</v>
      </c>
      <c r="HR9" s="413">
        <v>0</v>
      </c>
      <c r="HS9" s="102">
        <v>939</v>
      </c>
      <c r="HT9" s="102">
        <v>804</v>
      </c>
      <c r="HU9" s="102">
        <v>539</v>
      </c>
      <c r="HV9" s="102">
        <v>519</v>
      </c>
      <c r="HW9" s="102">
        <v>404</v>
      </c>
      <c r="HX9" s="103">
        <v>3205</v>
      </c>
      <c r="HY9" s="104">
        <v>4450</v>
      </c>
      <c r="HZ9" s="101">
        <v>1321</v>
      </c>
      <c r="IA9" s="102">
        <v>1235</v>
      </c>
      <c r="IB9" s="103">
        <v>2556</v>
      </c>
      <c r="IC9" s="413">
        <v>0</v>
      </c>
      <c r="ID9" s="102">
        <v>1895</v>
      </c>
      <c r="IE9" s="102">
        <v>1451</v>
      </c>
      <c r="IF9" s="102">
        <v>922</v>
      </c>
      <c r="IG9" s="102">
        <v>895</v>
      </c>
      <c r="IH9" s="102">
        <v>680</v>
      </c>
      <c r="II9" s="103">
        <v>5843</v>
      </c>
      <c r="IJ9" s="104">
        <v>8399</v>
      </c>
      <c r="IK9" s="101">
        <v>2450</v>
      </c>
      <c r="IL9" s="102">
        <v>2181</v>
      </c>
      <c r="IM9" s="103">
        <v>4631</v>
      </c>
      <c r="IN9" s="413">
        <v>0</v>
      </c>
      <c r="IO9" s="102">
        <v>3519</v>
      </c>
      <c r="IP9" s="102">
        <v>2517</v>
      </c>
      <c r="IQ9" s="102">
        <v>1682</v>
      </c>
      <c r="IR9" s="102">
        <v>1472</v>
      </c>
      <c r="IS9" s="102">
        <v>1016</v>
      </c>
      <c r="IT9" s="103">
        <v>10206</v>
      </c>
      <c r="IU9" s="104">
        <v>14837</v>
      </c>
      <c r="IV9" s="101">
        <v>2372</v>
      </c>
      <c r="IW9" s="102">
        <v>2239</v>
      </c>
      <c r="IX9" s="103">
        <v>4611</v>
      </c>
      <c r="IY9" s="413">
        <v>0</v>
      </c>
      <c r="IZ9" s="102">
        <v>4001</v>
      </c>
      <c r="JA9" s="102">
        <v>3078</v>
      </c>
      <c r="JB9" s="102">
        <v>2112</v>
      </c>
      <c r="JC9" s="102">
        <v>1801</v>
      </c>
      <c r="JD9" s="102">
        <v>1304</v>
      </c>
      <c r="JE9" s="103">
        <v>12296</v>
      </c>
      <c r="JF9" s="104">
        <v>16907</v>
      </c>
      <c r="JG9" s="101">
        <v>1299</v>
      </c>
      <c r="JH9" s="102">
        <v>1539</v>
      </c>
      <c r="JI9" s="103">
        <v>2838</v>
      </c>
      <c r="JJ9" s="413">
        <v>0</v>
      </c>
      <c r="JK9" s="102">
        <v>3372</v>
      </c>
      <c r="JL9" s="102">
        <v>3137</v>
      </c>
      <c r="JM9" s="102">
        <v>2662</v>
      </c>
      <c r="JN9" s="102">
        <v>2797</v>
      </c>
      <c r="JO9" s="102">
        <v>1717</v>
      </c>
      <c r="JP9" s="103">
        <v>13685</v>
      </c>
      <c r="JQ9" s="104">
        <v>16523</v>
      </c>
      <c r="JR9" s="101">
        <v>146</v>
      </c>
      <c r="JS9" s="102">
        <v>195</v>
      </c>
      <c r="JT9" s="103">
        <v>341</v>
      </c>
      <c r="JU9" s="413">
        <v>0</v>
      </c>
      <c r="JV9" s="102">
        <v>305</v>
      </c>
      <c r="JW9" s="102">
        <v>339</v>
      </c>
      <c r="JX9" s="102">
        <v>222</v>
      </c>
      <c r="JY9" s="102">
        <v>227</v>
      </c>
      <c r="JZ9" s="102">
        <v>219</v>
      </c>
      <c r="KA9" s="103">
        <v>1312</v>
      </c>
      <c r="KB9" s="104">
        <v>1653</v>
      </c>
      <c r="KC9" s="101">
        <v>8496</v>
      </c>
      <c r="KD9" s="102">
        <v>8287</v>
      </c>
      <c r="KE9" s="103">
        <v>16783</v>
      </c>
      <c r="KF9" s="413">
        <v>0</v>
      </c>
      <c r="KG9" s="102">
        <v>14486</v>
      </c>
      <c r="KH9" s="102">
        <v>11707</v>
      </c>
      <c r="KI9" s="102">
        <v>8403</v>
      </c>
      <c r="KJ9" s="102">
        <v>7929</v>
      </c>
      <c r="KK9" s="102">
        <v>5517</v>
      </c>
      <c r="KL9" s="103">
        <v>48042</v>
      </c>
      <c r="KM9" s="104">
        <v>64825</v>
      </c>
    </row>
    <row r="10" spans="2:299" s="70" customFormat="1" ht="21" customHeight="1" x14ac:dyDescent="0.2">
      <c r="B10" s="106" t="s">
        <v>14</v>
      </c>
      <c r="C10" s="96">
        <v>1616</v>
      </c>
      <c r="D10" s="97">
        <v>2008</v>
      </c>
      <c r="E10" s="98">
        <v>3624</v>
      </c>
      <c r="F10" s="413">
        <v>0</v>
      </c>
      <c r="G10" s="97">
        <v>2379</v>
      </c>
      <c r="H10" s="97">
        <v>2666</v>
      </c>
      <c r="I10" s="97">
        <v>1915</v>
      </c>
      <c r="J10" s="97">
        <v>1524</v>
      </c>
      <c r="K10" s="97">
        <v>906</v>
      </c>
      <c r="L10" s="99">
        <v>9390</v>
      </c>
      <c r="M10" s="100">
        <v>13014</v>
      </c>
      <c r="N10" s="101">
        <v>66</v>
      </c>
      <c r="O10" s="102">
        <v>93</v>
      </c>
      <c r="P10" s="103">
        <v>159</v>
      </c>
      <c r="Q10" s="413">
        <v>0</v>
      </c>
      <c r="R10" s="102">
        <v>92</v>
      </c>
      <c r="S10" s="102">
        <v>137</v>
      </c>
      <c r="T10" s="102">
        <v>95</v>
      </c>
      <c r="U10" s="102">
        <v>95</v>
      </c>
      <c r="V10" s="102">
        <v>66</v>
      </c>
      <c r="W10" s="103">
        <v>485</v>
      </c>
      <c r="X10" s="104">
        <v>644</v>
      </c>
      <c r="Y10" s="101">
        <v>145</v>
      </c>
      <c r="Z10" s="102">
        <v>262</v>
      </c>
      <c r="AA10" s="103">
        <v>407</v>
      </c>
      <c r="AB10" s="413">
        <v>0</v>
      </c>
      <c r="AC10" s="102">
        <v>196</v>
      </c>
      <c r="AD10" s="102">
        <v>248</v>
      </c>
      <c r="AE10" s="102">
        <v>189</v>
      </c>
      <c r="AF10" s="102">
        <v>164</v>
      </c>
      <c r="AG10" s="102">
        <v>119</v>
      </c>
      <c r="AH10" s="103">
        <v>916</v>
      </c>
      <c r="AI10" s="104">
        <v>1323</v>
      </c>
      <c r="AJ10" s="101">
        <v>248</v>
      </c>
      <c r="AK10" s="102">
        <v>359</v>
      </c>
      <c r="AL10" s="103">
        <v>607</v>
      </c>
      <c r="AM10" s="413">
        <v>0</v>
      </c>
      <c r="AN10" s="102">
        <v>372</v>
      </c>
      <c r="AO10" s="102">
        <v>446</v>
      </c>
      <c r="AP10" s="102">
        <v>310</v>
      </c>
      <c r="AQ10" s="102">
        <v>253</v>
      </c>
      <c r="AR10" s="102">
        <v>162</v>
      </c>
      <c r="AS10" s="103">
        <v>1543</v>
      </c>
      <c r="AT10" s="104">
        <v>2150</v>
      </c>
      <c r="AU10" s="101">
        <v>480</v>
      </c>
      <c r="AV10" s="102">
        <v>538</v>
      </c>
      <c r="AW10" s="103">
        <v>1018</v>
      </c>
      <c r="AX10" s="413">
        <v>0</v>
      </c>
      <c r="AY10" s="102">
        <v>677</v>
      </c>
      <c r="AZ10" s="102">
        <v>694</v>
      </c>
      <c r="BA10" s="102">
        <v>500</v>
      </c>
      <c r="BB10" s="102">
        <v>386</v>
      </c>
      <c r="BC10" s="102">
        <v>225</v>
      </c>
      <c r="BD10" s="103">
        <v>2482</v>
      </c>
      <c r="BE10" s="104">
        <v>3500</v>
      </c>
      <c r="BF10" s="101">
        <v>466</v>
      </c>
      <c r="BG10" s="102">
        <v>490</v>
      </c>
      <c r="BH10" s="103">
        <v>956</v>
      </c>
      <c r="BI10" s="413">
        <v>0</v>
      </c>
      <c r="BJ10" s="102">
        <v>663</v>
      </c>
      <c r="BK10" s="102">
        <v>677</v>
      </c>
      <c r="BL10" s="102">
        <v>468</v>
      </c>
      <c r="BM10" s="102">
        <v>355</v>
      </c>
      <c r="BN10" s="102">
        <v>202</v>
      </c>
      <c r="BO10" s="103">
        <v>2365</v>
      </c>
      <c r="BP10" s="104">
        <v>3321</v>
      </c>
      <c r="BQ10" s="101">
        <v>211</v>
      </c>
      <c r="BR10" s="102">
        <v>266</v>
      </c>
      <c r="BS10" s="103">
        <v>477</v>
      </c>
      <c r="BT10" s="413">
        <v>0</v>
      </c>
      <c r="BU10" s="102">
        <v>379</v>
      </c>
      <c r="BV10" s="102">
        <v>464</v>
      </c>
      <c r="BW10" s="102">
        <v>353</v>
      </c>
      <c r="BX10" s="102">
        <v>271</v>
      </c>
      <c r="BY10" s="102">
        <v>132</v>
      </c>
      <c r="BZ10" s="103">
        <v>1599</v>
      </c>
      <c r="CA10" s="104">
        <v>2076</v>
      </c>
      <c r="CB10" s="101">
        <v>34</v>
      </c>
      <c r="CC10" s="102">
        <v>102</v>
      </c>
      <c r="CD10" s="103">
        <v>136</v>
      </c>
      <c r="CE10" s="413">
        <v>0</v>
      </c>
      <c r="CF10" s="102">
        <v>44</v>
      </c>
      <c r="CG10" s="102">
        <v>132</v>
      </c>
      <c r="CH10" s="102">
        <v>74</v>
      </c>
      <c r="CI10" s="102">
        <v>68</v>
      </c>
      <c r="CJ10" s="102">
        <v>62</v>
      </c>
      <c r="CK10" s="103">
        <v>380</v>
      </c>
      <c r="CL10" s="104">
        <v>516</v>
      </c>
      <c r="CM10" s="101">
        <v>1650</v>
      </c>
      <c r="CN10" s="102">
        <v>2110</v>
      </c>
      <c r="CO10" s="103">
        <v>3760</v>
      </c>
      <c r="CP10" s="413">
        <v>0</v>
      </c>
      <c r="CQ10" s="102">
        <v>2423</v>
      </c>
      <c r="CR10" s="102">
        <v>2798</v>
      </c>
      <c r="CS10" s="102">
        <v>1989</v>
      </c>
      <c r="CT10" s="102">
        <v>1592</v>
      </c>
      <c r="CU10" s="102">
        <v>968</v>
      </c>
      <c r="CV10" s="103">
        <v>9770</v>
      </c>
      <c r="CW10" s="104">
        <v>13530</v>
      </c>
      <c r="CX10" s="105">
        <v>3117</v>
      </c>
      <c r="CY10" s="97">
        <v>4310</v>
      </c>
      <c r="CZ10" s="98">
        <v>7427</v>
      </c>
      <c r="DA10" s="413">
        <v>0</v>
      </c>
      <c r="DB10" s="97">
        <v>3998</v>
      </c>
      <c r="DC10" s="97">
        <v>4342</v>
      </c>
      <c r="DD10" s="97">
        <v>3357</v>
      </c>
      <c r="DE10" s="97">
        <v>3117</v>
      </c>
      <c r="DF10" s="97">
        <v>1917</v>
      </c>
      <c r="DG10" s="99">
        <v>16731</v>
      </c>
      <c r="DH10" s="100">
        <v>24158</v>
      </c>
      <c r="DI10" s="101">
        <v>72</v>
      </c>
      <c r="DJ10" s="102">
        <v>88</v>
      </c>
      <c r="DK10" s="103">
        <v>160</v>
      </c>
      <c r="DL10" s="413">
        <v>0</v>
      </c>
      <c r="DM10" s="102">
        <v>68</v>
      </c>
      <c r="DN10" s="102">
        <v>101</v>
      </c>
      <c r="DO10" s="102">
        <v>71</v>
      </c>
      <c r="DP10" s="102">
        <v>64</v>
      </c>
      <c r="DQ10" s="102">
        <v>47</v>
      </c>
      <c r="DR10" s="103">
        <v>351</v>
      </c>
      <c r="DS10" s="104">
        <v>511</v>
      </c>
      <c r="DT10" s="101">
        <v>220</v>
      </c>
      <c r="DU10" s="102">
        <v>297</v>
      </c>
      <c r="DV10" s="103">
        <v>517</v>
      </c>
      <c r="DW10" s="413">
        <v>0</v>
      </c>
      <c r="DX10" s="102">
        <v>186</v>
      </c>
      <c r="DY10" s="102">
        <v>258</v>
      </c>
      <c r="DZ10" s="102">
        <v>167</v>
      </c>
      <c r="EA10" s="102">
        <v>141</v>
      </c>
      <c r="EB10" s="102">
        <v>102</v>
      </c>
      <c r="EC10" s="103">
        <v>854</v>
      </c>
      <c r="ED10" s="104">
        <v>1371</v>
      </c>
      <c r="EE10" s="101">
        <v>545</v>
      </c>
      <c r="EF10" s="102">
        <v>708</v>
      </c>
      <c r="EG10" s="103">
        <v>1253</v>
      </c>
      <c r="EH10" s="413">
        <v>0</v>
      </c>
      <c r="EI10" s="102">
        <v>494</v>
      </c>
      <c r="EJ10" s="102">
        <v>550</v>
      </c>
      <c r="EK10" s="102">
        <v>328</v>
      </c>
      <c r="EL10" s="102">
        <v>335</v>
      </c>
      <c r="EM10" s="102">
        <v>235</v>
      </c>
      <c r="EN10" s="103">
        <v>1942</v>
      </c>
      <c r="EO10" s="104">
        <v>3195</v>
      </c>
      <c r="EP10" s="101">
        <v>1026</v>
      </c>
      <c r="EQ10" s="102">
        <v>1330</v>
      </c>
      <c r="ER10" s="103">
        <v>2356</v>
      </c>
      <c r="ES10" s="413">
        <v>0</v>
      </c>
      <c r="ET10" s="102">
        <v>1158</v>
      </c>
      <c r="EU10" s="102">
        <v>1056</v>
      </c>
      <c r="EV10" s="102">
        <v>792</v>
      </c>
      <c r="EW10" s="102">
        <v>591</v>
      </c>
      <c r="EX10" s="102">
        <v>412</v>
      </c>
      <c r="EY10" s="103">
        <v>4009</v>
      </c>
      <c r="EZ10" s="104">
        <v>6365</v>
      </c>
      <c r="FA10" s="101">
        <v>859</v>
      </c>
      <c r="FB10" s="102">
        <v>1190</v>
      </c>
      <c r="FC10" s="103">
        <v>2049</v>
      </c>
      <c r="FD10" s="413">
        <v>0</v>
      </c>
      <c r="FE10" s="102">
        <v>1178</v>
      </c>
      <c r="FF10" s="102">
        <v>1175</v>
      </c>
      <c r="FG10" s="102">
        <v>848</v>
      </c>
      <c r="FH10" s="102">
        <v>785</v>
      </c>
      <c r="FI10" s="102">
        <v>465</v>
      </c>
      <c r="FJ10" s="103">
        <v>4451</v>
      </c>
      <c r="FK10" s="104">
        <v>6500</v>
      </c>
      <c r="FL10" s="101">
        <v>395</v>
      </c>
      <c r="FM10" s="102">
        <v>697</v>
      </c>
      <c r="FN10" s="103">
        <v>1092</v>
      </c>
      <c r="FO10" s="413">
        <v>0</v>
      </c>
      <c r="FP10" s="102">
        <v>914</v>
      </c>
      <c r="FQ10" s="102">
        <v>1202</v>
      </c>
      <c r="FR10" s="102">
        <v>1151</v>
      </c>
      <c r="FS10" s="102">
        <v>1201</v>
      </c>
      <c r="FT10" s="102">
        <v>656</v>
      </c>
      <c r="FU10" s="103">
        <v>5124</v>
      </c>
      <c r="FV10" s="104">
        <v>6216</v>
      </c>
      <c r="FW10" s="101">
        <v>24</v>
      </c>
      <c r="FX10" s="102">
        <v>86</v>
      </c>
      <c r="FY10" s="103">
        <v>110</v>
      </c>
      <c r="FZ10" s="413">
        <v>0</v>
      </c>
      <c r="GA10" s="102">
        <v>52</v>
      </c>
      <c r="GB10" s="102">
        <v>83</v>
      </c>
      <c r="GC10" s="102">
        <v>53</v>
      </c>
      <c r="GD10" s="102">
        <v>57</v>
      </c>
      <c r="GE10" s="102">
        <v>60</v>
      </c>
      <c r="GF10" s="103">
        <v>305</v>
      </c>
      <c r="GG10" s="104">
        <v>415</v>
      </c>
      <c r="GH10" s="101">
        <v>3141</v>
      </c>
      <c r="GI10" s="102">
        <v>4396</v>
      </c>
      <c r="GJ10" s="103">
        <v>7537</v>
      </c>
      <c r="GK10" s="413">
        <v>0</v>
      </c>
      <c r="GL10" s="102">
        <v>4050</v>
      </c>
      <c r="GM10" s="102">
        <v>4425</v>
      </c>
      <c r="GN10" s="102">
        <v>3410</v>
      </c>
      <c r="GO10" s="102">
        <v>3174</v>
      </c>
      <c r="GP10" s="102">
        <v>1977</v>
      </c>
      <c r="GQ10" s="103">
        <v>17036</v>
      </c>
      <c r="GR10" s="104">
        <v>24573</v>
      </c>
      <c r="GS10" s="105">
        <v>4733</v>
      </c>
      <c r="GT10" s="97">
        <v>6318</v>
      </c>
      <c r="GU10" s="98">
        <v>11051</v>
      </c>
      <c r="GV10" s="413">
        <v>0</v>
      </c>
      <c r="GW10" s="97">
        <v>6377</v>
      </c>
      <c r="GX10" s="97">
        <v>7008</v>
      </c>
      <c r="GY10" s="97">
        <v>5272</v>
      </c>
      <c r="GZ10" s="97">
        <v>4641</v>
      </c>
      <c r="HA10" s="97">
        <v>2823</v>
      </c>
      <c r="HB10" s="99">
        <v>26121</v>
      </c>
      <c r="HC10" s="100">
        <v>37172</v>
      </c>
      <c r="HD10" s="101">
        <v>138</v>
      </c>
      <c r="HE10" s="102">
        <v>181</v>
      </c>
      <c r="HF10" s="103">
        <v>319</v>
      </c>
      <c r="HG10" s="416">
        <v>0</v>
      </c>
      <c r="HH10" s="102">
        <v>160</v>
      </c>
      <c r="HI10" s="102">
        <v>238</v>
      </c>
      <c r="HJ10" s="102">
        <v>166</v>
      </c>
      <c r="HK10" s="102">
        <v>159</v>
      </c>
      <c r="HL10" s="102">
        <v>113</v>
      </c>
      <c r="HM10" s="103">
        <v>836</v>
      </c>
      <c r="HN10" s="104">
        <v>1155</v>
      </c>
      <c r="HO10" s="101">
        <v>365</v>
      </c>
      <c r="HP10" s="102">
        <v>559</v>
      </c>
      <c r="HQ10" s="103">
        <v>924</v>
      </c>
      <c r="HR10" s="413">
        <v>0</v>
      </c>
      <c r="HS10" s="102">
        <v>382</v>
      </c>
      <c r="HT10" s="102">
        <v>506</v>
      </c>
      <c r="HU10" s="102">
        <v>356</v>
      </c>
      <c r="HV10" s="102">
        <v>305</v>
      </c>
      <c r="HW10" s="102">
        <v>221</v>
      </c>
      <c r="HX10" s="103">
        <v>1770</v>
      </c>
      <c r="HY10" s="104">
        <v>2694</v>
      </c>
      <c r="HZ10" s="101">
        <v>793</v>
      </c>
      <c r="IA10" s="102">
        <v>1067</v>
      </c>
      <c r="IB10" s="103">
        <v>1860</v>
      </c>
      <c r="IC10" s="413">
        <v>0</v>
      </c>
      <c r="ID10" s="102">
        <v>866</v>
      </c>
      <c r="IE10" s="102">
        <v>996</v>
      </c>
      <c r="IF10" s="102">
        <v>638</v>
      </c>
      <c r="IG10" s="102">
        <v>588</v>
      </c>
      <c r="IH10" s="102">
        <v>397</v>
      </c>
      <c r="II10" s="103">
        <v>3485</v>
      </c>
      <c r="IJ10" s="104">
        <v>5345</v>
      </c>
      <c r="IK10" s="101">
        <v>1506</v>
      </c>
      <c r="IL10" s="102">
        <v>1868</v>
      </c>
      <c r="IM10" s="103">
        <v>3374</v>
      </c>
      <c r="IN10" s="413">
        <v>0</v>
      </c>
      <c r="IO10" s="102">
        <v>1835</v>
      </c>
      <c r="IP10" s="102">
        <v>1750</v>
      </c>
      <c r="IQ10" s="102">
        <v>1292</v>
      </c>
      <c r="IR10" s="102">
        <v>977</v>
      </c>
      <c r="IS10" s="102">
        <v>637</v>
      </c>
      <c r="IT10" s="103">
        <v>6491</v>
      </c>
      <c r="IU10" s="104">
        <v>9865</v>
      </c>
      <c r="IV10" s="101">
        <v>1325</v>
      </c>
      <c r="IW10" s="102">
        <v>1680</v>
      </c>
      <c r="IX10" s="103">
        <v>3005</v>
      </c>
      <c r="IY10" s="413">
        <v>0</v>
      </c>
      <c r="IZ10" s="102">
        <v>1841</v>
      </c>
      <c r="JA10" s="102">
        <v>1852</v>
      </c>
      <c r="JB10" s="102">
        <v>1316</v>
      </c>
      <c r="JC10" s="102">
        <v>1140</v>
      </c>
      <c r="JD10" s="102">
        <v>667</v>
      </c>
      <c r="JE10" s="103">
        <v>6816</v>
      </c>
      <c r="JF10" s="104">
        <v>9821</v>
      </c>
      <c r="JG10" s="101">
        <v>606</v>
      </c>
      <c r="JH10" s="102">
        <v>963</v>
      </c>
      <c r="JI10" s="103">
        <v>1569</v>
      </c>
      <c r="JJ10" s="413">
        <v>0</v>
      </c>
      <c r="JK10" s="102">
        <v>1293</v>
      </c>
      <c r="JL10" s="102">
        <v>1666</v>
      </c>
      <c r="JM10" s="102">
        <v>1504</v>
      </c>
      <c r="JN10" s="102">
        <v>1472</v>
      </c>
      <c r="JO10" s="102">
        <v>788</v>
      </c>
      <c r="JP10" s="103">
        <v>6723</v>
      </c>
      <c r="JQ10" s="104">
        <v>8292</v>
      </c>
      <c r="JR10" s="101">
        <v>58</v>
      </c>
      <c r="JS10" s="102">
        <v>188</v>
      </c>
      <c r="JT10" s="103">
        <v>246</v>
      </c>
      <c r="JU10" s="413">
        <v>0</v>
      </c>
      <c r="JV10" s="102">
        <v>96</v>
      </c>
      <c r="JW10" s="102">
        <v>215</v>
      </c>
      <c r="JX10" s="102">
        <v>127</v>
      </c>
      <c r="JY10" s="102">
        <v>125</v>
      </c>
      <c r="JZ10" s="102">
        <v>122</v>
      </c>
      <c r="KA10" s="103">
        <v>685</v>
      </c>
      <c r="KB10" s="104">
        <v>931</v>
      </c>
      <c r="KC10" s="101">
        <v>4791</v>
      </c>
      <c r="KD10" s="102">
        <v>6506</v>
      </c>
      <c r="KE10" s="103">
        <v>11297</v>
      </c>
      <c r="KF10" s="413">
        <v>0</v>
      </c>
      <c r="KG10" s="102">
        <v>6473</v>
      </c>
      <c r="KH10" s="102">
        <v>7223</v>
      </c>
      <c r="KI10" s="102">
        <v>5399</v>
      </c>
      <c r="KJ10" s="102">
        <v>4766</v>
      </c>
      <c r="KK10" s="102">
        <v>2945</v>
      </c>
      <c r="KL10" s="103">
        <v>26806</v>
      </c>
      <c r="KM10" s="104">
        <v>38103</v>
      </c>
    </row>
    <row r="11" spans="2:299" s="70" customFormat="1" ht="21" customHeight="1" x14ac:dyDescent="0.2">
      <c r="B11" s="106" t="s">
        <v>7</v>
      </c>
      <c r="C11" s="96">
        <v>1089</v>
      </c>
      <c r="D11" s="97">
        <v>801</v>
      </c>
      <c r="E11" s="98">
        <v>1890</v>
      </c>
      <c r="F11" s="413">
        <v>0</v>
      </c>
      <c r="G11" s="97">
        <v>2417</v>
      </c>
      <c r="H11" s="97">
        <v>1539</v>
      </c>
      <c r="I11" s="97">
        <v>917</v>
      </c>
      <c r="J11" s="97">
        <v>854</v>
      </c>
      <c r="K11" s="97">
        <v>493</v>
      </c>
      <c r="L11" s="99">
        <v>6220</v>
      </c>
      <c r="M11" s="100">
        <v>8110</v>
      </c>
      <c r="N11" s="101">
        <v>47</v>
      </c>
      <c r="O11" s="102">
        <v>25</v>
      </c>
      <c r="P11" s="103">
        <v>72</v>
      </c>
      <c r="Q11" s="413">
        <v>0</v>
      </c>
      <c r="R11" s="102">
        <v>101</v>
      </c>
      <c r="S11" s="102">
        <v>71</v>
      </c>
      <c r="T11" s="102">
        <v>32</v>
      </c>
      <c r="U11" s="102">
        <v>35</v>
      </c>
      <c r="V11" s="102">
        <v>33</v>
      </c>
      <c r="W11" s="103">
        <v>272</v>
      </c>
      <c r="X11" s="104">
        <v>344</v>
      </c>
      <c r="Y11" s="101">
        <v>67</v>
      </c>
      <c r="Z11" s="102">
        <v>72</v>
      </c>
      <c r="AA11" s="103">
        <v>139</v>
      </c>
      <c r="AB11" s="413">
        <v>0</v>
      </c>
      <c r="AC11" s="102">
        <v>213</v>
      </c>
      <c r="AD11" s="102">
        <v>153</v>
      </c>
      <c r="AE11" s="102">
        <v>80</v>
      </c>
      <c r="AF11" s="102">
        <v>93</v>
      </c>
      <c r="AG11" s="102">
        <v>62</v>
      </c>
      <c r="AH11" s="103">
        <v>601</v>
      </c>
      <c r="AI11" s="104">
        <v>740</v>
      </c>
      <c r="AJ11" s="101">
        <v>148</v>
      </c>
      <c r="AK11" s="102">
        <v>124</v>
      </c>
      <c r="AL11" s="103">
        <v>272</v>
      </c>
      <c r="AM11" s="413">
        <v>0</v>
      </c>
      <c r="AN11" s="102">
        <v>399</v>
      </c>
      <c r="AO11" s="102">
        <v>253</v>
      </c>
      <c r="AP11" s="102">
        <v>150</v>
      </c>
      <c r="AQ11" s="102">
        <v>141</v>
      </c>
      <c r="AR11" s="102">
        <v>98</v>
      </c>
      <c r="AS11" s="103">
        <v>1041</v>
      </c>
      <c r="AT11" s="104">
        <v>1313</v>
      </c>
      <c r="AU11" s="101">
        <v>323</v>
      </c>
      <c r="AV11" s="102">
        <v>221</v>
      </c>
      <c r="AW11" s="103">
        <v>544</v>
      </c>
      <c r="AX11" s="413">
        <v>0</v>
      </c>
      <c r="AY11" s="102">
        <v>630</v>
      </c>
      <c r="AZ11" s="102">
        <v>362</v>
      </c>
      <c r="BA11" s="102">
        <v>233</v>
      </c>
      <c r="BB11" s="102">
        <v>211</v>
      </c>
      <c r="BC11" s="102">
        <v>124</v>
      </c>
      <c r="BD11" s="103">
        <v>1560</v>
      </c>
      <c r="BE11" s="104">
        <v>2104</v>
      </c>
      <c r="BF11" s="101">
        <v>309</v>
      </c>
      <c r="BG11" s="102">
        <v>217</v>
      </c>
      <c r="BH11" s="103">
        <v>526</v>
      </c>
      <c r="BI11" s="413">
        <v>0</v>
      </c>
      <c r="BJ11" s="102">
        <v>637</v>
      </c>
      <c r="BK11" s="102">
        <v>379</v>
      </c>
      <c r="BL11" s="102">
        <v>232</v>
      </c>
      <c r="BM11" s="102">
        <v>213</v>
      </c>
      <c r="BN11" s="102">
        <v>98</v>
      </c>
      <c r="BO11" s="103">
        <v>1559</v>
      </c>
      <c r="BP11" s="104">
        <v>2085</v>
      </c>
      <c r="BQ11" s="101">
        <v>195</v>
      </c>
      <c r="BR11" s="102">
        <v>142</v>
      </c>
      <c r="BS11" s="103">
        <v>337</v>
      </c>
      <c r="BT11" s="413">
        <v>0</v>
      </c>
      <c r="BU11" s="102">
        <v>437</v>
      </c>
      <c r="BV11" s="102">
        <v>321</v>
      </c>
      <c r="BW11" s="102">
        <v>190</v>
      </c>
      <c r="BX11" s="102">
        <v>161</v>
      </c>
      <c r="BY11" s="102">
        <v>78</v>
      </c>
      <c r="BZ11" s="103">
        <v>1187</v>
      </c>
      <c r="CA11" s="104">
        <v>1524</v>
      </c>
      <c r="CB11" s="101">
        <v>18</v>
      </c>
      <c r="CC11" s="102">
        <v>21</v>
      </c>
      <c r="CD11" s="103">
        <v>39</v>
      </c>
      <c r="CE11" s="413">
        <v>0</v>
      </c>
      <c r="CF11" s="102">
        <v>71</v>
      </c>
      <c r="CG11" s="102">
        <v>58</v>
      </c>
      <c r="CH11" s="102">
        <v>34</v>
      </c>
      <c r="CI11" s="102">
        <v>30</v>
      </c>
      <c r="CJ11" s="102">
        <v>24</v>
      </c>
      <c r="CK11" s="103">
        <v>217</v>
      </c>
      <c r="CL11" s="104">
        <v>256</v>
      </c>
      <c r="CM11" s="101">
        <v>1107</v>
      </c>
      <c r="CN11" s="102">
        <v>822</v>
      </c>
      <c r="CO11" s="103">
        <v>1929</v>
      </c>
      <c r="CP11" s="413">
        <v>0</v>
      </c>
      <c r="CQ11" s="102">
        <v>2488</v>
      </c>
      <c r="CR11" s="102">
        <v>1597</v>
      </c>
      <c r="CS11" s="102">
        <v>951</v>
      </c>
      <c r="CT11" s="102">
        <v>884</v>
      </c>
      <c r="CU11" s="102">
        <v>517</v>
      </c>
      <c r="CV11" s="103">
        <v>6437</v>
      </c>
      <c r="CW11" s="104">
        <v>8366</v>
      </c>
      <c r="CX11" s="105">
        <v>2057</v>
      </c>
      <c r="CY11" s="97">
        <v>2211</v>
      </c>
      <c r="CZ11" s="98">
        <v>4268</v>
      </c>
      <c r="DA11" s="413">
        <v>0</v>
      </c>
      <c r="DB11" s="97">
        <v>4335</v>
      </c>
      <c r="DC11" s="97">
        <v>2621</v>
      </c>
      <c r="DD11" s="97">
        <v>2065</v>
      </c>
      <c r="DE11" s="97">
        <v>2040</v>
      </c>
      <c r="DF11" s="97">
        <v>1172</v>
      </c>
      <c r="DG11" s="99">
        <v>12233</v>
      </c>
      <c r="DH11" s="100">
        <v>16501</v>
      </c>
      <c r="DI11" s="101">
        <v>35</v>
      </c>
      <c r="DJ11" s="102">
        <v>35</v>
      </c>
      <c r="DK11" s="103">
        <v>70</v>
      </c>
      <c r="DL11" s="413">
        <v>0</v>
      </c>
      <c r="DM11" s="102">
        <v>91</v>
      </c>
      <c r="DN11" s="102">
        <v>54</v>
      </c>
      <c r="DO11" s="102">
        <v>37</v>
      </c>
      <c r="DP11" s="102">
        <v>25</v>
      </c>
      <c r="DQ11" s="102">
        <v>37</v>
      </c>
      <c r="DR11" s="103">
        <v>244</v>
      </c>
      <c r="DS11" s="104">
        <v>314</v>
      </c>
      <c r="DT11" s="101">
        <v>112</v>
      </c>
      <c r="DU11" s="102">
        <v>107</v>
      </c>
      <c r="DV11" s="103">
        <v>219</v>
      </c>
      <c r="DW11" s="413">
        <v>0</v>
      </c>
      <c r="DX11" s="102">
        <v>208</v>
      </c>
      <c r="DY11" s="102">
        <v>123</v>
      </c>
      <c r="DZ11" s="102">
        <v>78</v>
      </c>
      <c r="EA11" s="102">
        <v>93</v>
      </c>
      <c r="EB11" s="102">
        <v>52</v>
      </c>
      <c r="EC11" s="103">
        <v>554</v>
      </c>
      <c r="ED11" s="104">
        <v>773</v>
      </c>
      <c r="EE11" s="101">
        <v>317</v>
      </c>
      <c r="EF11" s="102">
        <v>307</v>
      </c>
      <c r="EG11" s="103">
        <v>624</v>
      </c>
      <c r="EH11" s="413">
        <v>0</v>
      </c>
      <c r="EI11" s="102">
        <v>505</v>
      </c>
      <c r="EJ11" s="102">
        <v>268</v>
      </c>
      <c r="EK11" s="102">
        <v>187</v>
      </c>
      <c r="EL11" s="102">
        <v>194</v>
      </c>
      <c r="EM11" s="102">
        <v>129</v>
      </c>
      <c r="EN11" s="103">
        <v>1283</v>
      </c>
      <c r="EO11" s="104">
        <v>1907</v>
      </c>
      <c r="EP11" s="101">
        <v>606</v>
      </c>
      <c r="EQ11" s="102">
        <v>640</v>
      </c>
      <c r="ER11" s="103">
        <v>1246</v>
      </c>
      <c r="ES11" s="413">
        <v>0</v>
      </c>
      <c r="ET11" s="102">
        <v>1045</v>
      </c>
      <c r="EU11" s="102">
        <v>589</v>
      </c>
      <c r="EV11" s="102">
        <v>379</v>
      </c>
      <c r="EW11" s="102">
        <v>372</v>
      </c>
      <c r="EX11" s="102">
        <v>228</v>
      </c>
      <c r="EY11" s="103">
        <v>2613</v>
      </c>
      <c r="EZ11" s="104">
        <v>3859</v>
      </c>
      <c r="FA11" s="101">
        <v>639</v>
      </c>
      <c r="FB11" s="102">
        <v>688</v>
      </c>
      <c r="FC11" s="103">
        <v>1327</v>
      </c>
      <c r="FD11" s="413">
        <v>0</v>
      </c>
      <c r="FE11" s="102">
        <v>1267</v>
      </c>
      <c r="FF11" s="102">
        <v>720</v>
      </c>
      <c r="FG11" s="102">
        <v>537</v>
      </c>
      <c r="FH11" s="102">
        <v>496</v>
      </c>
      <c r="FI11" s="102">
        <v>272</v>
      </c>
      <c r="FJ11" s="103">
        <v>3292</v>
      </c>
      <c r="FK11" s="104">
        <v>4619</v>
      </c>
      <c r="FL11" s="101">
        <v>348</v>
      </c>
      <c r="FM11" s="102">
        <v>434</v>
      </c>
      <c r="FN11" s="103">
        <v>782</v>
      </c>
      <c r="FO11" s="413">
        <v>0</v>
      </c>
      <c r="FP11" s="102">
        <v>1219</v>
      </c>
      <c r="FQ11" s="102">
        <v>867</v>
      </c>
      <c r="FR11" s="102">
        <v>847</v>
      </c>
      <c r="FS11" s="102">
        <v>860</v>
      </c>
      <c r="FT11" s="102">
        <v>454</v>
      </c>
      <c r="FU11" s="103">
        <v>4247</v>
      </c>
      <c r="FV11" s="104">
        <v>5029</v>
      </c>
      <c r="FW11" s="101">
        <v>13</v>
      </c>
      <c r="FX11" s="102">
        <v>22</v>
      </c>
      <c r="FY11" s="103">
        <v>35</v>
      </c>
      <c r="FZ11" s="413">
        <v>0</v>
      </c>
      <c r="GA11" s="102">
        <v>66</v>
      </c>
      <c r="GB11" s="102">
        <v>49</v>
      </c>
      <c r="GC11" s="102">
        <v>31</v>
      </c>
      <c r="GD11" s="102">
        <v>34</v>
      </c>
      <c r="GE11" s="102">
        <v>20</v>
      </c>
      <c r="GF11" s="103">
        <v>200</v>
      </c>
      <c r="GG11" s="104">
        <v>235</v>
      </c>
      <c r="GH11" s="101">
        <v>2070</v>
      </c>
      <c r="GI11" s="102">
        <v>2233</v>
      </c>
      <c r="GJ11" s="103">
        <v>4303</v>
      </c>
      <c r="GK11" s="413">
        <v>0</v>
      </c>
      <c r="GL11" s="102">
        <v>4401</v>
      </c>
      <c r="GM11" s="102">
        <v>2670</v>
      </c>
      <c r="GN11" s="102">
        <v>2096</v>
      </c>
      <c r="GO11" s="102">
        <v>2074</v>
      </c>
      <c r="GP11" s="102">
        <v>1192</v>
      </c>
      <c r="GQ11" s="103">
        <v>12433</v>
      </c>
      <c r="GR11" s="104">
        <v>16736</v>
      </c>
      <c r="GS11" s="105">
        <v>3146</v>
      </c>
      <c r="GT11" s="97">
        <v>3012</v>
      </c>
      <c r="GU11" s="98">
        <v>6158</v>
      </c>
      <c r="GV11" s="413">
        <v>0</v>
      </c>
      <c r="GW11" s="97">
        <v>6752</v>
      </c>
      <c r="GX11" s="97">
        <v>4160</v>
      </c>
      <c r="GY11" s="97">
        <v>2982</v>
      </c>
      <c r="GZ11" s="97">
        <v>2894</v>
      </c>
      <c r="HA11" s="97">
        <v>1665</v>
      </c>
      <c r="HB11" s="99">
        <v>18453</v>
      </c>
      <c r="HC11" s="100">
        <v>24611</v>
      </c>
      <c r="HD11" s="101">
        <v>82</v>
      </c>
      <c r="HE11" s="102">
        <v>60</v>
      </c>
      <c r="HF11" s="103">
        <v>142</v>
      </c>
      <c r="HG11" s="416">
        <v>0</v>
      </c>
      <c r="HH11" s="102">
        <v>192</v>
      </c>
      <c r="HI11" s="102">
        <v>125</v>
      </c>
      <c r="HJ11" s="102">
        <v>69</v>
      </c>
      <c r="HK11" s="102">
        <v>60</v>
      </c>
      <c r="HL11" s="102">
        <v>70</v>
      </c>
      <c r="HM11" s="103">
        <v>516</v>
      </c>
      <c r="HN11" s="104">
        <v>658</v>
      </c>
      <c r="HO11" s="101">
        <v>179</v>
      </c>
      <c r="HP11" s="102">
        <v>179</v>
      </c>
      <c r="HQ11" s="103">
        <v>358</v>
      </c>
      <c r="HR11" s="413">
        <v>0</v>
      </c>
      <c r="HS11" s="102">
        <v>421</v>
      </c>
      <c r="HT11" s="102">
        <v>276</v>
      </c>
      <c r="HU11" s="102">
        <v>158</v>
      </c>
      <c r="HV11" s="102">
        <v>186</v>
      </c>
      <c r="HW11" s="102">
        <v>114</v>
      </c>
      <c r="HX11" s="103">
        <v>1155</v>
      </c>
      <c r="HY11" s="104">
        <v>1513</v>
      </c>
      <c r="HZ11" s="101">
        <v>465</v>
      </c>
      <c r="IA11" s="102">
        <v>431</v>
      </c>
      <c r="IB11" s="103">
        <v>896</v>
      </c>
      <c r="IC11" s="413">
        <v>0</v>
      </c>
      <c r="ID11" s="102">
        <v>904</v>
      </c>
      <c r="IE11" s="102">
        <v>521</v>
      </c>
      <c r="IF11" s="102">
        <v>337</v>
      </c>
      <c r="IG11" s="102">
        <v>335</v>
      </c>
      <c r="IH11" s="102">
        <v>227</v>
      </c>
      <c r="II11" s="103">
        <v>2324</v>
      </c>
      <c r="IJ11" s="104">
        <v>3220</v>
      </c>
      <c r="IK11" s="101">
        <v>929</v>
      </c>
      <c r="IL11" s="102">
        <v>861</v>
      </c>
      <c r="IM11" s="103">
        <v>1790</v>
      </c>
      <c r="IN11" s="413">
        <v>0</v>
      </c>
      <c r="IO11" s="102">
        <v>1675</v>
      </c>
      <c r="IP11" s="102">
        <v>951</v>
      </c>
      <c r="IQ11" s="102">
        <v>612</v>
      </c>
      <c r="IR11" s="102">
        <v>583</v>
      </c>
      <c r="IS11" s="102">
        <v>352</v>
      </c>
      <c r="IT11" s="103">
        <v>4173</v>
      </c>
      <c r="IU11" s="104">
        <v>5963</v>
      </c>
      <c r="IV11" s="101">
        <v>948</v>
      </c>
      <c r="IW11" s="102">
        <v>905</v>
      </c>
      <c r="IX11" s="103">
        <v>1853</v>
      </c>
      <c r="IY11" s="413">
        <v>0</v>
      </c>
      <c r="IZ11" s="102">
        <v>1904</v>
      </c>
      <c r="JA11" s="102">
        <v>1099</v>
      </c>
      <c r="JB11" s="102">
        <v>769</v>
      </c>
      <c r="JC11" s="102">
        <v>709</v>
      </c>
      <c r="JD11" s="102">
        <v>370</v>
      </c>
      <c r="JE11" s="103">
        <v>4851</v>
      </c>
      <c r="JF11" s="104">
        <v>6704</v>
      </c>
      <c r="JG11" s="101">
        <v>543</v>
      </c>
      <c r="JH11" s="102">
        <v>576</v>
      </c>
      <c r="JI11" s="103">
        <v>1119</v>
      </c>
      <c r="JJ11" s="413">
        <v>0</v>
      </c>
      <c r="JK11" s="102">
        <v>1656</v>
      </c>
      <c r="JL11" s="102">
        <v>1188</v>
      </c>
      <c r="JM11" s="102">
        <v>1037</v>
      </c>
      <c r="JN11" s="102">
        <v>1021</v>
      </c>
      <c r="JO11" s="102">
        <v>532</v>
      </c>
      <c r="JP11" s="103">
        <v>5434</v>
      </c>
      <c r="JQ11" s="104">
        <v>6553</v>
      </c>
      <c r="JR11" s="101">
        <v>31</v>
      </c>
      <c r="JS11" s="102">
        <v>43</v>
      </c>
      <c r="JT11" s="103">
        <v>74</v>
      </c>
      <c r="JU11" s="413">
        <v>0</v>
      </c>
      <c r="JV11" s="102">
        <v>137</v>
      </c>
      <c r="JW11" s="102">
        <v>107</v>
      </c>
      <c r="JX11" s="102">
        <v>65</v>
      </c>
      <c r="JY11" s="102">
        <v>64</v>
      </c>
      <c r="JZ11" s="102">
        <v>44</v>
      </c>
      <c r="KA11" s="103">
        <v>417</v>
      </c>
      <c r="KB11" s="104">
        <v>491</v>
      </c>
      <c r="KC11" s="101">
        <v>3177</v>
      </c>
      <c r="KD11" s="102">
        <v>3055</v>
      </c>
      <c r="KE11" s="103">
        <v>6232</v>
      </c>
      <c r="KF11" s="413">
        <v>0</v>
      </c>
      <c r="KG11" s="102">
        <v>6889</v>
      </c>
      <c r="KH11" s="102">
        <v>4267</v>
      </c>
      <c r="KI11" s="102">
        <v>3047</v>
      </c>
      <c r="KJ11" s="102">
        <v>2958</v>
      </c>
      <c r="KK11" s="102">
        <v>1709</v>
      </c>
      <c r="KL11" s="103">
        <v>18870</v>
      </c>
      <c r="KM11" s="104">
        <v>25102</v>
      </c>
    </row>
    <row r="12" spans="2:299" s="70" customFormat="1" ht="21" customHeight="1" x14ac:dyDescent="0.2">
      <c r="B12" s="106" t="s">
        <v>8</v>
      </c>
      <c r="C12" s="96">
        <v>570</v>
      </c>
      <c r="D12" s="97">
        <v>404</v>
      </c>
      <c r="E12" s="98">
        <v>974</v>
      </c>
      <c r="F12" s="413">
        <v>0</v>
      </c>
      <c r="G12" s="97">
        <v>1046</v>
      </c>
      <c r="H12" s="97">
        <v>944</v>
      </c>
      <c r="I12" s="97">
        <v>643</v>
      </c>
      <c r="J12" s="97">
        <v>503</v>
      </c>
      <c r="K12" s="97">
        <v>306</v>
      </c>
      <c r="L12" s="99">
        <v>3442</v>
      </c>
      <c r="M12" s="100">
        <v>4416</v>
      </c>
      <c r="N12" s="101">
        <v>13</v>
      </c>
      <c r="O12" s="102">
        <v>26</v>
      </c>
      <c r="P12" s="103">
        <v>39</v>
      </c>
      <c r="Q12" s="413">
        <v>0</v>
      </c>
      <c r="R12" s="102">
        <v>48</v>
      </c>
      <c r="S12" s="102">
        <v>51</v>
      </c>
      <c r="T12" s="102">
        <v>32</v>
      </c>
      <c r="U12" s="102">
        <v>30</v>
      </c>
      <c r="V12" s="102">
        <v>23</v>
      </c>
      <c r="W12" s="103">
        <v>184</v>
      </c>
      <c r="X12" s="104">
        <v>223</v>
      </c>
      <c r="Y12" s="101">
        <v>47</v>
      </c>
      <c r="Z12" s="102">
        <v>45</v>
      </c>
      <c r="AA12" s="103">
        <v>92</v>
      </c>
      <c r="AB12" s="413">
        <v>0</v>
      </c>
      <c r="AC12" s="102">
        <v>107</v>
      </c>
      <c r="AD12" s="102">
        <v>92</v>
      </c>
      <c r="AE12" s="102">
        <v>62</v>
      </c>
      <c r="AF12" s="102">
        <v>64</v>
      </c>
      <c r="AG12" s="102">
        <v>49</v>
      </c>
      <c r="AH12" s="103">
        <v>374</v>
      </c>
      <c r="AI12" s="104">
        <v>466</v>
      </c>
      <c r="AJ12" s="101">
        <v>109</v>
      </c>
      <c r="AK12" s="102">
        <v>66</v>
      </c>
      <c r="AL12" s="103">
        <v>175</v>
      </c>
      <c r="AM12" s="413">
        <v>0</v>
      </c>
      <c r="AN12" s="102">
        <v>182</v>
      </c>
      <c r="AO12" s="102">
        <v>181</v>
      </c>
      <c r="AP12" s="102">
        <v>104</v>
      </c>
      <c r="AQ12" s="102">
        <v>80</v>
      </c>
      <c r="AR12" s="102">
        <v>51</v>
      </c>
      <c r="AS12" s="103">
        <v>598</v>
      </c>
      <c r="AT12" s="104">
        <v>773</v>
      </c>
      <c r="AU12" s="101">
        <v>156</v>
      </c>
      <c r="AV12" s="102">
        <v>99</v>
      </c>
      <c r="AW12" s="103">
        <v>255</v>
      </c>
      <c r="AX12" s="413">
        <v>0</v>
      </c>
      <c r="AY12" s="102">
        <v>285</v>
      </c>
      <c r="AZ12" s="102">
        <v>248</v>
      </c>
      <c r="BA12" s="102">
        <v>139</v>
      </c>
      <c r="BB12" s="102">
        <v>123</v>
      </c>
      <c r="BC12" s="102">
        <v>77</v>
      </c>
      <c r="BD12" s="103">
        <v>872</v>
      </c>
      <c r="BE12" s="104">
        <v>1127</v>
      </c>
      <c r="BF12" s="101">
        <v>147</v>
      </c>
      <c r="BG12" s="102">
        <v>94</v>
      </c>
      <c r="BH12" s="103">
        <v>241</v>
      </c>
      <c r="BI12" s="413">
        <v>0</v>
      </c>
      <c r="BJ12" s="102">
        <v>259</v>
      </c>
      <c r="BK12" s="102">
        <v>212</v>
      </c>
      <c r="BL12" s="102">
        <v>171</v>
      </c>
      <c r="BM12" s="102">
        <v>104</v>
      </c>
      <c r="BN12" s="102">
        <v>59</v>
      </c>
      <c r="BO12" s="103">
        <v>805</v>
      </c>
      <c r="BP12" s="104">
        <v>1046</v>
      </c>
      <c r="BQ12" s="101">
        <v>98</v>
      </c>
      <c r="BR12" s="102">
        <v>74</v>
      </c>
      <c r="BS12" s="103">
        <v>172</v>
      </c>
      <c r="BT12" s="413">
        <v>0</v>
      </c>
      <c r="BU12" s="102">
        <v>165</v>
      </c>
      <c r="BV12" s="102">
        <v>160</v>
      </c>
      <c r="BW12" s="102">
        <v>135</v>
      </c>
      <c r="BX12" s="102">
        <v>102</v>
      </c>
      <c r="BY12" s="102">
        <v>47</v>
      </c>
      <c r="BZ12" s="103">
        <v>609</v>
      </c>
      <c r="CA12" s="104">
        <v>781</v>
      </c>
      <c r="CB12" s="101">
        <v>15</v>
      </c>
      <c r="CC12" s="102">
        <v>19</v>
      </c>
      <c r="CD12" s="103">
        <v>34</v>
      </c>
      <c r="CE12" s="413">
        <v>0</v>
      </c>
      <c r="CF12" s="102">
        <v>33</v>
      </c>
      <c r="CG12" s="102">
        <v>50</v>
      </c>
      <c r="CH12" s="102">
        <v>27</v>
      </c>
      <c r="CI12" s="102">
        <v>21</v>
      </c>
      <c r="CJ12" s="102">
        <v>16</v>
      </c>
      <c r="CK12" s="103">
        <v>147</v>
      </c>
      <c r="CL12" s="104">
        <v>181</v>
      </c>
      <c r="CM12" s="101">
        <v>585</v>
      </c>
      <c r="CN12" s="102">
        <v>423</v>
      </c>
      <c r="CO12" s="103">
        <v>1008</v>
      </c>
      <c r="CP12" s="413">
        <v>0</v>
      </c>
      <c r="CQ12" s="102">
        <v>1079</v>
      </c>
      <c r="CR12" s="102">
        <v>994</v>
      </c>
      <c r="CS12" s="102">
        <v>670</v>
      </c>
      <c r="CT12" s="102">
        <v>524</v>
      </c>
      <c r="CU12" s="102">
        <v>322</v>
      </c>
      <c r="CV12" s="103">
        <v>3589</v>
      </c>
      <c r="CW12" s="104">
        <v>4597</v>
      </c>
      <c r="CX12" s="105">
        <v>1167</v>
      </c>
      <c r="CY12" s="97">
        <v>1009</v>
      </c>
      <c r="CZ12" s="98">
        <v>2176</v>
      </c>
      <c r="DA12" s="413">
        <v>0</v>
      </c>
      <c r="DB12" s="97">
        <v>1809</v>
      </c>
      <c r="DC12" s="97">
        <v>1645</v>
      </c>
      <c r="DD12" s="97">
        <v>1323</v>
      </c>
      <c r="DE12" s="97">
        <v>1138</v>
      </c>
      <c r="DF12" s="97">
        <v>705</v>
      </c>
      <c r="DG12" s="99">
        <v>6620</v>
      </c>
      <c r="DH12" s="100">
        <v>8796</v>
      </c>
      <c r="DI12" s="101">
        <v>29</v>
      </c>
      <c r="DJ12" s="102">
        <v>24</v>
      </c>
      <c r="DK12" s="103">
        <v>53</v>
      </c>
      <c r="DL12" s="413">
        <v>0</v>
      </c>
      <c r="DM12" s="102">
        <v>39</v>
      </c>
      <c r="DN12" s="102">
        <v>34</v>
      </c>
      <c r="DO12" s="102">
        <v>12</v>
      </c>
      <c r="DP12" s="102">
        <v>27</v>
      </c>
      <c r="DQ12" s="102">
        <v>16</v>
      </c>
      <c r="DR12" s="103">
        <v>128</v>
      </c>
      <c r="DS12" s="104">
        <v>181</v>
      </c>
      <c r="DT12" s="101">
        <v>73</v>
      </c>
      <c r="DU12" s="102">
        <v>62</v>
      </c>
      <c r="DV12" s="103">
        <v>135</v>
      </c>
      <c r="DW12" s="413">
        <v>0</v>
      </c>
      <c r="DX12" s="102">
        <v>97</v>
      </c>
      <c r="DY12" s="102">
        <v>82</v>
      </c>
      <c r="DZ12" s="102">
        <v>50</v>
      </c>
      <c r="EA12" s="102">
        <v>57</v>
      </c>
      <c r="EB12" s="102">
        <v>42</v>
      </c>
      <c r="EC12" s="103">
        <v>328</v>
      </c>
      <c r="ED12" s="104">
        <v>463</v>
      </c>
      <c r="EE12" s="101">
        <v>164</v>
      </c>
      <c r="EF12" s="102">
        <v>151</v>
      </c>
      <c r="EG12" s="103">
        <v>315</v>
      </c>
      <c r="EH12" s="413">
        <v>0</v>
      </c>
      <c r="EI12" s="102">
        <v>215</v>
      </c>
      <c r="EJ12" s="102">
        <v>166</v>
      </c>
      <c r="EK12" s="102">
        <v>120</v>
      </c>
      <c r="EL12" s="102">
        <v>103</v>
      </c>
      <c r="EM12" s="102">
        <v>66</v>
      </c>
      <c r="EN12" s="103">
        <v>670</v>
      </c>
      <c r="EO12" s="104">
        <v>985</v>
      </c>
      <c r="EP12" s="101">
        <v>366</v>
      </c>
      <c r="EQ12" s="102">
        <v>293</v>
      </c>
      <c r="ER12" s="103">
        <v>659</v>
      </c>
      <c r="ES12" s="413">
        <v>0</v>
      </c>
      <c r="ET12" s="102">
        <v>483</v>
      </c>
      <c r="EU12" s="102">
        <v>349</v>
      </c>
      <c r="EV12" s="102">
        <v>253</v>
      </c>
      <c r="EW12" s="102">
        <v>224</v>
      </c>
      <c r="EX12" s="102">
        <v>137</v>
      </c>
      <c r="EY12" s="103">
        <v>1446</v>
      </c>
      <c r="EZ12" s="104">
        <v>2105</v>
      </c>
      <c r="FA12" s="101">
        <v>349</v>
      </c>
      <c r="FB12" s="102">
        <v>285</v>
      </c>
      <c r="FC12" s="103">
        <v>634</v>
      </c>
      <c r="FD12" s="413">
        <v>0</v>
      </c>
      <c r="FE12" s="102">
        <v>528</v>
      </c>
      <c r="FF12" s="102">
        <v>464</v>
      </c>
      <c r="FG12" s="102">
        <v>364</v>
      </c>
      <c r="FH12" s="102">
        <v>270</v>
      </c>
      <c r="FI12" s="102">
        <v>173</v>
      </c>
      <c r="FJ12" s="103">
        <v>1799</v>
      </c>
      <c r="FK12" s="104">
        <v>2433</v>
      </c>
      <c r="FL12" s="101">
        <v>186</v>
      </c>
      <c r="FM12" s="102">
        <v>194</v>
      </c>
      <c r="FN12" s="103">
        <v>380</v>
      </c>
      <c r="FO12" s="413">
        <v>0</v>
      </c>
      <c r="FP12" s="102">
        <v>447</v>
      </c>
      <c r="FQ12" s="102">
        <v>550</v>
      </c>
      <c r="FR12" s="102">
        <v>524</v>
      </c>
      <c r="FS12" s="102">
        <v>457</v>
      </c>
      <c r="FT12" s="102">
        <v>271</v>
      </c>
      <c r="FU12" s="103">
        <v>2249</v>
      </c>
      <c r="FV12" s="104">
        <v>2629</v>
      </c>
      <c r="FW12" s="101">
        <v>8</v>
      </c>
      <c r="FX12" s="102">
        <v>15</v>
      </c>
      <c r="FY12" s="103">
        <v>23</v>
      </c>
      <c r="FZ12" s="413">
        <v>0</v>
      </c>
      <c r="GA12" s="102">
        <v>27</v>
      </c>
      <c r="GB12" s="102">
        <v>39</v>
      </c>
      <c r="GC12" s="102">
        <v>16</v>
      </c>
      <c r="GD12" s="102">
        <v>17</v>
      </c>
      <c r="GE12" s="102">
        <v>15</v>
      </c>
      <c r="GF12" s="103">
        <v>114</v>
      </c>
      <c r="GG12" s="104">
        <v>137</v>
      </c>
      <c r="GH12" s="101">
        <v>1175</v>
      </c>
      <c r="GI12" s="102">
        <v>1024</v>
      </c>
      <c r="GJ12" s="103">
        <v>2199</v>
      </c>
      <c r="GK12" s="413">
        <v>0</v>
      </c>
      <c r="GL12" s="102">
        <v>1836</v>
      </c>
      <c r="GM12" s="102">
        <v>1684</v>
      </c>
      <c r="GN12" s="102">
        <v>1339</v>
      </c>
      <c r="GO12" s="102">
        <v>1155</v>
      </c>
      <c r="GP12" s="102">
        <v>720</v>
      </c>
      <c r="GQ12" s="103">
        <v>6734</v>
      </c>
      <c r="GR12" s="104">
        <v>8933</v>
      </c>
      <c r="GS12" s="105">
        <v>1737</v>
      </c>
      <c r="GT12" s="97">
        <v>1413</v>
      </c>
      <c r="GU12" s="98">
        <v>3150</v>
      </c>
      <c r="GV12" s="413">
        <v>0</v>
      </c>
      <c r="GW12" s="97">
        <v>2855</v>
      </c>
      <c r="GX12" s="97">
        <v>2589</v>
      </c>
      <c r="GY12" s="97">
        <v>1966</v>
      </c>
      <c r="GZ12" s="97">
        <v>1641</v>
      </c>
      <c r="HA12" s="97">
        <v>1011</v>
      </c>
      <c r="HB12" s="99">
        <v>10062</v>
      </c>
      <c r="HC12" s="100">
        <v>13212</v>
      </c>
      <c r="HD12" s="101">
        <v>42</v>
      </c>
      <c r="HE12" s="102">
        <v>50</v>
      </c>
      <c r="HF12" s="103">
        <v>92</v>
      </c>
      <c r="HG12" s="416">
        <v>0</v>
      </c>
      <c r="HH12" s="102">
        <v>87</v>
      </c>
      <c r="HI12" s="102">
        <v>85</v>
      </c>
      <c r="HJ12" s="102">
        <v>44</v>
      </c>
      <c r="HK12" s="102">
        <v>57</v>
      </c>
      <c r="HL12" s="102">
        <v>39</v>
      </c>
      <c r="HM12" s="103">
        <v>312</v>
      </c>
      <c r="HN12" s="104">
        <v>404</v>
      </c>
      <c r="HO12" s="101">
        <v>120</v>
      </c>
      <c r="HP12" s="102">
        <v>107</v>
      </c>
      <c r="HQ12" s="103">
        <v>227</v>
      </c>
      <c r="HR12" s="413">
        <v>0</v>
      </c>
      <c r="HS12" s="102">
        <v>204</v>
      </c>
      <c r="HT12" s="102">
        <v>174</v>
      </c>
      <c r="HU12" s="102">
        <v>112</v>
      </c>
      <c r="HV12" s="102">
        <v>121</v>
      </c>
      <c r="HW12" s="102">
        <v>91</v>
      </c>
      <c r="HX12" s="103">
        <v>702</v>
      </c>
      <c r="HY12" s="104">
        <v>929</v>
      </c>
      <c r="HZ12" s="101">
        <v>273</v>
      </c>
      <c r="IA12" s="102">
        <v>217</v>
      </c>
      <c r="IB12" s="103">
        <v>490</v>
      </c>
      <c r="IC12" s="413">
        <v>0</v>
      </c>
      <c r="ID12" s="102">
        <v>397</v>
      </c>
      <c r="IE12" s="102">
        <v>347</v>
      </c>
      <c r="IF12" s="102">
        <v>224</v>
      </c>
      <c r="IG12" s="102">
        <v>183</v>
      </c>
      <c r="IH12" s="102">
        <v>117</v>
      </c>
      <c r="II12" s="103">
        <v>1268</v>
      </c>
      <c r="IJ12" s="104">
        <v>1758</v>
      </c>
      <c r="IK12" s="101">
        <v>522</v>
      </c>
      <c r="IL12" s="102">
        <v>392</v>
      </c>
      <c r="IM12" s="103">
        <v>914</v>
      </c>
      <c r="IN12" s="413">
        <v>0</v>
      </c>
      <c r="IO12" s="102">
        <v>768</v>
      </c>
      <c r="IP12" s="102">
        <v>597</v>
      </c>
      <c r="IQ12" s="102">
        <v>392</v>
      </c>
      <c r="IR12" s="102">
        <v>347</v>
      </c>
      <c r="IS12" s="102">
        <v>214</v>
      </c>
      <c r="IT12" s="103">
        <v>2318</v>
      </c>
      <c r="IU12" s="104">
        <v>3232</v>
      </c>
      <c r="IV12" s="101">
        <v>496</v>
      </c>
      <c r="IW12" s="102">
        <v>379</v>
      </c>
      <c r="IX12" s="103">
        <v>875</v>
      </c>
      <c r="IY12" s="413">
        <v>0</v>
      </c>
      <c r="IZ12" s="102">
        <v>787</v>
      </c>
      <c r="JA12" s="102">
        <v>676</v>
      </c>
      <c r="JB12" s="102">
        <v>535</v>
      </c>
      <c r="JC12" s="102">
        <v>374</v>
      </c>
      <c r="JD12" s="102">
        <v>232</v>
      </c>
      <c r="JE12" s="103">
        <v>2604</v>
      </c>
      <c r="JF12" s="104">
        <v>3479</v>
      </c>
      <c r="JG12" s="101">
        <v>284</v>
      </c>
      <c r="JH12" s="102">
        <v>268</v>
      </c>
      <c r="JI12" s="103">
        <v>552</v>
      </c>
      <c r="JJ12" s="413">
        <v>0</v>
      </c>
      <c r="JK12" s="102">
        <v>612</v>
      </c>
      <c r="JL12" s="102">
        <v>710</v>
      </c>
      <c r="JM12" s="102">
        <v>659</v>
      </c>
      <c r="JN12" s="102">
        <v>559</v>
      </c>
      <c r="JO12" s="102">
        <v>318</v>
      </c>
      <c r="JP12" s="103">
        <v>2858</v>
      </c>
      <c r="JQ12" s="104">
        <v>3410</v>
      </c>
      <c r="JR12" s="101">
        <v>23</v>
      </c>
      <c r="JS12" s="102">
        <v>34</v>
      </c>
      <c r="JT12" s="103">
        <v>57</v>
      </c>
      <c r="JU12" s="413">
        <v>0</v>
      </c>
      <c r="JV12" s="102">
        <v>60</v>
      </c>
      <c r="JW12" s="102">
        <v>89</v>
      </c>
      <c r="JX12" s="102">
        <v>43</v>
      </c>
      <c r="JY12" s="102">
        <v>38</v>
      </c>
      <c r="JZ12" s="102">
        <v>31</v>
      </c>
      <c r="KA12" s="103">
        <v>261</v>
      </c>
      <c r="KB12" s="104">
        <v>318</v>
      </c>
      <c r="KC12" s="101">
        <v>1760</v>
      </c>
      <c r="KD12" s="102">
        <v>1447</v>
      </c>
      <c r="KE12" s="103">
        <v>3207</v>
      </c>
      <c r="KF12" s="413">
        <v>0</v>
      </c>
      <c r="KG12" s="102">
        <v>2915</v>
      </c>
      <c r="KH12" s="102">
        <v>2678</v>
      </c>
      <c r="KI12" s="102">
        <v>2009</v>
      </c>
      <c r="KJ12" s="102">
        <v>1679</v>
      </c>
      <c r="KK12" s="102">
        <v>1042</v>
      </c>
      <c r="KL12" s="103">
        <v>10323</v>
      </c>
      <c r="KM12" s="104">
        <v>13530</v>
      </c>
    </row>
    <row r="13" spans="2:299" s="70" customFormat="1" ht="21" customHeight="1" x14ac:dyDescent="0.2">
      <c r="B13" s="106" t="s">
        <v>9</v>
      </c>
      <c r="C13" s="96">
        <v>743</v>
      </c>
      <c r="D13" s="97">
        <v>382</v>
      </c>
      <c r="E13" s="98">
        <v>1125</v>
      </c>
      <c r="F13" s="413">
        <v>0</v>
      </c>
      <c r="G13" s="97">
        <v>883</v>
      </c>
      <c r="H13" s="97">
        <v>589</v>
      </c>
      <c r="I13" s="97">
        <v>476</v>
      </c>
      <c r="J13" s="97">
        <v>378</v>
      </c>
      <c r="K13" s="97">
        <v>218</v>
      </c>
      <c r="L13" s="99">
        <v>2544</v>
      </c>
      <c r="M13" s="100">
        <v>3669</v>
      </c>
      <c r="N13" s="101">
        <v>18</v>
      </c>
      <c r="O13" s="102">
        <v>15</v>
      </c>
      <c r="P13" s="103">
        <v>33</v>
      </c>
      <c r="Q13" s="413">
        <v>0</v>
      </c>
      <c r="R13" s="102">
        <v>21</v>
      </c>
      <c r="S13" s="102">
        <v>25</v>
      </c>
      <c r="T13" s="102">
        <v>14</v>
      </c>
      <c r="U13" s="102">
        <v>11</v>
      </c>
      <c r="V13" s="102">
        <v>13</v>
      </c>
      <c r="W13" s="103">
        <v>84</v>
      </c>
      <c r="X13" s="104">
        <v>117</v>
      </c>
      <c r="Y13" s="101">
        <v>41</v>
      </c>
      <c r="Z13" s="102">
        <v>28</v>
      </c>
      <c r="AA13" s="103">
        <v>69</v>
      </c>
      <c r="AB13" s="413">
        <v>0</v>
      </c>
      <c r="AC13" s="102">
        <v>54</v>
      </c>
      <c r="AD13" s="102">
        <v>39</v>
      </c>
      <c r="AE13" s="102">
        <v>31</v>
      </c>
      <c r="AF13" s="102">
        <v>26</v>
      </c>
      <c r="AG13" s="102">
        <v>20</v>
      </c>
      <c r="AH13" s="103">
        <v>170</v>
      </c>
      <c r="AI13" s="104">
        <v>239</v>
      </c>
      <c r="AJ13" s="101">
        <v>94</v>
      </c>
      <c r="AK13" s="102">
        <v>46</v>
      </c>
      <c r="AL13" s="103">
        <v>140</v>
      </c>
      <c r="AM13" s="413">
        <v>0</v>
      </c>
      <c r="AN13" s="102">
        <v>87</v>
      </c>
      <c r="AO13" s="102">
        <v>77</v>
      </c>
      <c r="AP13" s="102">
        <v>73</v>
      </c>
      <c r="AQ13" s="102">
        <v>52</v>
      </c>
      <c r="AR13" s="102">
        <v>29</v>
      </c>
      <c r="AS13" s="103">
        <v>318</v>
      </c>
      <c r="AT13" s="104">
        <v>458</v>
      </c>
      <c r="AU13" s="101">
        <v>172</v>
      </c>
      <c r="AV13" s="102">
        <v>96</v>
      </c>
      <c r="AW13" s="103">
        <v>268</v>
      </c>
      <c r="AX13" s="413">
        <v>0</v>
      </c>
      <c r="AY13" s="102">
        <v>220</v>
      </c>
      <c r="AZ13" s="102">
        <v>119</v>
      </c>
      <c r="BA13" s="102">
        <v>90</v>
      </c>
      <c r="BB13" s="102">
        <v>66</v>
      </c>
      <c r="BC13" s="102">
        <v>53</v>
      </c>
      <c r="BD13" s="103">
        <v>548</v>
      </c>
      <c r="BE13" s="104">
        <v>816</v>
      </c>
      <c r="BF13" s="101">
        <v>245</v>
      </c>
      <c r="BG13" s="102">
        <v>116</v>
      </c>
      <c r="BH13" s="103">
        <v>361</v>
      </c>
      <c r="BI13" s="413">
        <v>0</v>
      </c>
      <c r="BJ13" s="102">
        <v>261</v>
      </c>
      <c r="BK13" s="102">
        <v>143</v>
      </c>
      <c r="BL13" s="102">
        <v>130</v>
      </c>
      <c r="BM13" s="102">
        <v>93</v>
      </c>
      <c r="BN13" s="102">
        <v>54</v>
      </c>
      <c r="BO13" s="103">
        <v>681</v>
      </c>
      <c r="BP13" s="104">
        <v>1042</v>
      </c>
      <c r="BQ13" s="101">
        <v>173</v>
      </c>
      <c r="BR13" s="102">
        <v>81</v>
      </c>
      <c r="BS13" s="103">
        <v>254</v>
      </c>
      <c r="BT13" s="413">
        <v>0</v>
      </c>
      <c r="BU13" s="102">
        <v>240</v>
      </c>
      <c r="BV13" s="102">
        <v>186</v>
      </c>
      <c r="BW13" s="102">
        <v>138</v>
      </c>
      <c r="BX13" s="102">
        <v>130</v>
      </c>
      <c r="BY13" s="102">
        <v>49</v>
      </c>
      <c r="BZ13" s="103">
        <v>743</v>
      </c>
      <c r="CA13" s="104">
        <v>997</v>
      </c>
      <c r="CB13" s="101">
        <v>4</v>
      </c>
      <c r="CC13" s="102">
        <v>13</v>
      </c>
      <c r="CD13" s="103">
        <v>17</v>
      </c>
      <c r="CE13" s="413">
        <v>0</v>
      </c>
      <c r="CF13" s="102">
        <v>32</v>
      </c>
      <c r="CG13" s="102">
        <v>29</v>
      </c>
      <c r="CH13" s="102">
        <v>12</v>
      </c>
      <c r="CI13" s="102">
        <v>14</v>
      </c>
      <c r="CJ13" s="102">
        <v>10</v>
      </c>
      <c r="CK13" s="103">
        <v>97</v>
      </c>
      <c r="CL13" s="104">
        <v>114</v>
      </c>
      <c r="CM13" s="101">
        <v>747</v>
      </c>
      <c r="CN13" s="102">
        <v>395</v>
      </c>
      <c r="CO13" s="103">
        <v>1142</v>
      </c>
      <c r="CP13" s="413">
        <v>0</v>
      </c>
      <c r="CQ13" s="102">
        <v>915</v>
      </c>
      <c r="CR13" s="102">
        <v>618</v>
      </c>
      <c r="CS13" s="102">
        <v>488</v>
      </c>
      <c r="CT13" s="102">
        <v>392</v>
      </c>
      <c r="CU13" s="102">
        <v>228</v>
      </c>
      <c r="CV13" s="103">
        <v>2641</v>
      </c>
      <c r="CW13" s="104">
        <v>3783</v>
      </c>
      <c r="CX13" s="105">
        <v>1480</v>
      </c>
      <c r="CY13" s="97">
        <v>1054</v>
      </c>
      <c r="CZ13" s="98">
        <v>2534</v>
      </c>
      <c r="DA13" s="413">
        <v>0</v>
      </c>
      <c r="DB13" s="97">
        <v>1742</v>
      </c>
      <c r="DC13" s="97">
        <v>1163</v>
      </c>
      <c r="DD13" s="97">
        <v>975</v>
      </c>
      <c r="DE13" s="97">
        <v>1024</v>
      </c>
      <c r="DF13" s="97">
        <v>785</v>
      </c>
      <c r="DG13" s="99">
        <v>5689</v>
      </c>
      <c r="DH13" s="100">
        <v>8223</v>
      </c>
      <c r="DI13" s="101">
        <v>32</v>
      </c>
      <c r="DJ13" s="102">
        <v>25</v>
      </c>
      <c r="DK13" s="103">
        <v>57</v>
      </c>
      <c r="DL13" s="413">
        <v>0</v>
      </c>
      <c r="DM13" s="102">
        <v>12</v>
      </c>
      <c r="DN13" s="102">
        <v>12</v>
      </c>
      <c r="DO13" s="102">
        <v>15</v>
      </c>
      <c r="DP13" s="102">
        <v>9</v>
      </c>
      <c r="DQ13" s="102">
        <v>12</v>
      </c>
      <c r="DR13" s="103">
        <v>60</v>
      </c>
      <c r="DS13" s="104">
        <v>117</v>
      </c>
      <c r="DT13" s="101">
        <v>59</v>
      </c>
      <c r="DU13" s="102">
        <v>50</v>
      </c>
      <c r="DV13" s="103">
        <v>109</v>
      </c>
      <c r="DW13" s="413">
        <v>0</v>
      </c>
      <c r="DX13" s="102">
        <v>61</v>
      </c>
      <c r="DY13" s="102">
        <v>28</v>
      </c>
      <c r="DZ13" s="102">
        <v>33</v>
      </c>
      <c r="EA13" s="102">
        <v>22</v>
      </c>
      <c r="EB13" s="102">
        <v>32</v>
      </c>
      <c r="EC13" s="103">
        <v>176</v>
      </c>
      <c r="ED13" s="104">
        <v>285</v>
      </c>
      <c r="EE13" s="101">
        <v>206</v>
      </c>
      <c r="EF13" s="102">
        <v>142</v>
      </c>
      <c r="EG13" s="103">
        <v>348</v>
      </c>
      <c r="EH13" s="413">
        <v>0</v>
      </c>
      <c r="EI13" s="102">
        <v>183</v>
      </c>
      <c r="EJ13" s="102">
        <v>101</v>
      </c>
      <c r="EK13" s="102">
        <v>67</v>
      </c>
      <c r="EL13" s="102">
        <v>56</v>
      </c>
      <c r="EM13" s="102">
        <v>67</v>
      </c>
      <c r="EN13" s="103">
        <v>474</v>
      </c>
      <c r="EO13" s="104">
        <v>822</v>
      </c>
      <c r="EP13" s="101">
        <v>421</v>
      </c>
      <c r="EQ13" s="102">
        <v>281</v>
      </c>
      <c r="ER13" s="103">
        <v>702</v>
      </c>
      <c r="ES13" s="413">
        <v>0</v>
      </c>
      <c r="ET13" s="102">
        <v>396</v>
      </c>
      <c r="EU13" s="102">
        <v>191</v>
      </c>
      <c r="EV13" s="102">
        <v>165</v>
      </c>
      <c r="EW13" s="102">
        <v>160</v>
      </c>
      <c r="EX13" s="102">
        <v>126</v>
      </c>
      <c r="EY13" s="103">
        <v>1038</v>
      </c>
      <c r="EZ13" s="104">
        <v>1740</v>
      </c>
      <c r="FA13" s="101">
        <v>462</v>
      </c>
      <c r="FB13" s="102">
        <v>308</v>
      </c>
      <c r="FC13" s="103">
        <v>770</v>
      </c>
      <c r="FD13" s="413">
        <v>0</v>
      </c>
      <c r="FE13" s="102">
        <v>513</v>
      </c>
      <c r="FF13" s="102">
        <v>325</v>
      </c>
      <c r="FG13" s="102">
        <v>249</v>
      </c>
      <c r="FH13" s="102">
        <v>257</v>
      </c>
      <c r="FI13" s="102">
        <v>174</v>
      </c>
      <c r="FJ13" s="103">
        <v>1518</v>
      </c>
      <c r="FK13" s="104">
        <v>2288</v>
      </c>
      <c r="FL13" s="101">
        <v>300</v>
      </c>
      <c r="FM13" s="102">
        <v>248</v>
      </c>
      <c r="FN13" s="103">
        <v>548</v>
      </c>
      <c r="FO13" s="413">
        <v>0</v>
      </c>
      <c r="FP13" s="102">
        <v>577</v>
      </c>
      <c r="FQ13" s="102">
        <v>506</v>
      </c>
      <c r="FR13" s="102">
        <v>446</v>
      </c>
      <c r="FS13" s="102">
        <v>520</v>
      </c>
      <c r="FT13" s="102">
        <v>374</v>
      </c>
      <c r="FU13" s="103">
        <v>2423</v>
      </c>
      <c r="FV13" s="104">
        <v>2971</v>
      </c>
      <c r="FW13" s="101">
        <v>6</v>
      </c>
      <c r="FX13" s="102">
        <v>18</v>
      </c>
      <c r="FY13" s="103">
        <v>24</v>
      </c>
      <c r="FZ13" s="413">
        <v>0</v>
      </c>
      <c r="GA13" s="102">
        <v>15</v>
      </c>
      <c r="GB13" s="102">
        <v>21</v>
      </c>
      <c r="GC13" s="102">
        <v>12</v>
      </c>
      <c r="GD13" s="102">
        <v>9</v>
      </c>
      <c r="GE13" s="102">
        <v>10</v>
      </c>
      <c r="GF13" s="103">
        <v>67</v>
      </c>
      <c r="GG13" s="104">
        <v>91</v>
      </c>
      <c r="GH13" s="101">
        <v>1486</v>
      </c>
      <c r="GI13" s="102">
        <v>1072</v>
      </c>
      <c r="GJ13" s="103">
        <v>2558</v>
      </c>
      <c r="GK13" s="413">
        <v>0</v>
      </c>
      <c r="GL13" s="102">
        <v>1757</v>
      </c>
      <c r="GM13" s="102">
        <v>1184</v>
      </c>
      <c r="GN13" s="102">
        <v>987</v>
      </c>
      <c r="GO13" s="102">
        <v>1033</v>
      </c>
      <c r="GP13" s="102">
        <v>795</v>
      </c>
      <c r="GQ13" s="103">
        <v>5756</v>
      </c>
      <c r="GR13" s="104">
        <v>8314</v>
      </c>
      <c r="GS13" s="105">
        <v>2223</v>
      </c>
      <c r="GT13" s="97">
        <v>1436</v>
      </c>
      <c r="GU13" s="98">
        <v>3659</v>
      </c>
      <c r="GV13" s="413">
        <v>0</v>
      </c>
      <c r="GW13" s="97">
        <v>2625</v>
      </c>
      <c r="GX13" s="97">
        <v>1752</v>
      </c>
      <c r="GY13" s="97">
        <v>1451</v>
      </c>
      <c r="GZ13" s="97">
        <v>1402</v>
      </c>
      <c r="HA13" s="97">
        <v>1003</v>
      </c>
      <c r="HB13" s="99">
        <v>8233</v>
      </c>
      <c r="HC13" s="100">
        <v>11892</v>
      </c>
      <c r="HD13" s="101">
        <v>50</v>
      </c>
      <c r="HE13" s="102">
        <v>40</v>
      </c>
      <c r="HF13" s="103">
        <v>90</v>
      </c>
      <c r="HG13" s="416">
        <v>0</v>
      </c>
      <c r="HH13" s="102">
        <v>33</v>
      </c>
      <c r="HI13" s="102">
        <v>37</v>
      </c>
      <c r="HJ13" s="102">
        <v>29</v>
      </c>
      <c r="HK13" s="102">
        <v>20</v>
      </c>
      <c r="HL13" s="102">
        <v>25</v>
      </c>
      <c r="HM13" s="103">
        <v>144</v>
      </c>
      <c r="HN13" s="104">
        <v>234</v>
      </c>
      <c r="HO13" s="101">
        <v>100</v>
      </c>
      <c r="HP13" s="102">
        <v>78</v>
      </c>
      <c r="HQ13" s="103">
        <v>178</v>
      </c>
      <c r="HR13" s="413">
        <v>0</v>
      </c>
      <c r="HS13" s="102">
        <v>115</v>
      </c>
      <c r="HT13" s="102">
        <v>67</v>
      </c>
      <c r="HU13" s="102">
        <v>64</v>
      </c>
      <c r="HV13" s="102">
        <v>48</v>
      </c>
      <c r="HW13" s="102">
        <v>52</v>
      </c>
      <c r="HX13" s="103">
        <v>346</v>
      </c>
      <c r="HY13" s="104">
        <v>524</v>
      </c>
      <c r="HZ13" s="101">
        <v>300</v>
      </c>
      <c r="IA13" s="102">
        <v>188</v>
      </c>
      <c r="IB13" s="103">
        <v>488</v>
      </c>
      <c r="IC13" s="413">
        <v>0</v>
      </c>
      <c r="ID13" s="102">
        <v>270</v>
      </c>
      <c r="IE13" s="102">
        <v>178</v>
      </c>
      <c r="IF13" s="102">
        <v>140</v>
      </c>
      <c r="IG13" s="102">
        <v>108</v>
      </c>
      <c r="IH13" s="102">
        <v>96</v>
      </c>
      <c r="II13" s="103">
        <v>792</v>
      </c>
      <c r="IJ13" s="104">
        <v>1280</v>
      </c>
      <c r="IK13" s="101">
        <v>593</v>
      </c>
      <c r="IL13" s="102">
        <v>377</v>
      </c>
      <c r="IM13" s="103">
        <v>970</v>
      </c>
      <c r="IN13" s="413">
        <v>0</v>
      </c>
      <c r="IO13" s="102">
        <v>616</v>
      </c>
      <c r="IP13" s="102">
        <v>310</v>
      </c>
      <c r="IQ13" s="102">
        <v>255</v>
      </c>
      <c r="IR13" s="102">
        <v>226</v>
      </c>
      <c r="IS13" s="102">
        <v>179</v>
      </c>
      <c r="IT13" s="103">
        <v>1586</v>
      </c>
      <c r="IU13" s="104">
        <v>2556</v>
      </c>
      <c r="IV13" s="101">
        <v>707</v>
      </c>
      <c r="IW13" s="102">
        <v>424</v>
      </c>
      <c r="IX13" s="103">
        <v>1131</v>
      </c>
      <c r="IY13" s="413">
        <v>0</v>
      </c>
      <c r="IZ13" s="102">
        <v>774</v>
      </c>
      <c r="JA13" s="102">
        <v>468</v>
      </c>
      <c r="JB13" s="102">
        <v>379</v>
      </c>
      <c r="JC13" s="102">
        <v>350</v>
      </c>
      <c r="JD13" s="102">
        <v>228</v>
      </c>
      <c r="JE13" s="103">
        <v>2199</v>
      </c>
      <c r="JF13" s="104">
        <v>3330</v>
      </c>
      <c r="JG13" s="101">
        <v>473</v>
      </c>
      <c r="JH13" s="102">
        <v>329</v>
      </c>
      <c r="JI13" s="103">
        <v>802</v>
      </c>
      <c r="JJ13" s="413">
        <v>0</v>
      </c>
      <c r="JK13" s="102">
        <v>817</v>
      </c>
      <c r="JL13" s="102">
        <v>692</v>
      </c>
      <c r="JM13" s="102">
        <v>584</v>
      </c>
      <c r="JN13" s="102">
        <v>650</v>
      </c>
      <c r="JO13" s="102">
        <v>423</v>
      </c>
      <c r="JP13" s="103">
        <v>3166</v>
      </c>
      <c r="JQ13" s="104">
        <v>3968</v>
      </c>
      <c r="JR13" s="101">
        <v>10</v>
      </c>
      <c r="JS13" s="102">
        <v>31</v>
      </c>
      <c r="JT13" s="103">
        <v>41</v>
      </c>
      <c r="JU13" s="413">
        <v>0</v>
      </c>
      <c r="JV13" s="102">
        <v>47</v>
      </c>
      <c r="JW13" s="102">
        <v>50</v>
      </c>
      <c r="JX13" s="102">
        <v>24</v>
      </c>
      <c r="JY13" s="102">
        <v>23</v>
      </c>
      <c r="JZ13" s="102">
        <v>20</v>
      </c>
      <c r="KA13" s="103">
        <v>164</v>
      </c>
      <c r="KB13" s="104">
        <v>205</v>
      </c>
      <c r="KC13" s="101">
        <v>2233</v>
      </c>
      <c r="KD13" s="102">
        <v>1467</v>
      </c>
      <c r="KE13" s="103">
        <v>3700</v>
      </c>
      <c r="KF13" s="413">
        <v>0</v>
      </c>
      <c r="KG13" s="102">
        <v>2672</v>
      </c>
      <c r="KH13" s="102">
        <v>1802</v>
      </c>
      <c r="KI13" s="102">
        <v>1475</v>
      </c>
      <c r="KJ13" s="102">
        <v>1425</v>
      </c>
      <c r="KK13" s="102">
        <v>1023</v>
      </c>
      <c r="KL13" s="103">
        <v>8397</v>
      </c>
      <c r="KM13" s="104">
        <v>12097</v>
      </c>
    </row>
    <row r="14" spans="2:299" s="70" customFormat="1" ht="21" customHeight="1" x14ac:dyDescent="0.2">
      <c r="B14" s="106" t="s">
        <v>10</v>
      </c>
      <c r="C14" s="96">
        <v>1570</v>
      </c>
      <c r="D14" s="97">
        <v>986</v>
      </c>
      <c r="E14" s="98">
        <v>2556</v>
      </c>
      <c r="F14" s="413">
        <v>0</v>
      </c>
      <c r="G14" s="97">
        <v>1787</v>
      </c>
      <c r="H14" s="97">
        <v>1013</v>
      </c>
      <c r="I14" s="97">
        <v>731</v>
      </c>
      <c r="J14" s="97">
        <v>650</v>
      </c>
      <c r="K14" s="97">
        <v>462</v>
      </c>
      <c r="L14" s="99">
        <v>4643</v>
      </c>
      <c r="M14" s="100">
        <v>7199</v>
      </c>
      <c r="N14" s="101">
        <v>59</v>
      </c>
      <c r="O14" s="102">
        <v>54</v>
      </c>
      <c r="P14" s="103">
        <v>113</v>
      </c>
      <c r="Q14" s="413">
        <v>0</v>
      </c>
      <c r="R14" s="102">
        <v>73</v>
      </c>
      <c r="S14" s="102">
        <v>53</v>
      </c>
      <c r="T14" s="102">
        <v>32</v>
      </c>
      <c r="U14" s="102">
        <v>45</v>
      </c>
      <c r="V14" s="102">
        <v>26</v>
      </c>
      <c r="W14" s="103">
        <v>229</v>
      </c>
      <c r="X14" s="104">
        <v>342</v>
      </c>
      <c r="Y14" s="101">
        <v>127</v>
      </c>
      <c r="Z14" s="102">
        <v>90</v>
      </c>
      <c r="AA14" s="103">
        <v>217</v>
      </c>
      <c r="AB14" s="413">
        <v>0</v>
      </c>
      <c r="AC14" s="102">
        <v>150</v>
      </c>
      <c r="AD14" s="102">
        <v>119</v>
      </c>
      <c r="AE14" s="102">
        <v>72</v>
      </c>
      <c r="AF14" s="102">
        <v>54</v>
      </c>
      <c r="AG14" s="102">
        <v>69</v>
      </c>
      <c r="AH14" s="103">
        <v>464</v>
      </c>
      <c r="AI14" s="104">
        <v>681</v>
      </c>
      <c r="AJ14" s="101">
        <v>236</v>
      </c>
      <c r="AK14" s="102">
        <v>171</v>
      </c>
      <c r="AL14" s="103">
        <v>407</v>
      </c>
      <c r="AM14" s="413">
        <v>0</v>
      </c>
      <c r="AN14" s="102">
        <v>295</v>
      </c>
      <c r="AO14" s="102">
        <v>154</v>
      </c>
      <c r="AP14" s="102">
        <v>108</v>
      </c>
      <c r="AQ14" s="102">
        <v>112</v>
      </c>
      <c r="AR14" s="102">
        <v>78</v>
      </c>
      <c r="AS14" s="103">
        <v>747</v>
      </c>
      <c r="AT14" s="104">
        <v>1154</v>
      </c>
      <c r="AU14" s="101">
        <v>395</v>
      </c>
      <c r="AV14" s="102">
        <v>238</v>
      </c>
      <c r="AW14" s="103">
        <v>633</v>
      </c>
      <c r="AX14" s="413">
        <v>0</v>
      </c>
      <c r="AY14" s="102">
        <v>462</v>
      </c>
      <c r="AZ14" s="102">
        <v>234</v>
      </c>
      <c r="BA14" s="102">
        <v>157</v>
      </c>
      <c r="BB14" s="102">
        <v>155</v>
      </c>
      <c r="BC14" s="102">
        <v>114</v>
      </c>
      <c r="BD14" s="103">
        <v>1122</v>
      </c>
      <c r="BE14" s="104">
        <v>1755</v>
      </c>
      <c r="BF14" s="101">
        <v>468</v>
      </c>
      <c r="BG14" s="102">
        <v>244</v>
      </c>
      <c r="BH14" s="103">
        <v>712</v>
      </c>
      <c r="BI14" s="413">
        <v>0</v>
      </c>
      <c r="BJ14" s="102">
        <v>475</v>
      </c>
      <c r="BK14" s="102">
        <v>251</v>
      </c>
      <c r="BL14" s="102">
        <v>179</v>
      </c>
      <c r="BM14" s="102">
        <v>139</v>
      </c>
      <c r="BN14" s="102">
        <v>89</v>
      </c>
      <c r="BO14" s="103">
        <v>1133</v>
      </c>
      <c r="BP14" s="104">
        <v>1845</v>
      </c>
      <c r="BQ14" s="101">
        <v>285</v>
      </c>
      <c r="BR14" s="102">
        <v>189</v>
      </c>
      <c r="BS14" s="103">
        <v>474</v>
      </c>
      <c r="BT14" s="413">
        <v>0</v>
      </c>
      <c r="BU14" s="102">
        <v>332</v>
      </c>
      <c r="BV14" s="102">
        <v>202</v>
      </c>
      <c r="BW14" s="102">
        <v>183</v>
      </c>
      <c r="BX14" s="102">
        <v>145</v>
      </c>
      <c r="BY14" s="102">
        <v>86</v>
      </c>
      <c r="BZ14" s="103">
        <v>948</v>
      </c>
      <c r="CA14" s="104">
        <v>1422</v>
      </c>
      <c r="CB14" s="101">
        <v>51</v>
      </c>
      <c r="CC14" s="102">
        <v>27</v>
      </c>
      <c r="CD14" s="103">
        <v>78</v>
      </c>
      <c r="CE14" s="413">
        <v>0</v>
      </c>
      <c r="CF14" s="102">
        <v>76</v>
      </c>
      <c r="CG14" s="102">
        <v>49</v>
      </c>
      <c r="CH14" s="102">
        <v>35</v>
      </c>
      <c r="CI14" s="102">
        <v>35</v>
      </c>
      <c r="CJ14" s="102">
        <v>35</v>
      </c>
      <c r="CK14" s="103">
        <v>230</v>
      </c>
      <c r="CL14" s="104">
        <v>308</v>
      </c>
      <c r="CM14" s="101">
        <v>1621</v>
      </c>
      <c r="CN14" s="102">
        <v>1013</v>
      </c>
      <c r="CO14" s="103">
        <v>2634</v>
      </c>
      <c r="CP14" s="413">
        <v>0</v>
      </c>
      <c r="CQ14" s="102">
        <v>1863</v>
      </c>
      <c r="CR14" s="102">
        <v>1062</v>
      </c>
      <c r="CS14" s="102">
        <v>766</v>
      </c>
      <c r="CT14" s="102">
        <v>685</v>
      </c>
      <c r="CU14" s="102">
        <v>497</v>
      </c>
      <c r="CV14" s="103">
        <v>4873</v>
      </c>
      <c r="CW14" s="104">
        <v>7507</v>
      </c>
      <c r="CX14" s="105">
        <v>3225</v>
      </c>
      <c r="CY14" s="97">
        <v>2277</v>
      </c>
      <c r="CZ14" s="98">
        <v>5502</v>
      </c>
      <c r="DA14" s="413">
        <v>0</v>
      </c>
      <c r="DB14" s="97">
        <v>3448</v>
      </c>
      <c r="DC14" s="97">
        <v>1835</v>
      </c>
      <c r="DD14" s="97">
        <v>1419</v>
      </c>
      <c r="DE14" s="97">
        <v>1603</v>
      </c>
      <c r="DF14" s="97">
        <v>1167</v>
      </c>
      <c r="DG14" s="99">
        <v>9472</v>
      </c>
      <c r="DH14" s="100">
        <v>14974</v>
      </c>
      <c r="DI14" s="101">
        <v>60</v>
      </c>
      <c r="DJ14" s="102">
        <v>52</v>
      </c>
      <c r="DK14" s="103">
        <v>112</v>
      </c>
      <c r="DL14" s="413">
        <v>0</v>
      </c>
      <c r="DM14" s="102">
        <v>63</v>
      </c>
      <c r="DN14" s="102">
        <v>26</v>
      </c>
      <c r="DO14" s="102">
        <v>20</v>
      </c>
      <c r="DP14" s="102">
        <v>23</v>
      </c>
      <c r="DQ14" s="102">
        <v>27</v>
      </c>
      <c r="DR14" s="103">
        <v>159</v>
      </c>
      <c r="DS14" s="104">
        <v>271</v>
      </c>
      <c r="DT14" s="101">
        <v>189</v>
      </c>
      <c r="DU14" s="102">
        <v>122</v>
      </c>
      <c r="DV14" s="103">
        <v>311</v>
      </c>
      <c r="DW14" s="413">
        <v>0</v>
      </c>
      <c r="DX14" s="102">
        <v>183</v>
      </c>
      <c r="DY14" s="102">
        <v>89</v>
      </c>
      <c r="DZ14" s="102">
        <v>57</v>
      </c>
      <c r="EA14" s="102">
        <v>49</v>
      </c>
      <c r="EB14" s="102">
        <v>48</v>
      </c>
      <c r="EC14" s="103">
        <v>426</v>
      </c>
      <c r="ED14" s="104">
        <v>737</v>
      </c>
      <c r="EE14" s="101">
        <v>465</v>
      </c>
      <c r="EF14" s="102">
        <v>278</v>
      </c>
      <c r="EG14" s="103">
        <v>743</v>
      </c>
      <c r="EH14" s="413">
        <v>0</v>
      </c>
      <c r="EI14" s="102">
        <v>376</v>
      </c>
      <c r="EJ14" s="102">
        <v>201</v>
      </c>
      <c r="EK14" s="102">
        <v>106</v>
      </c>
      <c r="EL14" s="102">
        <v>135</v>
      </c>
      <c r="EM14" s="102">
        <v>96</v>
      </c>
      <c r="EN14" s="103">
        <v>914</v>
      </c>
      <c r="EO14" s="104">
        <v>1657</v>
      </c>
      <c r="EP14" s="101">
        <v>982</v>
      </c>
      <c r="EQ14" s="102">
        <v>625</v>
      </c>
      <c r="ER14" s="103">
        <v>1607</v>
      </c>
      <c r="ES14" s="413">
        <v>0</v>
      </c>
      <c r="ET14" s="102">
        <v>814</v>
      </c>
      <c r="EU14" s="102">
        <v>361</v>
      </c>
      <c r="EV14" s="102">
        <v>250</v>
      </c>
      <c r="EW14" s="102">
        <v>243</v>
      </c>
      <c r="EX14" s="102">
        <v>230</v>
      </c>
      <c r="EY14" s="103">
        <v>1898</v>
      </c>
      <c r="EZ14" s="104">
        <v>3505</v>
      </c>
      <c r="FA14" s="101">
        <v>995</v>
      </c>
      <c r="FB14" s="102">
        <v>689</v>
      </c>
      <c r="FC14" s="103">
        <v>1684</v>
      </c>
      <c r="FD14" s="413">
        <v>0</v>
      </c>
      <c r="FE14" s="102">
        <v>1019</v>
      </c>
      <c r="FF14" s="102">
        <v>480</v>
      </c>
      <c r="FG14" s="102">
        <v>393</v>
      </c>
      <c r="FH14" s="102">
        <v>383</v>
      </c>
      <c r="FI14" s="102">
        <v>293</v>
      </c>
      <c r="FJ14" s="103">
        <v>2568</v>
      </c>
      <c r="FK14" s="104">
        <v>4252</v>
      </c>
      <c r="FL14" s="101">
        <v>534</v>
      </c>
      <c r="FM14" s="102">
        <v>511</v>
      </c>
      <c r="FN14" s="103">
        <v>1045</v>
      </c>
      <c r="FO14" s="413">
        <v>0</v>
      </c>
      <c r="FP14" s="102">
        <v>993</v>
      </c>
      <c r="FQ14" s="102">
        <v>678</v>
      </c>
      <c r="FR14" s="102">
        <v>593</v>
      </c>
      <c r="FS14" s="102">
        <v>770</v>
      </c>
      <c r="FT14" s="102">
        <v>473</v>
      </c>
      <c r="FU14" s="103">
        <v>3507</v>
      </c>
      <c r="FV14" s="104">
        <v>4552</v>
      </c>
      <c r="FW14" s="101">
        <v>27</v>
      </c>
      <c r="FX14" s="102">
        <v>48</v>
      </c>
      <c r="FY14" s="103">
        <v>75</v>
      </c>
      <c r="FZ14" s="413">
        <v>0</v>
      </c>
      <c r="GA14" s="102">
        <v>56</v>
      </c>
      <c r="GB14" s="102">
        <v>43</v>
      </c>
      <c r="GC14" s="102">
        <v>31</v>
      </c>
      <c r="GD14" s="102">
        <v>22</v>
      </c>
      <c r="GE14" s="102">
        <v>26</v>
      </c>
      <c r="GF14" s="103">
        <v>178</v>
      </c>
      <c r="GG14" s="104">
        <v>253</v>
      </c>
      <c r="GH14" s="101">
        <v>3252</v>
      </c>
      <c r="GI14" s="102">
        <v>2325</v>
      </c>
      <c r="GJ14" s="103">
        <v>5577</v>
      </c>
      <c r="GK14" s="413">
        <v>0</v>
      </c>
      <c r="GL14" s="102">
        <v>3504</v>
      </c>
      <c r="GM14" s="102">
        <v>1878</v>
      </c>
      <c r="GN14" s="102">
        <v>1450</v>
      </c>
      <c r="GO14" s="102">
        <v>1625</v>
      </c>
      <c r="GP14" s="102">
        <v>1193</v>
      </c>
      <c r="GQ14" s="103">
        <v>9650</v>
      </c>
      <c r="GR14" s="104">
        <v>15227</v>
      </c>
      <c r="GS14" s="105">
        <v>4795</v>
      </c>
      <c r="GT14" s="97">
        <v>3263</v>
      </c>
      <c r="GU14" s="98">
        <v>8058</v>
      </c>
      <c r="GV14" s="413">
        <v>0</v>
      </c>
      <c r="GW14" s="97">
        <v>5235</v>
      </c>
      <c r="GX14" s="97">
        <v>2848</v>
      </c>
      <c r="GY14" s="97">
        <v>2150</v>
      </c>
      <c r="GZ14" s="97">
        <v>2253</v>
      </c>
      <c r="HA14" s="97">
        <v>1629</v>
      </c>
      <c r="HB14" s="99">
        <v>14115</v>
      </c>
      <c r="HC14" s="100">
        <v>22173</v>
      </c>
      <c r="HD14" s="101">
        <v>119</v>
      </c>
      <c r="HE14" s="102">
        <v>106</v>
      </c>
      <c r="HF14" s="103">
        <v>225</v>
      </c>
      <c r="HG14" s="416">
        <v>0</v>
      </c>
      <c r="HH14" s="102">
        <v>136</v>
      </c>
      <c r="HI14" s="102">
        <v>79</v>
      </c>
      <c r="HJ14" s="102">
        <v>52</v>
      </c>
      <c r="HK14" s="102">
        <v>68</v>
      </c>
      <c r="HL14" s="102">
        <v>53</v>
      </c>
      <c r="HM14" s="103">
        <v>388</v>
      </c>
      <c r="HN14" s="104">
        <v>613</v>
      </c>
      <c r="HO14" s="101">
        <v>316</v>
      </c>
      <c r="HP14" s="102">
        <v>212</v>
      </c>
      <c r="HQ14" s="103">
        <v>528</v>
      </c>
      <c r="HR14" s="413">
        <v>0</v>
      </c>
      <c r="HS14" s="102">
        <v>333</v>
      </c>
      <c r="HT14" s="102">
        <v>208</v>
      </c>
      <c r="HU14" s="102">
        <v>129</v>
      </c>
      <c r="HV14" s="102">
        <v>103</v>
      </c>
      <c r="HW14" s="102">
        <v>117</v>
      </c>
      <c r="HX14" s="103">
        <v>890</v>
      </c>
      <c r="HY14" s="104">
        <v>1418</v>
      </c>
      <c r="HZ14" s="101">
        <v>701</v>
      </c>
      <c r="IA14" s="102">
        <v>449</v>
      </c>
      <c r="IB14" s="103">
        <v>1150</v>
      </c>
      <c r="IC14" s="413">
        <v>0</v>
      </c>
      <c r="ID14" s="102">
        <v>671</v>
      </c>
      <c r="IE14" s="102">
        <v>355</v>
      </c>
      <c r="IF14" s="102">
        <v>214</v>
      </c>
      <c r="IG14" s="102">
        <v>247</v>
      </c>
      <c r="IH14" s="102">
        <v>174</v>
      </c>
      <c r="II14" s="103">
        <v>1661</v>
      </c>
      <c r="IJ14" s="104">
        <v>2811</v>
      </c>
      <c r="IK14" s="101">
        <v>1377</v>
      </c>
      <c r="IL14" s="102">
        <v>863</v>
      </c>
      <c r="IM14" s="103">
        <v>2240</v>
      </c>
      <c r="IN14" s="413">
        <v>0</v>
      </c>
      <c r="IO14" s="102">
        <v>1276</v>
      </c>
      <c r="IP14" s="102">
        <v>595</v>
      </c>
      <c r="IQ14" s="102">
        <v>407</v>
      </c>
      <c r="IR14" s="102">
        <v>398</v>
      </c>
      <c r="IS14" s="102">
        <v>344</v>
      </c>
      <c r="IT14" s="103">
        <v>3020</v>
      </c>
      <c r="IU14" s="104">
        <v>5260</v>
      </c>
      <c r="IV14" s="101">
        <v>1463</v>
      </c>
      <c r="IW14" s="102">
        <v>933</v>
      </c>
      <c r="IX14" s="103">
        <v>2396</v>
      </c>
      <c r="IY14" s="413">
        <v>0</v>
      </c>
      <c r="IZ14" s="102">
        <v>1494</v>
      </c>
      <c r="JA14" s="102">
        <v>731</v>
      </c>
      <c r="JB14" s="102">
        <v>572</v>
      </c>
      <c r="JC14" s="102">
        <v>522</v>
      </c>
      <c r="JD14" s="102">
        <v>382</v>
      </c>
      <c r="JE14" s="103">
        <v>3701</v>
      </c>
      <c r="JF14" s="104">
        <v>6097</v>
      </c>
      <c r="JG14" s="101">
        <v>819</v>
      </c>
      <c r="JH14" s="102">
        <v>700</v>
      </c>
      <c r="JI14" s="103">
        <v>1519</v>
      </c>
      <c r="JJ14" s="413">
        <v>0</v>
      </c>
      <c r="JK14" s="102">
        <v>1325</v>
      </c>
      <c r="JL14" s="102">
        <v>880</v>
      </c>
      <c r="JM14" s="102">
        <v>776</v>
      </c>
      <c r="JN14" s="102">
        <v>915</v>
      </c>
      <c r="JO14" s="102">
        <v>559</v>
      </c>
      <c r="JP14" s="103">
        <v>4455</v>
      </c>
      <c r="JQ14" s="104">
        <v>5974</v>
      </c>
      <c r="JR14" s="101">
        <v>78</v>
      </c>
      <c r="JS14" s="102">
        <v>75</v>
      </c>
      <c r="JT14" s="103">
        <v>153</v>
      </c>
      <c r="JU14" s="413">
        <v>0</v>
      </c>
      <c r="JV14" s="102">
        <v>132</v>
      </c>
      <c r="JW14" s="102">
        <v>92</v>
      </c>
      <c r="JX14" s="102">
        <v>66</v>
      </c>
      <c r="JY14" s="102">
        <v>57</v>
      </c>
      <c r="JZ14" s="102">
        <v>61</v>
      </c>
      <c r="KA14" s="103">
        <v>408</v>
      </c>
      <c r="KB14" s="104">
        <v>561</v>
      </c>
      <c r="KC14" s="101">
        <v>4873</v>
      </c>
      <c r="KD14" s="102">
        <v>3338</v>
      </c>
      <c r="KE14" s="103">
        <v>8211</v>
      </c>
      <c r="KF14" s="413">
        <v>0</v>
      </c>
      <c r="KG14" s="102">
        <v>5367</v>
      </c>
      <c r="KH14" s="102">
        <v>2940</v>
      </c>
      <c r="KI14" s="102">
        <v>2216</v>
      </c>
      <c r="KJ14" s="102">
        <v>2310</v>
      </c>
      <c r="KK14" s="102">
        <v>1690</v>
      </c>
      <c r="KL14" s="103">
        <v>14523</v>
      </c>
      <c r="KM14" s="104">
        <v>22734</v>
      </c>
    </row>
    <row r="15" spans="2:299" s="70" customFormat="1" ht="21" customHeight="1" x14ac:dyDescent="0.2">
      <c r="B15" s="106" t="s">
        <v>11</v>
      </c>
      <c r="C15" s="96">
        <v>452</v>
      </c>
      <c r="D15" s="97">
        <v>355</v>
      </c>
      <c r="E15" s="98">
        <v>807</v>
      </c>
      <c r="F15" s="413">
        <v>0</v>
      </c>
      <c r="G15" s="97">
        <v>896</v>
      </c>
      <c r="H15" s="97">
        <v>584</v>
      </c>
      <c r="I15" s="97">
        <v>471</v>
      </c>
      <c r="J15" s="97">
        <v>440</v>
      </c>
      <c r="K15" s="97">
        <v>251</v>
      </c>
      <c r="L15" s="99">
        <v>2642</v>
      </c>
      <c r="M15" s="100">
        <v>3449</v>
      </c>
      <c r="N15" s="101">
        <v>16</v>
      </c>
      <c r="O15" s="102">
        <v>14</v>
      </c>
      <c r="P15" s="103">
        <v>30</v>
      </c>
      <c r="Q15" s="413">
        <v>0</v>
      </c>
      <c r="R15" s="102">
        <v>52</v>
      </c>
      <c r="S15" s="102">
        <v>22</v>
      </c>
      <c r="T15" s="102">
        <v>24</v>
      </c>
      <c r="U15" s="102">
        <v>15</v>
      </c>
      <c r="V15" s="102">
        <v>10</v>
      </c>
      <c r="W15" s="103">
        <v>123</v>
      </c>
      <c r="X15" s="104">
        <v>153</v>
      </c>
      <c r="Y15" s="101">
        <v>41</v>
      </c>
      <c r="Z15" s="102">
        <v>40</v>
      </c>
      <c r="AA15" s="103">
        <v>81</v>
      </c>
      <c r="AB15" s="413">
        <v>0</v>
      </c>
      <c r="AC15" s="102">
        <v>98</v>
      </c>
      <c r="AD15" s="102">
        <v>53</v>
      </c>
      <c r="AE15" s="102">
        <v>50</v>
      </c>
      <c r="AF15" s="102">
        <v>44</v>
      </c>
      <c r="AG15" s="102">
        <v>28</v>
      </c>
      <c r="AH15" s="103">
        <v>273</v>
      </c>
      <c r="AI15" s="104">
        <v>354</v>
      </c>
      <c r="AJ15" s="101">
        <v>61</v>
      </c>
      <c r="AK15" s="102">
        <v>66</v>
      </c>
      <c r="AL15" s="103">
        <v>127</v>
      </c>
      <c r="AM15" s="413">
        <v>0</v>
      </c>
      <c r="AN15" s="102">
        <v>132</v>
      </c>
      <c r="AO15" s="102">
        <v>102</v>
      </c>
      <c r="AP15" s="102">
        <v>87</v>
      </c>
      <c r="AQ15" s="102">
        <v>71</v>
      </c>
      <c r="AR15" s="102">
        <v>42</v>
      </c>
      <c r="AS15" s="103">
        <v>434</v>
      </c>
      <c r="AT15" s="104">
        <v>561</v>
      </c>
      <c r="AU15" s="101">
        <v>114</v>
      </c>
      <c r="AV15" s="102">
        <v>92</v>
      </c>
      <c r="AW15" s="103">
        <v>206</v>
      </c>
      <c r="AX15" s="413">
        <v>0</v>
      </c>
      <c r="AY15" s="102">
        <v>223</v>
      </c>
      <c r="AZ15" s="102">
        <v>144</v>
      </c>
      <c r="BA15" s="102">
        <v>113</v>
      </c>
      <c r="BB15" s="102">
        <v>106</v>
      </c>
      <c r="BC15" s="102">
        <v>66</v>
      </c>
      <c r="BD15" s="103">
        <v>652</v>
      </c>
      <c r="BE15" s="104">
        <v>858</v>
      </c>
      <c r="BF15" s="101">
        <v>136</v>
      </c>
      <c r="BG15" s="102">
        <v>76</v>
      </c>
      <c r="BH15" s="103">
        <v>212</v>
      </c>
      <c r="BI15" s="413">
        <v>0</v>
      </c>
      <c r="BJ15" s="102">
        <v>205</v>
      </c>
      <c r="BK15" s="102">
        <v>148</v>
      </c>
      <c r="BL15" s="102">
        <v>113</v>
      </c>
      <c r="BM15" s="102">
        <v>106</v>
      </c>
      <c r="BN15" s="102">
        <v>49</v>
      </c>
      <c r="BO15" s="103">
        <v>621</v>
      </c>
      <c r="BP15" s="104">
        <v>833</v>
      </c>
      <c r="BQ15" s="101">
        <v>84</v>
      </c>
      <c r="BR15" s="102">
        <v>67</v>
      </c>
      <c r="BS15" s="103">
        <v>151</v>
      </c>
      <c r="BT15" s="413">
        <v>0</v>
      </c>
      <c r="BU15" s="102">
        <v>186</v>
      </c>
      <c r="BV15" s="102">
        <v>115</v>
      </c>
      <c r="BW15" s="102">
        <v>84</v>
      </c>
      <c r="BX15" s="102">
        <v>98</v>
      </c>
      <c r="BY15" s="102">
        <v>56</v>
      </c>
      <c r="BZ15" s="103">
        <v>539</v>
      </c>
      <c r="CA15" s="104">
        <v>690</v>
      </c>
      <c r="CB15" s="101">
        <v>6</v>
      </c>
      <c r="CC15" s="102">
        <v>15</v>
      </c>
      <c r="CD15" s="103">
        <v>21</v>
      </c>
      <c r="CE15" s="413">
        <v>0</v>
      </c>
      <c r="CF15" s="102">
        <v>23</v>
      </c>
      <c r="CG15" s="102">
        <v>14</v>
      </c>
      <c r="CH15" s="102">
        <v>15</v>
      </c>
      <c r="CI15" s="102">
        <v>23</v>
      </c>
      <c r="CJ15" s="102">
        <v>15</v>
      </c>
      <c r="CK15" s="103">
        <v>90</v>
      </c>
      <c r="CL15" s="104">
        <v>111</v>
      </c>
      <c r="CM15" s="101">
        <v>458</v>
      </c>
      <c r="CN15" s="102">
        <v>370</v>
      </c>
      <c r="CO15" s="103">
        <v>828</v>
      </c>
      <c r="CP15" s="413">
        <v>0</v>
      </c>
      <c r="CQ15" s="102">
        <v>919</v>
      </c>
      <c r="CR15" s="102">
        <v>598</v>
      </c>
      <c r="CS15" s="102">
        <v>486</v>
      </c>
      <c r="CT15" s="102">
        <v>463</v>
      </c>
      <c r="CU15" s="102">
        <v>266</v>
      </c>
      <c r="CV15" s="103">
        <v>2732</v>
      </c>
      <c r="CW15" s="104">
        <v>3560</v>
      </c>
      <c r="CX15" s="105">
        <v>927</v>
      </c>
      <c r="CY15" s="97">
        <v>840</v>
      </c>
      <c r="CZ15" s="98">
        <v>1767</v>
      </c>
      <c r="DA15" s="413">
        <v>0</v>
      </c>
      <c r="DB15" s="97">
        <v>1687</v>
      </c>
      <c r="DC15" s="97">
        <v>1095</v>
      </c>
      <c r="DD15" s="97">
        <v>941</v>
      </c>
      <c r="DE15" s="97">
        <v>994</v>
      </c>
      <c r="DF15" s="97">
        <v>594</v>
      </c>
      <c r="DG15" s="99">
        <v>5311</v>
      </c>
      <c r="DH15" s="100">
        <v>7078</v>
      </c>
      <c r="DI15" s="101">
        <v>21</v>
      </c>
      <c r="DJ15" s="102">
        <v>19</v>
      </c>
      <c r="DK15" s="103">
        <v>40</v>
      </c>
      <c r="DL15" s="413">
        <v>0</v>
      </c>
      <c r="DM15" s="102">
        <v>46</v>
      </c>
      <c r="DN15" s="102">
        <v>15</v>
      </c>
      <c r="DO15" s="102">
        <v>15</v>
      </c>
      <c r="DP15" s="102">
        <v>17</v>
      </c>
      <c r="DQ15" s="102">
        <v>19</v>
      </c>
      <c r="DR15" s="103">
        <v>112</v>
      </c>
      <c r="DS15" s="104">
        <v>152</v>
      </c>
      <c r="DT15" s="101">
        <v>49</v>
      </c>
      <c r="DU15" s="102">
        <v>67</v>
      </c>
      <c r="DV15" s="103">
        <v>116</v>
      </c>
      <c r="DW15" s="413">
        <v>0</v>
      </c>
      <c r="DX15" s="102">
        <v>88</v>
      </c>
      <c r="DY15" s="102">
        <v>51</v>
      </c>
      <c r="DZ15" s="102">
        <v>48</v>
      </c>
      <c r="EA15" s="102">
        <v>44</v>
      </c>
      <c r="EB15" s="102">
        <v>23</v>
      </c>
      <c r="EC15" s="103">
        <v>254</v>
      </c>
      <c r="ED15" s="104">
        <v>370</v>
      </c>
      <c r="EE15" s="101">
        <v>136</v>
      </c>
      <c r="EF15" s="102">
        <v>111</v>
      </c>
      <c r="EG15" s="103">
        <v>247</v>
      </c>
      <c r="EH15" s="413">
        <v>0</v>
      </c>
      <c r="EI15" s="102">
        <v>157</v>
      </c>
      <c r="EJ15" s="102">
        <v>108</v>
      </c>
      <c r="EK15" s="102">
        <v>77</v>
      </c>
      <c r="EL15" s="102">
        <v>80</v>
      </c>
      <c r="EM15" s="102">
        <v>59</v>
      </c>
      <c r="EN15" s="103">
        <v>481</v>
      </c>
      <c r="EO15" s="104">
        <v>728</v>
      </c>
      <c r="EP15" s="101">
        <v>263</v>
      </c>
      <c r="EQ15" s="102">
        <v>225</v>
      </c>
      <c r="ER15" s="103">
        <v>488</v>
      </c>
      <c r="ES15" s="413">
        <v>0</v>
      </c>
      <c r="ET15" s="102">
        <v>412</v>
      </c>
      <c r="EU15" s="102">
        <v>239</v>
      </c>
      <c r="EV15" s="102">
        <v>175</v>
      </c>
      <c r="EW15" s="102">
        <v>170</v>
      </c>
      <c r="EX15" s="102">
        <v>115</v>
      </c>
      <c r="EY15" s="103">
        <v>1111</v>
      </c>
      <c r="EZ15" s="104">
        <v>1599</v>
      </c>
      <c r="FA15" s="101">
        <v>296</v>
      </c>
      <c r="FB15" s="102">
        <v>235</v>
      </c>
      <c r="FC15" s="103">
        <v>531</v>
      </c>
      <c r="FD15" s="413">
        <v>0</v>
      </c>
      <c r="FE15" s="102">
        <v>503</v>
      </c>
      <c r="FF15" s="102">
        <v>308</v>
      </c>
      <c r="FG15" s="102">
        <v>234</v>
      </c>
      <c r="FH15" s="102">
        <v>218</v>
      </c>
      <c r="FI15" s="102">
        <v>143</v>
      </c>
      <c r="FJ15" s="103">
        <v>1406</v>
      </c>
      <c r="FK15" s="104">
        <v>1937</v>
      </c>
      <c r="FL15" s="101">
        <v>162</v>
      </c>
      <c r="FM15" s="102">
        <v>183</v>
      </c>
      <c r="FN15" s="103">
        <v>345</v>
      </c>
      <c r="FO15" s="413">
        <v>0</v>
      </c>
      <c r="FP15" s="102">
        <v>481</v>
      </c>
      <c r="FQ15" s="102">
        <v>374</v>
      </c>
      <c r="FR15" s="102">
        <v>392</v>
      </c>
      <c r="FS15" s="102">
        <v>465</v>
      </c>
      <c r="FT15" s="102">
        <v>235</v>
      </c>
      <c r="FU15" s="103">
        <v>1947</v>
      </c>
      <c r="FV15" s="104">
        <v>2292</v>
      </c>
      <c r="FW15" s="101">
        <v>17</v>
      </c>
      <c r="FX15" s="102">
        <v>8</v>
      </c>
      <c r="FY15" s="103">
        <v>25</v>
      </c>
      <c r="FZ15" s="413">
        <v>0</v>
      </c>
      <c r="GA15" s="102">
        <v>26</v>
      </c>
      <c r="GB15" s="102">
        <v>15</v>
      </c>
      <c r="GC15" s="102">
        <v>21</v>
      </c>
      <c r="GD15" s="102">
        <v>12</v>
      </c>
      <c r="GE15" s="102">
        <v>10</v>
      </c>
      <c r="GF15" s="103">
        <v>84</v>
      </c>
      <c r="GG15" s="104">
        <v>109</v>
      </c>
      <c r="GH15" s="101">
        <v>944</v>
      </c>
      <c r="GI15" s="102">
        <v>848</v>
      </c>
      <c r="GJ15" s="103">
        <v>1792</v>
      </c>
      <c r="GK15" s="413">
        <v>0</v>
      </c>
      <c r="GL15" s="102">
        <v>1713</v>
      </c>
      <c r="GM15" s="102">
        <v>1110</v>
      </c>
      <c r="GN15" s="102">
        <v>962</v>
      </c>
      <c r="GO15" s="102">
        <v>1006</v>
      </c>
      <c r="GP15" s="102">
        <v>604</v>
      </c>
      <c r="GQ15" s="103">
        <v>5395</v>
      </c>
      <c r="GR15" s="104">
        <v>7187</v>
      </c>
      <c r="GS15" s="105">
        <v>1379</v>
      </c>
      <c r="GT15" s="97">
        <v>1195</v>
      </c>
      <c r="GU15" s="98">
        <v>2574</v>
      </c>
      <c r="GV15" s="413">
        <v>0</v>
      </c>
      <c r="GW15" s="97">
        <v>2583</v>
      </c>
      <c r="GX15" s="97">
        <v>1679</v>
      </c>
      <c r="GY15" s="97">
        <v>1412</v>
      </c>
      <c r="GZ15" s="97">
        <v>1434</v>
      </c>
      <c r="HA15" s="97">
        <v>845</v>
      </c>
      <c r="HB15" s="99">
        <v>7953</v>
      </c>
      <c r="HC15" s="100">
        <v>10527</v>
      </c>
      <c r="HD15" s="101">
        <v>37</v>
      </c>
      <c r="HE15" s="102">
        <v>33</v>
      </c>
      <c r="HF15" s="103">
        <v>70</v>
      </c>
      <c r="HG15" s="416">
        <v>0</v>
      </c>
      <c r="HH15" s="102">
        <v>98</v>
      </c>
      <c r="HI15" s="102">
        <v>37</v>
      </c>
      <c r="HJ15" s="102">
        <v>39</v>
      </c>
      <c r="HK15" s="102">
        <v>32</v>
      </c>
      <c r="HL15" s="102">
        <v>29</v>
      </c>
      <c r="HM15" s="103">
        <v>235</v>
      </c>
      <c r="HN15" s="104">
        <v>305</v>
      </c>
      <c r="HO15" s="101">
        <v>90</v>
      </c>
      <c r="HP15" s="102">
        <v>107</v>
      </c>
      <c r="HQ15" s="103">
        <v>197</v>
      </c>
      <c r="HR15" s="413">
        <v>0</v>
      </c>
      <c r="HS15" s="102">
        <v>186</v>
      </c>
      <c r="HT15" s="102">
        <v>104</v>
      </c>
      <c r="HU15" s="102">
        <v>98</v>
      </c>
      <c r="HV15" s="102">
        <v>88</v>
      </c>
      <c r="HW15" s="102">
        <v>51</v>
      </c>
      <c r="HX15" s="103">
        <v>527</v>
      </c>
      <c r="HY15" s="104">
        <v>724</v>
      </c>
      <c r="HZ15" s="101">
        <v>197</v>
      </c>
      <c r="IA15" s="102">
        <v>177</v>
      </c>
      <c r="IB15" s="103">
        <v>374</v>
      </c>
      <c r="IC15" s="413">
        <v>0</v>
      </c>
      <c r="ID15" s="102">
        <v>289</v>
      </c>
      <c r="IE15" s="102">
        <v>210</v>
      </c>
      <c r="IF15" s="102">
        <v>164</v>
      </c>
      <c r="IG15" s="102">
        <v>151</v>
      </c>
      <c r="IH15" s="102">
        <v>101</v>
      </c>
      <c r="II15" s="103">
        <v>915</v>
      </c>
      <c r="IJ15" s="104">
        <v>1289</v>
      </c>
      <c r="IK15" s="101">
        <v>377</v>
      </c>
      <c r="IL15" s="102">
        <v>317</v>
      </c>
      <c r="IM15" s="103">
        <v>694</v>
      </c>
      <c r="IN15" s="413">
        <v>0</v>
      </c>
      <c r="IO15" s="102">
        <v>635</v>
      </c>
      <c r="IP15" s="102">
        <v>383</v>
      </c>
      <c r="IQ15" s="102">
        <v>288</v>
      </c>
      <c r="IR15" s="102">
        <v>276</v>
      </c>
      <c r="IS15" s="102">
        <v>181</v>
      </c>
      <c r="IT15" s="103">
        <v>1763</v>
      </c>
      <c r="IU15" s="104">
        <v>2457</v>
      </c>
      <c r="IV15" s="101">
        <v>432</v>
      </c>
      <c r="IW15" s="102">
        <v>311</v>
      </c>
      <c r="IX15" s="103">
        <v>743</v>
      </c>
      <c r="IY15" s="413">
        <v>0</v>
      </c>
      <c r="IZ15" s="102">
        <v>708</v>
      </c>
      <c r="JA15" s="102">
        <v>456</v>
      </c>
      <c r="JB15" s="102">
        <v>347</v>
      </c>
      <c r="JC15" s="102">
        <v>324</v>
      </c>
      <c r="JD15" s="102">
        <v>192</v>
      </c>
      <c r="JE15" s="103">
        <v>2027</v>
      </c>
      <c r="JF15" s="104">
        <v>2770</v>
      </c>
      <c r="JG15" s="101">
        <v>246</v>
      </c>
      <c r="JH15" s="102">
        <v>250</v>
      </c>
      <c r="JI15" s="103">
        <v>496</v>
      </c>
      <c r="JJ15" s="413">
        <v>0</v>
      </c>
      <c r="JK15" s="102">
        <v>667</v>
      </c>
      <c r="JL15" s="102">
        <v>489</v>
      </c>
      <c r="JM15" s="102">
        <v>476</v>
      </c>
      <c r="JN15" s="102">
        <v>563</v>
      </c>
      <c r="JO15" s="102">
        <v>291</v>
      </c>
      <c r="JP15" s="103">
        <v>2486</v>
      </c>
      <c r="JQ15" s="104">
        <v>2982</v>
      </c>
      <c r="JR15" s="101">
        <v>23</v>
      </c>
      <c r="JS15" s="102">
        <v>23</v>
      </c>
      <c r="JT15" s="103">
        <v>46</v>
      </c>
      <c r="JU15" s="413">
        <v>0</v>
      </c>
      <c r="JV15" s="102">
        <v>49</v>
      </c>
      <c r="JW15" s="102">
        <v>29</v>
      </c>
      <c r="JX15" s="102">
        <v>36</v>
      </c>
      <c r="JY15" s="102">
        <v>35</v>
      </c>
      <c r="JZ15" s="102">
        <v>25</v>
      </c>
      <c r="KA15" s="103">
        <v>174</v>
      </c>
      <c r="KB15" s="104">
        <v>220</v>
      </c>
      <c r="KC15" s="101">
        <v>1402</v>
      </c>
      <c r="KD15" s="102">
        <v>1218</v>
      </c>
      <c r="KE15" s="103">
        <v>2620</v>
      </c>
      <c r="KF15" s="413">
        <v>0</v>
      </c>
      <c r="KG15" s="102">
        <v>2632</v>
      </c>
      <c r="KH15" s="102">
        <v>1708</v>
      </c>
      <c r="KI15" s="102">
        <v>1448</v>
      </c>
      <c r="KJ15" s="102">
        <v>1469</v>
      </c>
      <c r="KK15" s="102">
        <v>870</v>
      </c>
      <c r="KL15" s="103">
        <v>8127</v>
      </c>
      <c r="KM15" s="104">
        <v>10747</v>
      </c>
    </row>
    <row r="16" spans="2:299" s="70" customFormat="1" ht="21" customHeight="1" x14ac:dyDescent="0.2">
      <c r="B16" s="106" t="s">
        <v>12</v>
      </c>
      <c r="C16" s="96">
        <v>731</v>
      </c>
      <c r="D16" s="97">
        <v>689</v>
      </c>
      <c r="E16" s="98">
        <v>1420</v>
      </c>
      <c r="F16" s="413">
        <v>0</v>
      </c>
      <c r="G16" s="97">
        <v>717</v>
      </c>
      <c r="H16" s="97">
        <v>720</v>
      </c>
      <c r="I16" s="97">
        <v>479</v>
      </c>
      <c r="J16" s="97">
        <v>451</v>
      </c>
      <c r="K16" s="97">
        <v>201</v>
      </c>
      <c r="L16" s="99">
        <v>2568</v>
      </c>
      <c r="M16" s="100">
        <v>3988</v>
      </c>
      <c r="N16" s="107">
        <v>26</v>
      </c>
      <c r="O16" s="102">
        <v>22</v>
      </c>
      <c r="P16" s="103">
        <v>48</v>
      </c>
      <c r="Q16" s="413">
        <v>0</v>
      </c>
      <c r="R16" s="102">
        <v>15</v>
      </c>
      <c r="S16" s="102">
        <v>32</v>
      </c>
      <c r="T16" s="102">
        <v>14</v>
      </c>
      <c r="U16" s="102">
        <v>16</v>
      </c>
      <c r="V16" s="102">
        <v>7</v>
      </c>
      <c r="W16" s="103">
        <v>84</v>
      </c>
      <c r="X16" s="104">
        <v>132</v>
      </c>
      <c r="Y16" s="101">
        <v>57</v>
      </c>
      <c r="Z16" s="102">
        <v>60</v>
      </c>
      <c r="AA16" s="103">
        <v>117</v>
      </c>
      <c r="AB16" s="413">
        <v>0</v>
      </c>
      <c r="AC16" s="102">
        <v>47</v>
      </c>
      <c r="AD16" s="102">
        <v>49</v>
      </c>
      <c r="AE16" s="102">
        <v>44</v>
      </c>
      <c r="AF16" s="102">
        <v>51</v>
      </c>
      <c r="AG16" s="102">
        <v>15</v>
      </c>
      <c r="AH16" s="103">
        <v>206</v>
      </c>
      <c r="AI16" s="104">
        <v>323</v>
      </c>
      <c r="AJ16" s="107">
        <v>92</v>
      </c>
      <c r="AK16" s="102">
        <v>108</v>
      </c>
      <c r="AL16" s="103">
        <v>200</v>
      </c>
      <c r="AM16" s="413">
        <v>0</v>
      </c>
      <c r="AN16" s="102">
        <v>100</v>
      </c>
      <c r="AO16" s="102">
        <v>112</v>
      </c>
      <c r="AP16" s="102">
        <v>73</v>
      </c>
      <c r="AQ16" s="102">
        <v>71</v>
      </c>
      <c r="AR16" s="102">
        <v>33</v>
      </c>
      <c r="AS16" s="103">
        <v>389</v>
      </c>
      <c r="AT16" s="104">
        <v>589</v>
      </c>
      <c r="AU16" s="101">
        <v>193</v>
      </c>
      <c r="AV16" s="102">
        <v>175</v>
      </c>
      <c r="AW16" s="103">
        <v>368</v>
      </c>
      <c r="AX16" s="413">
        <v>0</v>
      </c>
      <c r="AY16" s="102">
        <v>183</v>
      </c>
      <c r="AZ16" s="102">
        <v>181</v>
      </c>
      <c r="BA16" s="102">
        <v>115</v>
      </c>
      <c r="BB16" s="102">
        <v>88</v>
      </c>
      <c r="BC16" s="102">
        <v>55</v>
      </c>
      <c r="BD16" s="103">
        <v>622</v>
      </c>
      <c r="BE16" s="104">
        <v>990</v>
      </c>
      <c r="BF16" s="107">
        <v>232</v>
      </c>
      <c r="BG16" s="102">
        <v>189</v>
      </c>
      <c r="BH16" s="103">
        <v>421</v>
      </c>
      <c r="BI16" s="413">
        <v>0</v>
      </c>
      <c r="BJ16" s="102">
        <v>210</v>
      </c>
      <c r="BK16" s="102">
        <v>184</v>
      </c>
      <c r="BL16" s="102">
        <v>125</v>
      </c>
      <c r="BM16" s="102">
        <v>119</v>
      </c>
      <c r="BN16" s="102">
        <v>52</v>
      </c>
      <c r="BO16" s="103">
        <v>690</v>
      </c>
      <c r="BP16" s="104">
        <v>1111</v>
      </c>
      <c r="BQ16" s="101">
        <v>131</v>
      </c>
      <c r="BR16" s="102">
        <v>135</v>
      </c>
      <c r="BS16" s="103">
        <v>266</v>
      </c>
      <c r="BT16" s="413">
        <v>0</v>
      </c>
      <c r="BU16" s="102">
        <v>162</v>
      </c>
      <c r="BV16" s="102">
        <v>162</v>
      </c>
      <c r="BW16" s="102">
        <v>108</v>
      </c>
      <c r="BX16" s="102">
        <v>106</v>
      </c>
      <c r="BY16" s="102">
        <v>39</v>
      </c>
      <c r="BZ16" s="103">
        <v>577</v>
      </c>
      <c r="CA16" s="104">
        <v>843</v>
      </c>
      <c r="CB16" s="101">
        <v>14</v>
      </c>
      <c r="CC16" s="102">
        <v>34</v>
      </c>
      <c r="CD16" s="103">
        <v>48</v>
      </c>
      <c r="CE16" s="413">
        <v>0</v>
      </c>
      <c r="CF16" s="102">
        <v>12</v>
      </c>
      <c r="CG16" s="102">
        <v>29</v>
      </c>
      <c r="CH16" s="102">
        <v>14</v>
      </c>
      <c r="CI16" s="102">
        <v>18</v>
      </c>
      <c r="CJ16" s="102">
        <v>18</v>
      </c>
      <c r="CK16" s="103">
        <v>91</v>
      </c>
      <c r="CL16" s="104">
        <v>139</v>
      </c>
      <c r="CM16" s="101">
        <v>745</v>
      </c>
      <c r="CN16" s="102">
        <v>723</v>
      </c>
      <c r="CO16" s="103">
        <v>1468</v>
      </c>
      <c r="CP16" s="413">
        <v>0</v>
      </c>
      <c r="CQ16" s="102">
        <v>729</v>
      </c>
      <c r="CR16" s="102">
        <v>749</v>
      </c>
      <c r="CS16" s="102">
        <v>493</v>
      </c>
      <c r="CT16" s="102">
        <v>469</v>
      </c>
      <c r="CU16" s="102">
        <v>219</v>
      </c>
      <c r="CV16" s="103">
        <v>2659</v>
      </c>
      <c r="CW16" s="104">
        <v>4127</v>
      </c>
      <c r="CX16" s="105">
        <v>1454</v>
      </c>
      <c r="CY16" s="97">
        <v>1529</v>
      </c>
      <c r="CZ16" s="98">
        <v>2983</v>
      </c>
      <c r="DA16" s="413">
        <v>0</v>
      </c>
      <c r="DB16" s="97">
        <v>1546</v>
      </c>
      <c r="DC16" s="97">
        <v>1151</v>
      </c>
      <c r="DD16" s="97">
        <v>996</v>
      </c>
      <c r="DE16" s="97">
        <v>1072</v>
      </c>
      <c r="DF16" s="97">
        <v>654</v>
      </c>
      <c r="DG16" s="99">
        <v>5419</v>
      </c>
      <c r="DH16" s="100">
        <v>8402</v>
      </c>
      <c r="DI16" s="107">
        <v>19</v>
      </c>
      <c r="DJ16" s="102">
        <v>31</v>
      </c>
      <c r="DK16" s="103">
        <v>50</v>
      </c>
      <c r="DL16" s="413">
        <v>0</v>
      </c>
      <c r="DM16" s="102">
        <v>23</v>
      </c>
      <c r="DN16" s="102">
        <v>20</v>
      </c>
      <c r="DO16" s="102">
        <v>20</v>
      </c>
      <c r="DP16" s="102">
        <v>14</v>
      </c>
      <c r="DQ16" s="102">
        <v>14</v>
      </c>
      <c r="DR16" s="103">
        <v>91</v>
      </c>
      <c r="DS16" s="104">
        <v>141</v>
      </c>
      <c r="DT16" s="101">
        <v>89</v>
      </c>
      <c r="DU16" s="102">
        <v>90</v>
      </c>
      <c r="DV16" s="103">
        <v>179</v>
      </c>
      <c r="DW16" s="413">
        <v>0</v>
      </c>
      <c r="DX16" s="102">
        <v>40</v>
      </c>
      <c r="DY16" s="102">
        <v>42</v>
      </c>
      <c r="DZ16" s="102">
        <v>42</v>
      </c>
      <c r="EA16" s="102">
        <v>39</v>
      </c>
      <c r="EB16" s="102">
        <v>36</v>
      </c>
      <c r="EC16" s="103">
        <v>199</v>
      </c>
      <c r="ED16" s="104">
        <v>378</v>
      </c>
      <c r="EE16" s="107">
        <v>206</v>
      </c>
      <c r="EF16" s="102">
        <v>222</v>
      </c>
      <c r="EG16" s="103">
        <v>428</v>
      </c>
      <c r="EH16" s="413">
        <v>0</v>
      </c>
      <c r="EI16" s="102">
        <v>155</v>
      </c>
      <c r="EJ16" s="102">
        <v>100</v>
      </c>
      <c r="EK16" s="102">
        <v>85</v>
      </c>
      <c r="EL16" s="102">
        <v>98</v>
      </c>
      <c r="EM16" s="102">
        <v>65</v>
      </c>
      <c r="EN16" s="103">
        <v>503</v>
      </c>
      <c r="EO16" s="104">
        <v>931</v>
      </c>
      <c r="EP16" s="101">
        <v>460</v>
      </c>
      <c r="EQ16" s="102">
        <v>410</v>
      </c>
      <c r="ER16" s="103">
        <v>870</v>
      </c>
      <c r="ES16" s="413">
        <v>0</v>
      </c>
      <c r="ET16" s="102">
        <v>364</v>
      </c>
      <c r="EU16" s="102">
        <v>238</v>
      </c>
      <c r="EV16" s="102">
        <v>170</v>
      </c>
      <c r="EW16" s="102">
        <v>174</v>
      </c>
      <c r="EX16" s="102">
        <v>118</v>
      </c>
      <c r="EY16" s="103">
        <v>1064</v>
      </c>
      <c r="EZ16" s="104">
        <v>1934</v>
      </c>
      <c r="FA16" s="107">
        <v>430</v>
      </c>
      <c r="FB16" s="102">
        <v>436</v>
      </c>
      <c r="FC16" s="103">
        <v>866</v>
      </c>
      <c r="FD16" s="413">
        <v>0</v>
      </c>
      <c r="FE16" s="102">
        <v>495</v>
      </c>
      <c r="FF16" s="102">
        <v>326</v>
      </c>
      <c r="FG16" s="102">
        <v>270</v>
      </c>
      <c r="FH16" s="102">
        <v>267</v>
      </c>
      <c r="FI16" s="102">
        <v>164</v>
      </c>
      <c r="FJ16" s="103">
        <v>1522</v>
      </c>
      <c r="FK16" s="104">
        <v>2388</v>
      </c>
      <c r="FL16" s="101">
        <v>250</v>
      </c>
      <c r="FM16" s="102">
        <v>340</v>
      </c>
      <c r="FN16" s="103">
        <v>590</v>
      </c>
      <c r="FO16" s="413">
        <v>0</v>
      </c>
      <c r="FP16" s="102">
        <v>469</v>
      </c>
      <c r="FQ16" s="102">
        <v>425</v>
      </c>
      <c r="FR16" s="102">
        <v>409</v>
      </c>
      <c r="FS16" s="102">
        <v>480</v>
      </c>
      <c r="FT16" s="102">
        <v>257</v>
      </c>
      <c r="FU16" s="103">
        <v>2040</v>
      </c>
      <c r="FV16" s="104">
        <v>2630</v>
      </c>
      <c r="FW16" s="101">
        <v>11</v>
      </c>
      <c r="FX16" s="102">
        <v>28</v>
      </c>
      <c r="FY16" s="103">
        <v>39</v>
      </c>
      <c r="FZ16" s="413">
        <v>0</v>
      </c>
      <c r="GA16" s="102">
        <v>16</v>
      </c>
      <c r="GB16" s="102">
        <v>17</v>
      </c>
      <c r="GC16" s="102">
        <v>17</v>
      </c>
      <c r="GD16" s="102">
        <v>13</v>
      </c>
      <c r="GE16" s="102">
        <v>12</v>
      </c>
      <c r="GF16" s="103">
        <v>75</v>
      </c>
      <c r="GG16" s="104">
        <v>114</v>
      </c>
      <c r="GH16" s="101">
        <v>1465</v>
      </c>
      <c r="GI16" s="102">
        <v>1557</v>
      </c>
      <c r="GJ16" s="103">
        <v>3022</v>
      </c>
      <c r="GK16" s="413">
        <v>0</v>
      </c>
      <c r="GL16" s="102">
        <v>1562</v>
      </c>
      <c r="GM16" s="102">
        <v>1168</v>
      </c>
      <c r="GN16" s="102">
        <v>1013</v>
      </c>
      <c r="GO16" s="102">
        <v>1085</v>
      </c>
      <c r="GP16" s="102">
        <v>666</v>
      </c>
      <c r="GQ16" s="103">
        <v>5494</v>
      </c>
      <c r="GR16" s="104">
        <v>8516</v>
      </c>
      <c r="GS16" s="105">
        <v>2185</v>
      </c>
      <c r="GT16" s="97">
        <v>2218</v>
      </c>
      <c r="GU16" s="98">
        <v>4403</v>
      </c>
      <c r="GV16" s="413">
        <v>0</v>
      </c>
      <c r="GW16" s="97">
        <v>2263</v>
      </c>
      <c r="GX16" s="97">
        <v>1871</v>
      </c>
      <c r="GY16" s="97">
        <v>1475</v>
      </c>
      <c r="GZ16" s="97">
        <v>1523</v>
      </c>
      <c r="HA16" s="97">
        <v>855</v>
      </c>
      <c r="HB16" s="99">
        <v>7987</v>
      </c>
      <c r="HC16" s="100">
        <v>12390</v>
      </c>
      <c r="HD16" s="107">
        <v>45</v>
      </c>
      <c r="HE16" s="102">
        <v>53</v>
      </c>
      <c r="HF16" s="103">
        <v>98</v>
      </c>
      <c r="HG16" s="416">
        <v>0</v>
      </c>
      <c r="HH16" s="102">
        <v>38</v>
      </c>
      <c r="HI16" s="102">
        <v>52</v>
      </c>
      <c r="HJ16" s="102">
        <v>34</v>
      </c>
      <c r="HK16" s="102">
        <v>30</v>
      </c>
      <c r="HL16" s="102">
        <v>21</v>
      </c>
      <c r="HM16" s="103">
        <v>175</v>
      </c>
      <c r="HN16" s="104">
        <v>273</v>
      </c>
      <c r="HO16" s="101">
        <v>146</v>
      </c>
      <c r="HP16" s="102">
        <v>150</v>
      </c>
      <c r="HQ16" s="103">
        <v>296</v>
      </c>
      <c r="HR16" s="413">
        <v>0</v>
      </c>
      <c r="HS16" s="102">
        <v>87</v>
      </c>
      <c r="HT16" s="102">
        <v>91</v>
      </c>
      <c r="HU16" s="102">
        <v>86</v>
      </c>
      <c r="HV16" s="102">
        <v>90</v>
      </c>
      <c r="HW16" s="102">
        <v>51</v>
      </c>
      <c r="HX16" s="103">
        <v>405</v>
      </c>
      <c r="HY16" s="104">
        <v>701</v>
      </c>
      <c r="HZ16" s="107">
        <v>298</v>
      </c>
      <c r="IA16" s="102">
        <v>330</v>
      </c>
      <c r="IB16" s="103">
        <v>628</v>
      </c>
      <c r="IC16" s="413">
        <v>0</v>
      </c>
      <c r="ID16" s="102">
        <v>255</v>
      </c>
      <c r="IE16" s="102">
        <v>212</v>
      </c>
      <c r="IF16" s="102">
        <v>158</v>
      </c>
      <c r="IG16" s="102">
        <v>169</v>
      </c>
      <c r="IH16" s="102">
        <v>98</v>
      </c>
      <c r="II16" s="103">
        <v>892</v>
      </c>
      <c r="IJ16" s="104">
        <v>1520</v>
      </c>
      <c r="IK16" s="101">
        <v>653</v>
      </c>
      <c r="IL16" s="102">
        <v>585</v>
      </c>
      <c r="IM16" s="103">
        <v>1238</v>
      </c>
      <c r="IN16" s="413">
        <v>0</v>
      </c>
      <c r="IO16" s="102">
        <v>547</v>
      </c>
      <c r="IP16" s="102">
        <v>419</v>
      </c>
      <c r="IQ16" s="102">
        <v>285</v>
      </c>
      <c r="IR16" s="102">
        <v>262</v>
      </c>
      <c r="IS16" s="102">
        <v>173</v>
      </c>
      <c r="IT16" s="103">
        <v>1686</v>
      </c>
      <c r="IU16" s="104">
        <v>2924</v>
      </c>
      <c r="IV16" s="107">
        <v>662</v>
      </c>
      <c r="IW16" s="102">
        <v>625</v>
      </c>
      <c r="IX16" s="103">
        <v>1287</v>
      </c>
      <c r="IY16" s="413">
        <v>0</v>
      </c>
      <c r="IZ16" s="102">
        <v>705</v>
      </c>
      <c r="JA16" s="102">
        <v>510</v>
      </c>
      <c r="JB16" s="102">
        <v>395</v>
      </c>
      <c r="JC16" s="102">
        <v>386</v>
      </c>
      <c r="JD16" s="102">
        <v>216</v>
      </c>
      <c r="JE16" s="103">
        <v>2212</v>
      </c>
      <c r="JF16" s="104">
        <v>3499</v>
      </c>
      <c r="JG16" s="101">
        <v>381</v>
      </c>
      <c r="JH16" s="102">
        <v>475</v>
      </c>
      <c r="JI16" s="103">
        <v>856</v>
      </c>
      <c r="JJ16" s="413">
        <v>0</v>
      </c>
      <c r="JK16" s="102">
        <v>631</v>
      </c>
      <c r="JL16" s="102">
        <v>587</v>
      </c>
      <c r="JM16" s="102">
        <v>517</v>
      </c>
      <c r="JN16" s="102">
        <v>586</v>
      </c>
      <c r="JO16" s="102">
        <v>296</v>
      </c>
      <c r="JP16" s="103">
        <v>2617</v>
      </c>
      <c r="JQ16" s="104">
        <v>3473</v>
      </c>
      <c r="JR16" s="101">
        <v>25</v>
      </c>
      <c r="JS16" s="102">
        <v>62</v>
      </c>
      <c r="JT16" s="103">
        <v>87</v>
      </c>
      <c r="JU16" s="413">
        <v>0</v>
      </c>
      <c r="JV16" s="102">
        <v>28</v>
      </c>
      <c r="JW16" s="102">
        <v>46</v>
      </c>
      <c r="JX16" s="102">
        <v>31</v>
      </c>
      <c r="JY16" s="102">
        <v>31</v>
      </c>
      <c r="JZ16" s="102">
        <v>30</v>
      </c>
      <c r="KA16" s="103">
        <v>166</v>
      </c>
      <c r="KB16" s="104">
        <v>253</v>
      </c>
      <c r="KC16" s="101">
        <v>2210</v>
      </c>
      <c r="KD16" s="102">
        <v>2280</v>
      </c>
      <c r="KE16" s="103">
        <v>4490</v>
      </c>
      <c r="KF16" s="413">
        <v>0</v>
      </c>
      <c r="KG16" s="102">
        <v>2291</v>
      </c>
      <c r="KH16" s="102">
        <v>1917</v>
      </c>
      <c r="KI16" s="102">
        <v>1506</v>
      </c>
      <c r="KJ16" s="102">
        <v>1554</v>
      </c>
      <c r="KK16" s="102">
        <v>885</v>
      </c>
      <c r="KL16" s="103">
        <v>8153</v>
      </c>
      <c r="KM16" s="104">
        <v>12643</v>
      </c>
    </row>
    <row r="17" spans="2:299" s="70" customFormat="1" ht="21" customHeight="1" x14ac:dyDescent="0.2">
      <c r="B17" s="106" t="s">
        <v>13</v>
      </c>
      <c r="C17" s="96">
        <v>167</v>
      </c>
      <c r="D17" s="97">
        <v>166</v>
      </c>
      <c r="E17" s="98">
        <v>333</v>
      </c>
      <c r="F17" s="413">
        <v>0</v>
      </c>
      <c r="G17" s="97">
        <v>316</v>
      </c>
      <c r="H17" s="97">
        <v>289</v>
      </c>
      <c r="I17" s="97">
        <v>182</v>
      </c>
      <c r="J17" s="97">
        <v>136</v>
      </c>
      <c r="K17" s="97">
        <v>105</v>
      </c>
      <c r="L17" s="99">
        <v>1028</v>
      </c>
      <c r="M17" s="100">
        <v>1361</v>
      </c>
      <c r="N17" s="101">
        <v>4</v>
      </c>
      <c r="O17" s="102">
        <v>5</v>
      </c>
      <c r="P17" s="103">
        <v>9</v>
      </c>
      <c r="Q17" s="413">
        <v>0</v>
      </c>
      <c r="R17" s="102">
        <v>13</v>
      </c>
      <c r="S17" s="102">
        <v>6</v>
      </c>
      <c r="T17" s="102">
        <v>4</v>
      </c>
      <c r="U17" s="102">
        <v>7</v>
      </c>
      <c r="V17" s="102">
        <v>7</v>
      </c>
      <c r="W17" s="103">
        <v>37</v>
      </c>
      <c r="X17" s="104">
        <v>46</v>
      </c>
      <c r="Y17" s="101">
        <v>10</v>
      </c>
      <c r="Z17" s="102">
        <v>10</v>
      </c>
      <c r="AA17" s="103">
        <v>20</v>
      </c>
      <c r="AB17" s="413">
        <v>0</v>
      </c>
      <c r="AC17" s="102">
        <v>19</v>
      </c>
      <c r="AD17" s="102">
        <v>18</v>
      </c>
      <c r="AE17" s="102">
        <v>18</v>
      </c>
      <c r="AF17" s="102">
        <v>15</v>
      </c>
      <c r="AG17" s="102">
        <v>9</v>
      </c>
      <c r="AH17" s="103">
        <v>79</v>
      </c>
      <c r="AI17" s="104">
        <v>99</v>
      </c>
      <c r="AJ17" s="101">
        <v>19</v>
      </c>
      <c r="AK17" s="102">
        <v>16</v>
      </c>
      <c r="AL17" s="103">
        <v>35</v>
      </c>
      <c r="AM17" s="413">
        <v>0</v>
      </c>
      <c r="AN17" s="102">
        <v>39</v>
      </c>
      <c r="AO17" s="102">
        <v>45</v>
      </c>
      <c r="AP17" s="102">
        <v>20</v>
      </c>
      <c r="AQ17" s="102">
        <v>15</v>
      </c>
      <c r="AR17" s="102">
        <v>14</v>
      </c>
      <c r="AS17" s="103">
        <v>133</v>
      </c>
      <c r="AT17" s="104">
        <v>168</v>
      </c>
      <c r="AU17" s="101">
        <v>42</v>
      </c>
      <c r="AV17" s="102">
        <v>40</v>
      </c>
      <c r="AW17" s="103">
        <v>82</v>
      </c>
      <c r="AX17" s="413">
        <v>0</v>
      </c>
      <c r="AY17" s="102">
        <v>79</v>
      </c>
      <c r="AZ17" s="102">
        <v>58</v>
      </c>
      <c r="BA17" s="102">
        <v>47</v>
      </c>
      <c r="BB17" s="102">
        <v>26</v>
      </c>
      <c r="BC17" s="102">
        <v>21</v>
      </c>
      <c r="BD17" s="103">
        <v>231</v>
      </c>
      <c r="BE17" s="104">
        <v>313</v>
      </c>
      <c r="BF17" s="101">
        <v>54</v>
      </c>
      <c r="BG17" s="102">
        <v>56</v>
      </c>
      <c r="BH17" s="103">
        <v>110</v>
      </c>
      <c r="BI17" s="413">
        <v>0</v>
      </c>
      <c r="BJ17" s="102">
        <v>91</v>
      </c>
      <c r="BK17" s="102">
        <v>93</v>
      </c>
      <c r="BL17" s="102">
        <v>48</v>
      </c>
      <c r="BM17" s="102">
        <v>35</v>
      </c>
      <c r="BN17" s="102">
        <v>20</v>
      </c>
      <c r="BO17" s="103">
        <v>287</v>
      </c>
      <c r="BP17" s="104">
        <v>397</v>
      </c>
      <c r="BQ17" s="101">
        <v>38</v>
      </c>
      <c r="BR17" s="102">
        <v>39</v>
      </c>
      <c r="BS17" s="103">
        <v>77</v>
      </c>
      <c r="BT17" s="413">
        <v>0</v>
      </c>
      <c r="BU17" s="102">
        <v>75</v>
      </c>
      <c r="BV17" s="102">
        <v>69</v>
      </c>
      <c r="BW17" s="102">
        <v>45</v>
      </c>
      <c r="BX17" s="102">
        <v>38</v>
      </c>
      <c r="BY17" s="102">
        <v>34</v>
      </c>
      <c r="BZ17" s="103">
        <v>261</v>
      </c>
      <c r="CA17" s="104">
        <v>338</v>
      </c>
      <c r="CB17" s="101">
        <v>6</v>
      </c>
      <c r="CC17" s="102">
        <v>3</v>
      </c>
      <c r="CD17" s="103">
        <v>9</v>
      </c>
      <c r="CE17" s="413">
        <v>0</v>
      </c>
      <c r="CF17" s="102">
        <v>8</v>
      </c>
      <c r="CG17" s="102">
        <v>11</v>
      </c>
      <c r="CH17" s="102">
        <v>6</v>
      </c>
      <c r="CI17" s="102">
        <v>2</v>
      </c>
      <c r="CJ17" s="102">
        <v>7</v>
      </c>
      <c r="CK17" s="103">
        <v>34</v>
      </c>
      <c r="CL17" s="104">
        <v>43</v>
      </c>
      <c r="CM17" s="101">
        <v>173</v>
      </c>
      <c r="CN17" s="102">
        <v>169</v>
      </c>
      <c r="CO17" s="103">
        <v>342</v>
      </c>
      <c r="CP17" s="413">
        <v>0</v>
      </c>
      <c r="CQ17" s="102">
        <v>324</v>
      </c>
      <c r="CR17" s="102">
        <v>300</v>
      </c>
      <c r="CS17" s="102">
        <v>188</v>
      </c>
      <c r="CT17" s="102">
        <v>138</v>
      </c>
      <c r="CU17" s="102">
        <v>112</v>
      </c>
      <c r="CV17" s="103">
        <v>1062</v>
      </c>
      <c r="CW17" s="104">
        <v>1404</v>
      </c>
      <c r="CX17" s="105">
        <v>392</v>
      </c>
      <c r="CY17" s="97">
        <v>417</v>
      </c>
      <c r="CZ17" s="98">
        <v>809</v>
      </c>
      <c r="DA17" s="413">
        <v>0</v>
      </c>
      <c r="DB17" s="97">
        <v>598</v>
      </c>
      <c r="DC17" s="97">
        <v>530</v>
      </c>
      <c r="DD17" s="97">
        <v>337</v>
      </c>
      <c r="DE17" s="97">
        <v>387</v>
      </c>
      <c r="DF17" s="97">
        <v>293</v>
      </c>
      <c r="DG17" s="99">
        <v>2145</v>
      </c>
      <c r="DH17" s="100">
        <v>2954</v>
      </c>
      <c r="DI17" s="101">
        <v>4</v>
      </c>
      <c r="DJ17" s="102">
        <v>4</v>
      </c>
      <c r="DK17" s="103">
        <v>8</v>
      </c>
      <c r="DL17" s="413">
        <v>0</v>
      </c>
      <c r="DM17" s="102">
        <v>11</v>
      </c>
      <c r="DN17" s="102">
        <v>3</v>
      </c>
      <c r="DO17" s="102">
        <v>4</v>
      </c>
      <c r="DP17" s="102">
        <v>7</v>
      </c>
      <c r="DQ17" s="102">
        <v>3</v>
      </c>
      <c r="DR17" s="103">
        <v>28</v>
      </c>
      <c r="DS17" s="104">
        <v>36</v>
      </c>
      <c r="DT17" s="101">
        <v>19</v>
      </c>
      <c r="DU17" s="102">
        <v>24</v>
      </c>
      <c r="DV17" s="103">
        <v>43</v>
      </c>
      <c r="DW17" s="413">
        <v>0</v>
      </c>
      <c r="DX17" s="102">
        <v>15</v>
      </c>
      <c r="DY17" s="102">
        <v>21</v>
      </c>
      <c r="DZ17" s="102">
        <v>12</v>
      </c>
      <c r="EA17" s="102">
        <v>10</v>
      </c>
      <c r="EB17" s="102">
        <v>8</v>
      </c>
      <c r="EC17" s="103">
        <v>66</v>
      </c>
      <c r="ED17" s="104">
        <v>109</v>
      </c>
      <c r="EE17" s="101">
        <v>39</v>
      </c>
      <c r="EF17" s="102">
        <v>40</v>
      </c>
      <c r="EG17" s="103">
        <v>79</v>
      </c>
      <c r="EH17" s="413">
        <v>0</v>
      </c>
      <c r="EI17" s="102">
        <v>62</v>
      </c>
      <c r="EJ17" s="102">
        <v>42</v>
      </c>
      <c r="EK17" s="102">
        <v>38</v>
      </c>
      <c r="EL17" s="102">
        <v>23</v>
      </c>
      <c r="EM17" s="102">
        <v>25</v>
      </c>
      <c r="EN17" s="103">
        <v>190</v>
      </c>
      <c r="EO17" s="104">
        <v>269</v>
      </c>
      <c r="EP17" s="101">
        <v>118</v>
      </c>
      <c r="EQ17" s="102">
        <v>131</v>
      </c>
      <c r="ER17" s="103">
        <v>249</v>
      </c>
      <c r="ES17" s="413">
        <v>0</v>
      </c>
      <c r="ET17" s="102">
        <v>143</v>
      </c>
      <c r="EU17" s="102">
        <v>107</v>
      </c>
      <c r="EV17" s="102">
        <v>51</v>
      </c>
      <c r="EW17" s="102">
        <v>61</v>
      </c>
      <c r="EX17" s="102">
        <v>55</v>
      </c>
      <c r="EY17" s="103">
        <v>417</v>
      </c>
      <c r="EZ17" s="104">
        <v>666</v>
      </c>
      <c r="FA17" s="101">
        <v>142</v>
      </c>
      <c r="FB17" s="102">
        <v>124</v>
      </c>
      <c r="FC17" s="103">
        <v>266</v>
      </c>
      <c r="FD17" s="413">
        <v>0</v>
      </c>
      <c r="FE17" s="102">
        <v>190</v>
      </c>
      <c r="FF17" s="102">
        <v>151</v>
      </c>
      <c r="FG17" s="102">
        <v>76</v>
      </c>
      <c r="FH17" s="102">
        <v>93</v>
      </c>
      <c r="FI17" s="102">
        <v>70</v>
      </c>
      <c r="FJ17" s="103">
        <v>580</v>
      </c>
      <c r="FK17" s="104">
        <v>846</v>
      </c>
      <c r="FL17" s="101">
        <v>70</v>
      </c>
      <c r="FM17" s="102">
        <v>94</v>
      </c>
      <c r="FN17" s="103">
        <v>164</v>
      </c>
      <c r="FO17" s="413">
        <v>0</v>
      </c>
      <c r="FP17" s="102">
        <v>177</v>
      </c>
      <c r="FQ17" s="102">
        <v>206</v>
      </c>
      <c r="FR17" s="102">
        <v>156</v>
      </c>
      <c r="FS17" s="102">
        <v>193</v>
      </c>
      <c r="FT17" s="102">
        <v>132</v>
      </c>
      <c r="FU17" s="103">
        <v>864</v>
      </c>
      <c r="FV17" s="104">
        <v>1028</v>
      </c>
      <c r="FW17" s="101">
        <v>2</v>
      </c>
      <c r="FX17" s="102">
        <v>3</v>
      </c>
      <c r="FY17" s="103">
        <v>5</v>
      </c>
      <c r="FZ17" s="413">
        <v>0</v>
      </c>
      <c r="GA17" s="102">
        <v>11</v>
      </c>
      <c r="GB17" s="102">
        <v>9</v>
      </c>
      <c r="GC17" s="102">
        <v>5</v>
      </c>
      <c r="GD17" s="102">
        <v>0</v>
      </c>
      <c r="GE17" s="102">
        <v>5</v>
      </c>
      <c r="GF17" s="103">
        <v>30</v>
      </c>
      <c r="GG17" s="104">
        <v>35</v>
      </c>
      <c r="GH17" s="101">
        <v>394</v>
      </c>
      <c r="GI17" s="102">
        <v>420</v>
      </c>
      <c r="GJ17" s="103">
        <v>814</v>
      </c>
      <c r="GK17" s="413">
        <v>0</v>
      </c>
      <c r="GL17" s="102">
        <v>609</v>
      </c>
      <c r="GM17" s="102">
        <v>539</v>
      </c>
      <c r="GN17" s="102">
        <v>342</v>
      </c>
      <c r="GO17" s="102">
        <v>387</v>
      </c>
      <c r="GP17" s="102">
        <v>298</v>
      </c>
      <c r="GQ17" s="103">
        <v>2175</v>
      </c>
      <c r="GR17" s="104">
        <v>2989</v>
      </c>
      <c r="GS17" s="105">
        <v>559</v>
      </c>
      <c r="GT17" s="97">
        <v>583</v>
      </c>
      <c r="GU17" s="98">
        <v>1142</v>
      </c>
      <c r="GV17" s="413">
        <v>0</v>
      </c>
      <c r="GW17" s="97">
        <v>914</v>
      </c>
      <c r="GX17" s="97">
        <v>819</v>
      </c>
      <c r="GY17" s="97">
        <v>519</v>
      </c>
      <c r="GZ17" s="97">
        <v>523</v>
      </c>
      <c r="HA17" s="97">
        <v>398</v>
      </c>
      <c r="HB17" s="99">
        <v>3173</v>
      </c>
      <c r="HC17" s="100">
        <v>4315</v>
      </c>
      <c r="HD17" s="101">
        <v>8</v>
      </c>
      <c r="HE17" s="102">
        <v>9</v>
      </c>
      <c r="HF17" s="103">
        <v>17</v>
      </c>
      <c r="HG17" s="416">
        <v>0</v>
      </c>
      <c r="HH17" s="102">
        <v>24</v>
      </c>
      <c r="HI17" s="102">
        <v>9</v>
      </c>
      <c r="HJ17" s="102">
        <v>8</v>
      </c>
      <c r="HK17" s="102">
        <v>14</v>
      </c>
      <c r="HL17" s="102">
        <v>10</v>
      </c>
      <c r="HM17" s="103">
        <v>65</v>
      </c>
      <c r="HN17" s="104">
        <v>82</v>
      </c>
      <c r="HO17" s="101">
        <v>29</v>
      </c>
      <c r="HP17" s="102">
        <v>34</v>
      </c>
      <c r="HQ17" s="103">
        <v>63</v>
      </c>
      <c r="HR17" s="413">
        <v>0</v>
      </c>
      <c r="HS17" s="102">
        <v>34</v>
      </c>
      <c r="HT17" s="102">
        <v>39</v>
      </c>
      <c r="HU17" s="102">
        <v>30</v>
      </c>
      <c r="HV17" s="102">
        <v>25</v>
      </c>
      <c r="HW17" s="102">
        <v>17</v>
      </c>
      <c r="HX17" s="103">
        <v>145</v>
      </c>
      <c r="HY17" s="104">
        <v>208</v>
      </c>
      <c r="HZ17" s="101">
        <v>58</v>
      </c>
      <c r="IA17" s="102">
        <v>56</v>
      </c>
      <c r="IB17" s="103">
        <v>114</v>
      </c>
      <c r="IC17" s="413">
        <v>0</v>
      </c>
      <c r="ID17" s="102">
        <v>101</v>
      </c>
      <c r="IE17" s="102">
        <v>87</v>
      </c>
      <c r="IF17" s="102">
        <v>58</v>
      </c>
      <c r="IG17" s="102">
        <v>38</v>
      </c>
      <c r="IH17" s="102">
        <v>39</v>
      </c>
      <c r="II17" s="103">
        <v>323</v>
      </c>
      <c r="IJ17" s="104">
        <v>437</v>
      </c>
      <c r="IK17" s="101">
        <v>160</v>
      </c>
      <c r="IL17" s="102">
        <v>171</v>
      </c>
      <c r="IM17" s="103">
        <v>331</v>
      </c>
      <c r="IN17" s="413">
        <v>0</v>
      </c>
      <c r="IO17" s="102">
        <v>222</v>
      </c>
      <c r="IP17" s="102">
        <v>165</v>
      </c>
      <c r="IQ17" s="102">
        <v>98</v>
      </c>
      <c r="IR17" s="102">
        <v>87</v>
      </c>
      <c r="IS17" s="102">
        <v>76</v>
      </c>
      <c r="IT17" s="103">
        <v>648</v>
      </c>
      <c r="IU17" s="104">
        <v>979</v>
      </c>
      <c r="IV17" s="101">
        <v>196</v>
      </c>
      <c r="IW17" s="102">
        <v>180</v>
      </c>
      <c r="IX17" s="103">
        <v>376</v>
      </c>
      <c r="IY17" s="413">
        <v>0</v>
      </c>
      <c r="IZ17" s="102">
        <v>281</v>
      </c>
      <c r="JA17" s="102">
        <v>244</v>
      </c>
      <c r="JB17" s="102">
        <v>124</v>
      </c>
      <c r="JC17" s="102">
        <v>128</v>
      </c>
      <c r="JD17" s="102">
        <v>90</v>
      </c>
      <c r="JE17" s="103">
        <v>867</v>
      </c>
      <c r="JF17" s="104">
        <v>1243</v>
      </c>
      <c r="JG17" s="101">
        <v>108</v>
      </c>
      <c r="JH17" s="102">
        <v>133</v>
      </c>
      <c r="JI17" s="103">
        <v>241</v>
      </c>
      <c r="JJ17" s="413">
        <v>0</v>
      </c>
      <c r="JK17" s="102">
        <v>252</v>
      </c>
      <c r="JL17" s="102">
        <v>275</v>
      </c>
      <c r="JM17" s="102">
        <v>201</v>
      </c>
      <c r="JN17" s="102">
        <v>231</v>
      </c>
      <c r="JO17" s="102">
        <v>166</v>
      </c>
      <c r="JP17" s="103">
        <v>1125</v>
      </c>
      <c r="JQ17" s="104">
        <v>1366</v>
      </c>
      <c r="JR17" s="101">
        <v>8</v>
      </c>
      <c r="JS17" s="102">
        <v>6</v>
      </c>
      <c r="JT17" s="103">
        <v>14</v>
      </c>
      <c r="JU17" s="413">
        <v>0</v>
      </c>
      <c r="JV17" s="102">
        <v>19</v>
      </c>
      <c r="JW17" s="102">
        <v>20</v>
      </c>
      <c r="JX17" s="102">
        <v>11</v>
      </c>
      <c r="JY17" s="102">
        <v>2</v>
      </c>
      <c r="JZ17" s="102">
        <v>12</v>
      </c>
      <c r="KA17" s="103">
        <v>64</v>
      </c>
      <c r="KB17" s="104">
        <v>78</v>
      </c>
      <c r="KC17" s="101">
        <v>567</v>
      </c>
      <c r="KD17" s="102">
        <v>589</v>
      </c>
      <c r="KE17" s="103">
        <v>1156</v>
      </c>
      <c r="KF17" s="413">
        <v>0</v>
      </c>
      <c r="KG17" s="102">
        <v>933</v>
      </c>
      <c r="KH17" s="102">
        <v>839</v>
      </c>
      <c r="KI17" s="102">
        <v>530</v>
      </c>
      <c r="KJ17" s="102">
        <v>525</v>
      </c>
      <c r="KK17" s="102">
        <v>410</v>
      </c>
      <c r="KL17" s="103">
        <v>3237</v>
      </c>
      <c r="KM17" s="104">
        <v>4393</v>
      </c>
    </row>
    <row r="18" spans="2:299" s="70" customFormat="1" ht="21" customHeight="1" x14ac:dyDescent="0.2">
      <c r="B18" s="106" t="s">
        <v>15</v>
      </c>
      <c r="C18" s="96">
        <v>127</v>
      </c>
      <c r="D18" s="97">
        <v>140</v>
      </c>
      <c r="E18" s="98">
        <v>267</v>
      </c>
      <c r="F18" s="413">
        <v>0</v>
      </c>
      <c r="G18" s="97">
        <v>261</v>
      </c>
      <c r="H18" s="97">
        <v>224</v>
      </c>
      <c r="I18" s="97">
        <v>140</v>
      </c>
      <c r="J18" s="97">
        <v>149</v>
      </c>
      <c r="K18" s="97">
        <v>63</v>
      </c>
      <c r="L18" s="99">
        <v>837</v>
      </c>
      <c r="M18" s="100">
        <v>1104</v>
      </c>
      <c r="N18" s="101">
        <v>6</v>
      </c>
      <c r="O18" s="102">
        <v>5</v>
      </c>
      <c r="P18" s="103">
        <v>11</v>
      </c>
      <c r="Q18" s="413">
        <v>0</v>
      </c>
      <c r="R18" s="102">
        <v>13</v>
      </c>
      <c r="S18" s="102">
        <v>16</v>
      </c>
      <c r="T18" s="102">
        <v>3</v>
      </c>
      <c r="U18" s="102">
        <v>5</v>
      </c>
      <c r="V18" s="102">
        <v>5</v>
      </c>
      <c r="W18" s="103">
        <v>42</v>
      </c>
      <c r="X18" s="104">
        <v>53</v>
      </c>
      <c r="Y18" s="101">
        <v>14</v>
      </c>
      <c r="Z18" s="102">
        <v>16</v>
      </c>
      <c r="AA18" s="103">
        <v>30</v>
      </c>
      <c r="AB18" s="413">
        <v>0</v>
      </c>
      <c r="AC18" s="102">
        <v>31</v>
      </c>
      <c r="AD18" s="102">
        <v>23</v>
      </c>
      <c r="AE18" s="102">
        <v>21</v>
      </c>
      <c r="AF18" s="102">
        <v>15</v>
      </c>
      <c r="AG18" s="102">
        <v>5</v>
      </c>
      <c r="AH18" s="103">
        <v>95</v>
      </c>
      <c r="AI18" s="104">
        <v>125</v>
      </c>
      <c r="AJ18" s="101">
        <v>25</v>
      </c>
      <c r="AK18" s="102">
        <v>26</v>
      </c>
      <c r="AL18" s="103">
        <v>51</v>
      </c>
      <c r="AM18" s="413">
        <v>0</v>
      </c>
      <c r="AN18" s="102">
        <v>38</v>
      </c>
      <c r="AO18" s="102">
        <v>46</v>
      </c>
      <c r="AP18" s="102">
        <v>20</v>
      </c>
      <c r="AQ18" s="102">
        <v>30</v>
      </c>
      <c r="AR18" s="102">
        <v>17</v>
      </c>
      <c r="AS18" s="103">
        <v>151</v>
      </c>
      <c r="AT18" s="104">
        <v>202</v>
      </c>
      <c r="AU18" s="101">
        <v>35</v>
      </c>
      <c r="AV18" s="102">
        <v>32</v>
      </c>
      <c r="AW18" s="103">
        <v>67</v>
      </c>
      <c r="AX18" s="413">
        <v>0</v>
      </c>
      <c r="AY18" s="102">
        <v>74</v>
      </c>
      <c r="AZ18" s="102">
        <v>52</v>
      </c>
      <c r="BA18" s="102">
        <v>28</v>
      </c>
      <c r="BB18" s="102">
        <v>31</v>
      </c>
      <c r="BC18" s="102">
        <v>16</v>
      </c>
      <c r="BD18" s="103">
        <v>201</v>
      </c>
      <c r="BE18" s="104">
        <v>268</v>
      </c>
      <c r="BF18" s="101">
        <v>32</v>
      </c>
      <c r="BG18" s="102">
        <v>42</v>
      </c>
      <c r="BH18" s="103">
        <v>74</v>
      </c>
      <c r="BI18" s="413">
        <v>0</v>
      </c>
      <c r="BJ18" s="102">
        <v>58</v>
      </c>
      <c r="BK18" s="102">
        <v>48</v>
      </c>
      <c r="BL18" s="102">
        <v>36</v>
      </c>
      <c r="BM18" s="102">
        <v>38</v>
      </c>
      <c r="BN18" s="102">
        <v>13</v>
      </c>
      <c r="BO18" s="103">
        <v>193</v>
      </c>
      <c r="BP18" s="104">
        <v>267</v>
      </c>
      <c r="BQ18" s="101">
        <v>15</v>
      </c>
      <c r="BR18" s="102">
        <v>19</v>
      </c>
      <c r="BS18" s="103">
        <v>34</v>
      </c>
      <c r="BT18" s="413">
        <v>0</v>
      </c>
      <c r="BU18" s="102">
        <v>47</v>
      </c>
      <c r="BV18" s="102">
        <v>39</v>
      </c>
      <c r="BW18" s="102">
        <v>32</v>
      </c>
      <c r="BX18" s="102">
        <v>30</v>
      </c>
      <c r="BY18" s="102">
        <v>7</v>
      </c>
      <c r="BZ18" s="103">
        <v>155</v>
      </c>
      <c r="CA18" s="104">
        <v>189</v>
      </c>
      <c r="CB18" s="101">
        <v>2</v>
      </c>
      <c r="CC18" s="102">
        <v>3</v>
      </c>
      <c r="CD18" s="103">
        <v>5</v>
      </c>
      <c r="CE18" s="413">
        <v>0</v>
      </c>
      <c r="CF18" s="102">
        <v>5</v>
      </c>
      <c r="CG18" s="102">
        <v>10</v>
      </c>
      <c r="CH18" s="102">
        <v>5</v>
      </c>
      <c r="CI18" s="102">
        <v>8</v>
      </c>
      <c r="CJ18" s="102">
        <v>9</v>
      </c>
      <c r="CK18" s="103">
        <v>37</v>
      </c>
      <c r="CL18" s="104">
        <v>42</v>
      </c>
      <c r="CM18" s="101">
        <v>129</v>
      </c>
      <c r="CN18" s="102">
        <v>143</v>
      </c>
      <c r="CO18" s="103">
        <v>272</v>
      </c>
      <c r="CP18" s="413">
        <v>0</v>
      </c>
      <c r="CQ18" s="102">
        <v>266</v>
      </c>
      <c r="CR18" s="102">
        <v>234</v>
      </c>
      <c r="CS18" s="102">
        <v>145</v>
      </c>
      <c r="CT18" s="102">
        <v>157</v>
      </c>
      <c r="CU18" s="102">
        <v>72</v>
      </c>
      <c r="CV18" s="103">
        <v>874</v>
      </c>
      <c r="CW18" s="104">
        <v>1146</v>
      </c>
      <c r="CX18" s="105">
        <v>282</v>
      </c>
      <c r="CY18" s="97">
        <v>378</v>
      </c>
      <c r="CZ18" s="98">
        <v>660</v>
      </c>
      <c r="DA18" s="413">
        <v>0</v>
      </c>
      <c r="DB18" s="97">
        <v>451</v>
      </c>
      <c r="DC18" s="97">
        <v>442</v>
      </c>
      <c r="DD18" s="97">
        <v>298</v>
      </c>
      <c r="DE18" s="97">
        <v>330</v>
      </c>
      <c r="DF18" s="97">
        <v>172</v>
      </c>
      <c r="DG18" s="99">
        <v>1693</v>
      </c>
      <c r="DH18" s="100">
        <v>2353</v>
      </c>
      <c r="DI18" s="101">
        <v>5</v>
      </c>
      <c r="DJ18" s="102">
        <v>7</v>
      </c>
      <c r="DK18" s="103">
        <v>12</v>
      </c>
      <c r="DL18" s="413">
        <v>0</v>
      </c>
      <c r="DM18" s="102">
        <v>8</v>
      </c>
      <c r="DN18" s="102">
        <v>10</v>
      </c>
      <c r="DO18" s="102">
        <v>4</v>
      </c>
      <c r="DP18" s="102">
        <v>0</v>
      </c>
      <c r="DQ18" s="102">
        <v>4</v>
      </c>
      <c r="DR18" s="103">
        <v>26</v>
      </c>
      <c r="DS18" s="104">
        <v>38</v>
      </c>
      <c r="DT18" s="101">
        <v>21</v>
      </c>
      <c r="DU18" s="102">
        <v>21</v>
      </c>
      <c r="DV18" s="103">
        <v>42</v>
      </c>
      <c r="DW18" s="413">
        <v>0</v>
      </c>
      <c r="DX18" s="102">
        <v>26</v>
      </c>
      <c r="DY18" s="102">
        <v>25</v>
      </c>
      <c r="DZ18" s="102">
        <v>16</v>
      </c>
      <c r="EA18" s="102">
        <v>13</v>
      </c>
      <c r="EB18" s="102">
        <v>9</v>
      </c>
      <c r="EC18" s="103">
        <v>89</v>
      </c>
      <c r="ED18" s="104">
        <v>131</v>
      </c>
      <c r="EE18" s="101">
        <v>49</v>
      </c>
      <c r="EF18" s="102">
        <v>57</v>
      </c>
      <c r="EG18" s="103">
        <v>106</v>
      </c>
      <c r="EH18" s="413">
        <v>0</v>
      </c>
      <c r="EI18" s="102">
        <v>49</v>
      </c>
      <c r="EJ18" s="102">
        <v>63</v>
      </c>
      <c r="EK18" s="102">
        <v>25</v>
      </c>
      <c r="EL18" s="102">
        <v>16</v>
      </c>
      <c r="EM18" s="102">
        <v>21</v>
      </c>
      <c r="EN18" s="103">
        <v>174</v>
      </c>
      <c r="EO18" s="104">
        <v>280</v>
      </c>
      <c r="EP18" s="101">
        <v>94</v>
      </c>
      <c r="EQ18" s="102">
        <v>116</v>
      </c>
      <c r="ER18" s="103">
        <v>210</v>
      </c>
      <c r="ES18" s="413">
        <v>0</v>
      </c>
      <c r="ET18" s="102">
        <v>108</v>
      </c>
      <c r="EU18" s="102">
        <v>98</v>
      </c>
      <c r="EV18" s="102">
        <v>54</v>
      </c>
      <c r="EW18" s="102">
        <v>47</v>
      </c>
      <c r="EX18" s="102">
        <v>36</v>
      </c>
      <c r="EY18" s="103">
        <v>343</v>
      </c>
      <c r="EZ18" s="104">
        <v>553</v>
      </c>
      <c r="FA18" s="101">
        <v>76</v>
      </c>
      <c r="FB18" s="102">
        <v>110</v>
      </c>
      <c r="FC18" s="103">
        <v>186</v>
      </c>
      <c r="FD18" s="413">
        <v>0</v>
      </c>
      <c r="FE18" s="102">
        <v>128</v>
      </c>
      <c r="FF18" s="102">
        <v>125</v>
      </c>
      <c r="FG18" s="102">
        <v>89</v>
      </c>
      <c r="FH18" s="102">
        <v>96</v>
      </c>
      <c r="FI18" s="102">
        <v>42</v>
      </c>
      <c r="FJ18" s="103">
        <v>480</v>
      </c>
      <c r="FK18" s="104">
        <v>666</v>
      </c>
      <c r="FL18" s="101">
        <v>37</v>
      </c>
      <c r="FM18" s="102">
        <v>67</v>
      </c>
      <c r="FN18" s="103">
        <v>104</v>
      </c>
      <c r="FO18" s="413">
        <v>0</v>
      </c>
      <c r="FP18" s="102">
        <v>132</v>
      </c>
      <c r="FQ18" s="102">
        <v>121</v>
      </c>
      <c r="FR18" s="102">
        <v>110</v>
      </c>
      <c r="FS18" s="102">
        <v>158</v>
      </c>
      <c r="FT18" s="102">
        <v>60</v>
      </c>
      <c r="FU18" s="103">
        <v>581</v>
      </c>
      <c r="FV18" s="104">
        <v>685</v>
      </c>
      <c r="FW18" s="101">
        <v>0</v>
      </c>
      <c r="FX18" s="102">
        <v>4</v>
      </c>
      <c r="FY18" s="103">
        <v>4</v>
      </c>
      <c r="FZ18" s="413">
        <v>0</v>
      </c>
      <c r="GA18" s="102">
        <v>4</v>
      </c>
      <c r="GB18" s="102">
        <v>7</v>
      </c>
      <c r="GC18" s="102">
        <v>2</v>
      </c>
      <c r="GD18" s="102">
        <v>3</v>
      </c>
      <c r="GE18" s="102">
        <v>6</v>
      </c>
      <c r="GF18" s="103">
        <v>22</v>
      </c>
      <c r="GG18" s="104">
        <v>26</v>
      </c>
      <c r="GH18" s="101">
        <v>282</v>
      </c>
      <c r="GI18" s="102">
        <v>382</v>
      </c>
      <c r="GJ18" s="103">
        <v>664</v>
      </c>
      <c r="GK18" s="413">
        <v>0</v>
      </c>
      <c r="GL18" s="102">
        <v>455</v>
      </c>
      <c r="GM18" s="102">
        <v>449</v>
      </c>
      <c r="GN18" s="102">
        <v>300</v>
      </c>
      <c r="GO18" s="102">
        <v>333</v>
      </c>
      <c r="GP18" s="102">
        <v>178</v>
      </c>
      <c r="GQ18" s="103">
        <v>1715</v>
      </c>
      <c r="GR18" s="104">
        <v>2379</v>
      </c>
      <c r="GS18" s="105">
        <v>409</v>
      </c>
      <c r="GT18" s="97">
        <v>518</v>
      </c>
      <c r="GU18" s="98">
        <v>927</v>
      </c>
      <c r="GV18" s="413">
        <v>0</v>
      </c>
      <c r="GW18" s="97">
        <v>712</v>
      </c>
      <c r="GX18" s="97">
        <v>666</v>
      </c>
      <c r="GY18" s="97">
        <v>438</v>
      </c>
      <c r="GZ18" s="97">
        <v>479</v>
      </c>
      <c r="HA18" s="97">
        <v>235</v>
      </c>
      <c r="HB18" s="99">
        <v>2530</v>
      </c>
      <c r="HC18" s="100">
        <v>3457</v>
      </c>
      <c r="HD18" s="101">
        <v>11</v>
      </c>
      <c r="HE18" s="102">
        <v>12</v>
      </c>
      <c r="HF18" s="103">
        <v>23</v>
      </c>
      <c r="HG18" s="416">
        <v>0</v>
      </c>
      <c r="HH18" s="102">
        <v>21</v>
      </c>
      <c r="HI18" s="102">
        <v>26</v>
      </c>
      <c r="HJ18" s="102">
        <v>7</v>
      </c>
      <c r="HK18" s="102">
        <v>5</v>
      </c>
      <c r="HL18" s="102">
        <v>9</v>
      </c>
      <c r="HM18" s="103">
        <v>68</v>
      </c>
      <c r="HN18" s="104">
        <v>91</v>
      </c>
      <c r="HO18" s="101">
        <v>35</v>
      </c>
      <c r="HP18" s="102">
        <v>37</v>
      </c>
      <c r="HQ18" s="103">
        <v>72</v>
      </c>
      <c r="HR18" s="413">
        <v>0</v>
      </c>
      <c r="HS18" s="102">
        <v>57</v>
      </c>
      <c r="HT18" s="102">
        <v>48</v>
      </c>
      <c r="HU18" s="102">
        <v>37</v>
      </c>
      <c r="HV18" s="102">
        <v>28</v>
      </c>
      <c r="HW18" s="102">
        <v>14</v>
      </c>
      <c r="HX18" s="103">
        <v>184</v>
      </c>
      <c r="HY18" s="104">
        <v>256</v>
      </c>
      <c r="HZ18" s="101">
        <v>74</v>
      </c>
      <c r="IA18" s="102">
        <v>83</v>
      </c>
      <c r="IB18" s="103">
        <v>157</v>
      </c>
      <c r="IC18" s="413">
        <v>0</v>
      </c>
      <c r="ID18" s="102">
        <v>87</v>
      </c>
      <c r="IE18" s="102">
        <v>109</v>
      </c>
      <c r="IF18" s="102">
        <v>45</v>
      </c>
      <c r="IG18" s="102">
        <v>46</v>
      </c>
      <c r="IH18" s="102">
        <v>38</v>
      </c>
      <c r="II18" s="103">
        <v>325</v>
      </c>
      <c r="IJ18" s="104">
        <v>482</v>
      </c>
      <c r="IK18" s="101">
        <v>129</v>
      </c>
      <c r="IL18" s="102">
        <v>148</v>
      </c>
      <c r="IM18" s="103">
        <v>277</v>
      </c>
      <c r="IN18" s="413">
        <v>0</v>
      </c>
      <c r="IO18" s="102">
        <v>182</v>
      </c>
      <c r="IP18" s="102">
        <v>150</v>
      </c>
      <c r="IQ18" s="102">
        <v>82</v>
      </c>
      <c r="IR18" s="102">
        <v>78</v>
      </c>
      <c r="IS18" s="102">
        <v>52</v>
      </c>
      <c r="IT18" s="103">
        <v>544</v>
      </c>
      <c r="IU18" s="104">
        <v>821</v>
      </c>
      <c r="IV18" s="101">
        <v>108</v>
      </c>
      <c r="IW18" s="102">
        <v>152</v>
      </c>
      <c r="IX18" s="103">
        <v>260</v>
      </c>
      <c r="IY18" s="413">
        <v>0</v>
      </c>
      <c r="IZ18" s="102">
        <v>186</v>
      </c>
      <c r="JA18" s="102">
        <v>173</v>
      </c>
      <c r="JB18" s="102">
        <v>125</v>
      </c>
      <c r="JC18" s="102">
        <v>134</v>
      </c>
      <c r="JD18" s="102">
        <v>55</v>
      </c>
      <c r="JE18" s="103">
        <v>673</v>
      </c>
      <c r="JF18" s="104">
        <v>933</v>
      </c>
      <c r="JG18" s="101">
        <v>52</v>
      </c>
      <c r="JH18" s="102">
        <v>86</v>
      </c>
      <c r="JI18" s="103">
        <v>138</v>
      </c>
      <c r="JJ18" s="413">
        <v>0</v>
      </c>
      <c r="JK18" s="102">
        <v>179</v>
      </c>
      <c r="JL18" s="102">
        <v>160</v>
      </c>
      <c r="JM18" s="102">
        <v>142</v>
      </c>
      <c r="JN18" s="102">
        <v>188</v>
      </c>
      <c r="JO18" s="102">
        <v>67</v>
      </c>
      <c r="JP18" s="103">
        <v>736</v>
      </c>
      <c r="JQ18" s="104">
        <v>874</v>
      </c>
      <c r="JR18" s="101">
        <v>2</v>
      </c>
      <c r="JS18" s="102">
        <v>7</v>
      </c>
      <c r="JT18" s="103">
        <v>9</v>
      </c>
      <c r="JU18" s="413">
        <v>0</v>
      </c>
      <c r="JV18" s="102">
        <v>9</v>
      </c>
      <c r="JW18" s="102">
        <v>17</v>
      </c>
      <c r="JX18" s="102">
        <v>7</v>
      </c>
      <c r="JY18" s="102">
        <v>11</v>
      </c>
      <c r="JZ18" s="102">
        <v>15</v>
      </c>
      <c r="KA18" s="103">
        <v>59</v>
      </c>
      <c r="KB18" s="104">
        <v>68</v>
      </c>
      <c r="KC18" s="101">
        <v>411</v>
      </c>
      <c r="KD18" s="102">
        <v>525</v>
      </c>
      <c r="KE18" s="103">
        <v>936</v>
      </c>
      <c r="KF18" s="413">
        <v>0</v>
      </c>
      <c r="KG18" s="102">
        <v>721</v>
      </c>
      <c r="KH18" s="102">
        <v>683</v>
      </c>
      <c r="KI18" s="102">
        <v>445</v>
      </c>
      <c r="KJ18" s="102">
        <v>490</v>
      </c>
      <c r="KK18" s="102">
        <v>250</v>
      </c>
      <c r="KL18" s="103">
        <v>2589</v>
      </c>
      <c r="KM18" s="104">
        <v>3525</v>
      </c>
    </row>
    <row r="19" spans="2:299" s="70" customFormat="1" ht="21" customHeight="1" x14ac:dyDescent="0.2">
      <c r="B19" s="106" t="s">
        <v>16</v>
      </c>
      <c r="C19" s="96">
        <v>237</v>
      </c>
      <c r="D19" s="97">
        <v>312</v>
      </c>
      <c r="E19" s="98">
        <v>549</v>
      </c>
      <c r="F19" s="413">
        <v>0</v>
      </c>
      <c r="G19" s="97">
        <v>501</v>
      </c>
      <c r="H19" s="97">
        <v>630</v>
      </c>
      <c r="I19" s="97">
        <v>417</v>
      </c>
      <c r="J19" s="97">
        <v>317</v>
      </c>
      <c r="K19" s="97">
        <v>199</v>
      </c>
      <c r="L19" s="99">
        <v>2064</v>
      </c>
      <c r="M19" s="100">
        <v>2613</v>
      </c>
      <c r="N19" s="101">
        <v>7</v>
      </c>
      <c r="O19" s="102">
        <v>11</v>
      </c>
      <c r="P19" s="103">
        <v>18</v>
      </c>
      <c r="Q19" s="413">
        <v>0</v>
      </c>
      <c r="R19" s="102">
        <v>15</v>
      </c>
      <c r="S19" s="102">
        <v>29</v>
      </c>
      <c r="T19" s="102">
        <v>22</v>
      </c>
      <c r="U19" s="102">
        <v>16</v>
      </c>
      <c r="V19" s="102">
        <v>12</v>
      </c>
      <c r="W19" s="103">
        <v>94</v>
      </c>
      <c r="X19" s="104">
        <v>112</v>
      </c>
      <c r="Y19" s="101">
        <v>27</v>
      </c>
      <c r="Z19" s="102">
        <v>44</v>
      </c>
      <c r="AA19" s="103">
        <v>71</v>
      </c>
      <c r="AB19" s="413">
        <v>0</v>
      </c>
      <c r="AC19" s="102">
        <v>50</v>
      </c>
      <c r="AD19" s="102">
        <v>73</v>
      </c>
      <c r="AE19" s="102">
        <v>45</v>
      </c>
      <c r="AF19" s="102">
        <v>36</v>
      </c>
      <c r="AG19" s="102">
        <v>28</v>
      </c>
      <c r="AH19" s="103">
        <v>232</v>
      </c>
      <c r="AI19" s="104">
        <v>303</v>
      </c>
      <c r="AJ19" s="101">
        <v>48</v>
      </c>
      <c r="AK19" s="102">
        <v>62</v>
      </c>
      <c r="AL19" s="103">
        <v>110</v>
      </c>
      <c r="AM19" s="413">
        <v>0</v>
      </c>
      <c r="AN19" s="102">
        <v>83</v>
      </c>
      <c r="AO19" s="102">
        <v>99</v>
      </c>
      <c r="AP19" s="102">
        <v>74</v>
      </c>
      <c r="AQ19" s="102">
        <v>68</v>
      </c>
      <c r="AR19" s="102">
        <v>38</v>
      </c>
      <c r="AS19" s="103">
        <v>362</v>
      </c>
      <c r="AT19" s="104">
        <v>472</v>
      </c>
      <c r="AU19" s="101">
        <v>82</v>
      </c>
      <c r="AV19" s="102">
        <v>68</v>
      </c>
      <c r="AW19" s="103">
        <v>150</v>
      </c>
      <c r="AX19" s="413">
        <v>0</v>
      </c>
      <c r="AY19" s="102">
        <v>139</v>
      </c>
      <c r="AZ19" s="102">
        <v>183</v>
      </c>
      <c r="BA19" s="102">
        <v>92</v>
      </c>
      <c r="BB19" s="102">
        <v>81</v>
      </c>
      <c r="BC19" s="102">
        <v>48</v>
      </c>
      <c r="BD19" s="103">
        <v>543</v>
      </c>
      <c r="BE19" s="104">
        <v>693</v>
      </c>
      <c r="BF19" s="101">
        <v>47</v>
      </c>
      <c r="BG19" s="102">
        <v>77</v>
      </c>
      <c r="BH19" s="103">
        <v>124</v>
      </c>
      <c r="BI19" s="413">
        <v>0</v>
      </c>
      <c r="BJ19" s="102">
        <v>144</v>
      </c>
      <c r="BK19" s="102">
        <v>140</v>
      </c>
      <c r="BL19" s="102">
        <v>95</v>
      </c>
      <c r="BM19" s="102">
        <v>59</v>
      </c>
      <c r="BN19" s="102">
        <v>38</v>
      </c>
      <c r="BO19" s="103">
        <v>476</v>
      </c>
      <c r="BP19" s="104">
        <v>600</v>
      </c>
      <c r="BQ19" s="101">
        <v>26</v>
      </c>
      <c r="BR19" s="102">
        <v>50</v>
      </c>
      <c r="BS19" s="103">
        <v>76</v>
      </c>
      <c r="BT19" s="413">
        <v>0</v>
      </c>
      <c r="BU19" s="102">
        <v>70</v>
      </c>
      <c r="BV19" s="102">
        <v>106</v>
      </c>
      <c r="BW19" s="102">
        <v>89</v>
      </c>
      <c r="BX19" s="102">
        <v>57</v>
      </c>
      <c r="BY19" s="102">
        <v>35</v>
      </c>
      <c r="BZ19" s="103">
        <v>357</v>
      </c>
      <c r="CA19" s="104">
        <v>433</v>
      </c>
      <c r="CB19" s="101">
        <v>9</v>
      </c>
      <c r="CC19" s="102">
        <v>16</v>
      </c>
      <c r="CD19" s="103">
        <v>25</v>
      </c>
      <c r="CE19" s="413">
        <v>0</v>
      </c>
      <c r="CF19" s="102">
        <v>14</v>
      </c>
      <c r="CG19" s="102">
        <v>25</v>
      </c>
      <c r="CH19" s="102">
        <v>18</v>
      </c>
      <c r="CI19" s="102">
        <v>15</v>
      </c>
      <c r="CJ19" s="102">
        <v>12</v>
      </c>
      <c r="CK19" s="103">
        <v>84</v>
      </c>
      <c r="CL19" s="104">
        <v>109</v>
      </c>
      <c r="CM19" s="101">
        <v>246</v>
      </c>
      <c r="CN19" s="102">
        <v>328</v>
      </c>
      <c r="CO19" s="103">
        <v>574</v>
      </c>
      <c r="CP19" s="413">
        <v>0</v>
      </c>
      <c r="CQ19" s="102">
        <v>515</v>
      </c>
      <c r="CR19" s="102">
        <v>655</v>
      </c>
      <c r="CS19" s="102">
        <v>435</v>
      </c>
      <c r="CT19" s="102">
        <v>332</v>
      </c>
      <c r="CU19" s="102">
        <v>211</v>
      </c>
      <c r="CV19" s="103">
        <v>2148</v>
      </c>
      <c r="CW19" s="104">
        <v>2722</v>
      </c>
      <c r="CX19" s="105">
        <v>460</v>
      </c>
      <c r="CY19" s="97">
        <v>647</v>
      </c>
      <c r="CZ19" s="98">
        <v>1107</v>
      </c>
      <c r="DA19" s="413">
        <v>0</v>
      </c>
      <c r="DB19" s="97">
        <v>860</v>
      </c>
      <c r="DC19" s="97">
        <v>1000</v>
      </c>
      <c r="DD19" s="97">
        <v>777</v>
      </c>
      <c r="DE19" s="97">
        <v>825</v>
      </c>
      <c r="DF19" s="97">
        <v>448</v>
      </c>
      <c r="DG19" s="99">
        <v>3910</v>
      </c>
      <c r="DH19" s="100">
        <v>5017</v>
      </c>
      <c r="DI19" s="101">
        <v>18</v>
      </c>
      <c r="DJ19" s="102">
        <v>22</v>
      </c>
      <c r="DK19" s="103">
        <v>40</v>
      </c>
      <c r="DL19" s="413">
        <v>0</v>
      </c>
      <c r="DM19" s="102">
        <v>8</v>
      </c>
      <c r="DN19" s="102">
        <v>25</v>
      </c>
      <c r="DO19" s="102">
        <v>15</v>
      </c>
      <c r="DP19" s="102">
        <v>14</v>
      </c>
      <c r="DQ19" s="102">
        <v>11</v>
      </c>
      <c r="DR19" s="103">
        <v>73</v>
      </c>
      <c r="DS19" s="104">
        <v>113</v>
      </c>
      <c r="DT19" s="101">
        <v>39</v>
      </c>
      <c r="DU19" s="102">
        <v>59</v>
      </c>
      <c r="DV19" s="103">
        <v>98</v>
      </c>
      <c r="DW19" s="413">
        <v>0</v>
      </c>
      <c r="DX19" s="102">
        <v>42</v>
      </c>
      <c r="DY19" s="102">
        <v>76</v>
      </c>
      <c r="DZ19" s="102">
        <v>38</v>
      </c>
      <c r="EA19" s="102">
        <v>49</v>
      </c>
      <c r="EB19" s="102">
        <v>22</v>
      </c>
      <c r="EC19" s="103">
        <v>227</v>
      </c>
      <c r="ED19" s="104">
        <v>325</v>
      </c>
      <c r="EE19" s="101">
        <v>69</v>
      </c>
      <c r="EF19" s="102">
        <v>108</v>
      </c>
      <c r="EG19" s="103">
        <v>177</v>
      </c>
      <c r="EH19" s="413">
        <v>0</v>
      </c>
      <c r="EI19" s="102">
        <v>105</v>
      </c>
      <c r="EJ19" s="102">
        <v>116</v>
      </c>
      <c r="EK19" s="102">
        <v>83</v>
      </c>
      <c r="EL19" s="102">
        <v>85</v>
      </c>
      <c r="EM19" s="102">
        <v>51</v>
      </c>
      <c r="EN19" s="103">
        <v>440</v>
      </c>
      <c r="EO19" s="104">
        <v>617</v>
      </c>
      <c r="EP19" s="101">
        <v>152</v>
      </c>
      <c r="EQ19" s="102">
        <v>176</v>
      </c>
      <c r="ER19" s="103">
        <v>328</v>
      </c>
      <c r="ES19" s="413">
        <v>0</v>
      </c>
      <c r="ET19" s="102">
        <v>213</v>
      </c>
      <c r="EU19" s="102">
        <v>238</v>
      </c>
      <c r="EV19" s="102">
        <v>155</v>
      </c>
      <c r="EW19" s="102">
        <v>152</v>
      </c>
      <c r="EX19" s="102">
        <v>91</v>
      </c>
      <c r="EY19" s="103">
        <v>849</v>
      </c>
      <c r="EZ19" s="104">
        <v>1177</v>
      </c>
      <c r="FA19" s="101">
        <v>115</v>
      </c>
      <c r="FB19" s="102">
        <v>157</v>
      </c>
      <c r="FC19" s="103">
        <v>272</v>
      </c>
      <c r="FD19" s="413">
        <v>0</v>
      </c>
      <c r="FE19" s="102">
        <v>261</v>
      </c>
      <c r="FF19" s="102">
        <v>239</v>
      </c>
      <c r="FG19" s="102">
        <v>205</v>
      </c>
      <c r="FH19" s="102">
        <v>186</v>
      </c>
      <c r="FI19" s="102">
        <v>100</v>
      </c>
      <c r="FJ19" s="103">
        <v>991</v>
      </c>
      <c r="FK19" s="104">
        <v>1263</v>
      </c>
      <c r="FL19" s="101">
        <v>67</v>
      </c>
      <c r="FM19" s="102">
        <v>125</v>
      </c>
      <c r="FN19" s="103">
        <v>192</v>
      </c>
      <c r="FO19" s="413">
        <v>0</v>
      </c>
      <c r="FP19" s="102">
        <v>231</v>
      </c>
      <c r="FQ19" s="102">
        <v>306</v>
      </c>
      <c r="FR19" s="102">
        <v>281</v>
      </c>
      <c r="FS19" s="102">
        <v>339</v>
      </c>
      <c r="FT19" s="102">
        <v>173</v>
      </c>
      <c r="FU19" s="103">
        <v>1330</v>
      </c>
      <c r="FV19" s="104">
        <v>1522</v>
      </c>
      <c r="FW19" s="101">
        <v>6</v>
      </c>
      <c r="FX19" s="102">
        <v>17</v>
      </c>
      <c r="FY19" s="103">
        <v>23</v>
      </c>
      <c r="FZ19" s="413">
        <v>0</v>
      </c>
      <c r="GA19" s="102">
        <v>6</v>
      </c>
      <c r="GB19" s="102">
        <v>20</v>
      </c>
      <c r="GC19" s="102">
        <v>13</v>
      </c>
      <c r="GD19" s="102">
        <v>12</v>
      </c>
      <c r="GE19" s="102">
        <v>11</v>
      </c>
      <c r="GF19" s="103">
        <v>62</v>
      </c>
      <c r="GG19" s="104">
        <v>85</v>
      </c>
      <c r="GH19" s="101">
        <v>466</v>
      </c>
      <c r="GI19" s="102">
        <v>664</v>
      </c>
      <c r="GJ19" s="103">
        <v>1130</v>
      </c>
      <c r="GK19" s="413">
        <v>0</v>
      </c>
      <c r="GL19" s="102">
        <v>866</v>
      </c>
      <c r="GM19" s="102">
        <v>1020</v>
      </c>
      <c r="GN19" s="102">
        <v>790</v>
      </c>
      <c r="GO19" s="102">
        <v>837</v>
      </c>
      <c r="GP19" s="102">
        <v>459</v>
      </c>
      <c r="GQ19" s="103">
        <v>3972</v>
      </c>
      <c r="GR19" s="104">
        <v>5102</v>
      </c>
      <c r="GS19" s="105">
        <v>697</v>
      </c>
      <c r="GT19" s="97">
        <v>959</v>
      </c>
      <c r="GU19" s="98">
        <v>1656</v>
      </c>
      <c r="GV19" s="413">
        <v>0</v>
      </c>
      <c r="GW19" s="97">
        <v>1361</v>
      </c>
      <c r="GX19" s="97">
        <v>1630</v>
      </c>
      <c r="GY19" s="97">
        <v>1194</v>
      </c>
      <c r="GZ19" s="97">
        <v>1142</v>
      </c>
      <c r="HA19" s="97">
        <v>647</v>
      </c>
      <c r="HB19" s="99">
        <v>5974</v>
      </c>
      <c r="HC19" s="100">
        <v>7630</v>
      </c>
      <c r="HD19" s="101">
        <v>25</v>
      </c>
      <c r="HE19" s="102">
        <v>33</v>
      </c>
      <c r="HF19" s="103">
        <v>58</v>
      </c>
      <c r="HG19" s="416">
        <v>0</v>
      </c>
      <c r="HH19" s="102">
        <v>23</v>
      </c>
      <c r="HI19" s="102">
        <v>54</v>
      </c>
      <c r="HJ19" s="102">
        <v>37</v>
      </c>
      <c r="HK19" s="102">
        <v>30</v>
      </c>
      <c r="HL19" s="102">
        <v>23</v>
      </c>
      <c r="HM19" s="103">
        <v>167</v>
      </c>
      <c r="HN19" s="104">
        <v>225</v>
      </c>
      <c r="HO19" s="101">
        <v>66</v>
      </c>
      <c r="HP19" s="102">
        <v>103</v>
      </c>
      <c r="HQ19" s="103">
        <v>169</v>
      </c>
      <c r="HR19" s="413">
        <v>0</v>
      </c>
      <c r="HS19" s="102">
        <v>92</v>
      </c>
      <c r="HT19" s="102">
        <v>149</v>
      </c>
      <c r="HU19" s="102">
        <v>83</v>
      </c>
      <c r="HV19" s="102">
        <v>85</v>
      </c>
      <c r="HW19" s="102">
        <v>50</v>
      </c>
      <c r="HX19" s="103">
        <v>459</v>
      </c>
      <c r="HY19" s="104">
        <v>628</v>
      </c>
      <c r="HZ19" s="101">
        <v>117</v>
      </c>
      <c r="IA19" s="102">
        <v>170</v>
      </c>
      <c r="IB19" s="103">
        <v>287</v>
      </c>
      <c r="IC19" s="413">
        <v>0</v>
      </c>
      <c r="ID19" s="102">
        <v>188</v>
      </c>
      <c r="IE19" s="102">
        <v>215</v>
      </c>
      <c r="IF19" s="102">
        <v>157</v>
      </c>
      <c r="IG19" s="102">
        <v>153</v>
      </c>
      <c r="IH19" s="102">
        <v>89</v>
      </c>
      <c r="II19" s="103">
        <v>802</v>
      </c>
      <c r="IJ19" s="104">
        <v>1089</v>
      </c>
      <c r="IK19" s="101">
        <v>234</v>
      </c>
      <c r="IL19" s="102">
        <v>244</v>
      </c>
      <c r="IM19" s="103">
        <v>478</v>
      </c>
      <c r="IN19" s="413">
        <v>0</v>
      </c>
      <c r="IO19" s="102">
        <v>352</v>
      </c>
      <c r="IP19" s="102">
        <v>421</v>
      </c>
      <c r="IQ19" s="102">
        <v>247</v>
      </c>
      <c r="IR19" s="102">
        <v>233</v>
      </c>
      <c r="IS19" s="102">
        <v>139</v>
      </c>
      <c r="IT19" s="103">
        <v>1392</v>
      </c>
      <c r="IU19" s="104">
        <v>1870</v>
      </c>
      <c r="IV19" s="101">
        <v>162</v>
      </c>
      <c r="IW19" s="102">
        <v>234</v>
      </c>
      <c r="IX19" s="103">
        <v>396</v>
      </c>
      <c r="IY19" s="413">
        <v>0</v>
      </c>
      <c r="IZ19" s="102">
        <v>405</v>
      </c>
      <c r="JA19" s="102">
        <v>379</v>
      </c>
      <c r="JB19" s="102">
        <v>300</v>
      </c>
      <c r="JC19" s="102">
        <v>245</v>
      </c>
      <c r="JD19" s="102">
        <v>138</v>
      </c>
      <c r="JE19" s="103">
        <v>1467</v>
      </c>
      <c r="JF19" s="104">
        <v>1863</v>
      </c>
      <c r="JG19" s="101">
        <v>93</v>
      </c>
      <c r="JH19" s="102">
        <v>175</v>
      </c>
      <c r="JI19" s="103">
        <v>268</v>
      </c>
      <c r="JJ19" s="413">
        <v>0</v>
      </c>
      <c r="JK19" s="102">
        <v>301</v>
      </c>
      <c r="JL19" s="102">
        <v>412</v>
      </c>
      <c r="JM19" s="102">
        <v>370</v>
      </c>
      <c r="JN19" s="102">
        <v>396</v>
      </c>
      <c r="JO19" s="102">
        <v>208</v>
      </c>
      <c r="JP19" s="103">
        <v>1687</v>
      </c>
      <c r="JQ19" s="104">
        <v>1955</v>
      </c>
      <c r="JR19" s="101">
        <v>15</v>
      </c>
      <c r="JS19" s="102">
        <v>33</v>
      </c>
      <c r="JT19" s="103">
        <v>48</v>
      </c>
      <c r="JU19" s="413">
        <v>0</v>
      </c>
      <c r="JV19" s="102">
        <v>20</v>
      </c>
      <c r="JW19" s="102">
        <v>45</v>
      </c>
      <c r="JX19" s="102">
        <v>31</v>
      </c>
      <c r="JY19" s="102">
        <v>27</v>
      </c>
      <c r="JZ19" s="102">
        <v>23</v>
      </c>
      <c r="KA19" s="103">
        <v>146</v>
      </c>
      <c r="KB19" s="104">
        <v>194</v>
      </c>
      <c r="KC19" s="101">
        <v>712</v>
      </c>
      <c r="KD19" s="102">
        <v>992</v>
      </c>
      <c r="KE19" s="103">
        <v>1704</v>
      </c>
      <c r="KF19" s="413">
        <v>0</v>
      </c>
      <c r="KG19" s="102">
        <v>1381</v>
      </c>
      <c r="KH19" s="102">
        <v>1675</v>
      </c>
      <c r="KI19" s="102">
        <v>1225</v>
      </c>
      <c r="KJ19" s="102">
        <v>1169</v>
      </c>
      <c r="KK19" s="102">
        <v>670</v>
      </c>
      <c r="KL19" s="103">
        <v>6120</v>
      </c>
      <c r="KM19" s="104">
        <v>7824</v>
      </c>
    </row>
    <row r="20" spans="2:299" s="70" customFormat="1" ht="21" customHeight="1" x14ac:dyDescent="0.2">
      <c r="B20" s="106" t="s">
        <v>17</v>
      </c>
      <c r="C20" s="96">
        <v>350</v>
      </c>
      <c r="D20" s="97">
        <v>394</v>
      </c>
      <c r="E20" s="98">
        <v>744</v>
      </c>
      <c r="F20" s="413">
        <v>0</v>
      </c>
      <c r="G20" s="97">
        <v>541</v>
      </c>
      <c r="H20" s="97">
        <v>839</v>
      </c>
      <c r="I20" s="97">
        <v>571</v>
      </c>
      <c r="J20" s="97">
        <v>441</v>
      </c>
      <c r="K20" s="97">
        <v>243</v>
      </c>
      <c r="L20" s="99">
        <v>2635</v>
      </c>
      <c r="M20" s="100">
        <v>3379</v>
      </c>
      <c r="N20" s="101">
        <v>17</v>
      </c>
      <c r="O20" s="102">
        <v>17</v>
      </c>
      <c r="P20" s="103">
        <v>34</v>
      </c>
      <c r="Q20" s="413">
        <v>0</v>
      </c>
      <c r="R20" s="102">
        <v>17</v>
      </c>
      <c r="S20" s="102">
        <v>48</v>
      </c>
      <c r="T20" s="102">
        <v>31</v>
      </c>
      <c r="U20" s="102">
        <v>24</v>
      </c>
      <c r="V20" s="102">
        <v>17</v>
      </c>
      <c r="W20" s="103">
        <v>137</v>
      </c>
      <c r="X20" s="104">
        <v>171</v>
      </c>
      <c r="Y20" s="101">
        <v>26</v>
      </c>
      <c r="Z20" s="102">
        <v>52</v>
      </c>
      <c r="AA20" s="103">
        <v>78</v>
      </c>
      <c r="AB20" s="413">
        <v>0</v>
      </c>
      <c r="AC20" s="102">
        <v>57</v>
      </c>
      <c r="AD20" s="102">
        <v>96</v>
      </c>
      <c r="AE20" s="102">
        <v>61</v>
      </c>
      <c r="AF20" s="102">
        <v>48</v>
      </c>
      <c r="AG20" s="102">
        <v>30</v>
      </c>
      <c r="AH20" s="103">
        <v>292</v>
      </c>
      <c r="AI20" s="104">
        <v>370</v>
      </c>
      <c r="AJ20" s="101">
        <v>47</v>
      </c>
      <c r="AK20" s="102">
        <v>75</v>
      </c>
      <c r="AL20" s="103">
        <v>122</v>
      </c>
      <c r="AM20" s="413">
        <v>0</v>
      </c>
      <c r="AN20" s="102">
        <v>96</v>
      </c>
      <c r="AO20" s="102">
        <v>159</v>
      </c>
      <c r="AP20" s="102">
        <v>102</v>
      </c>
      <c r="AQ20" s="102">
        <v>70</v>
      </c>
      <c r="AR20" s="102">
        <v>54</v>
      </c>
      <c r="AS20" s="103">
        <v>481</v>
      </c>
      <c r="AT20" s="104">
        <v>603</v>
      </c>
      <c r="AU20" s="101">
        <v>112</v>
      </c>
      <c r="AV20" s="102">
        <v>98</v>
      </c>
      <c r="AW20" s="103">
        <v>210</v>
      </c>
      <c r="AX20" s="413">
        <v>0</v>
      </c>
      <c r="AY20" s="102">
        <v>158</v>
      </c>
      <c r="AZ20" s="102">
        <v>229</v>
      </c>
      <c r="BA20" s="102">
        <v>160</v>
      </c>
      <c r="BB20" s="102">
        <v>114</v>
      </c>
      <c r="BC20" s="102">
        <v>50</v>
      </c>
      <c r="BD20" s="103">
        <v>711</v>
      </c>
      <c r="BE20" s="104">
        <v>921</v>
      </c>
      <c r="BF20" s="101">
        <v>99</v>
      </c>
      <c r="BG20" s="102">
        <v>86</v>
      </c>
      <c r="BH20" s="103">
        <v>185</v>
      </c>
      <c r="BI20" s="413">
        <v>0</v>
      </c>
      <c r="BJ20" s="102">
        <v>134</v>
      </c>
      <c r="BK20" s="102">
        <v>179</v>
      </c>
      <c r="BL20" s="102">
        <v>124</v>
      </c>
      <c r="BM20" s="102">
        <v>110</v>
      </c>
      <c r="BN20" s="102">
        <v>52</v>
      </c>
      <c r="BO20" s="103">
        <v>599</v>
      </c>
      <c r="BP20" s="104">
        <v>784</v>
      </c>
      <c r="BQ20" s="101">
        <v>49</v>
      </c>
      <c r="BR20" s="102">
        <v>66</v>
      </c>
      <c r="BS20" s="103">
        <v>115</v>
      </c>
      <c r="BT20" s="413">
        <v>0</v>
      </c>
      <c r="BU20" s="102">
        <v>79</v>
      </c>
      <c r="BV20" s="102">
        <v>128</v>
      </c>
      <c r="BW20" s="102">
        <v>93</v>
      </c>
      <c r="BX20" s="102">
        <v>75</v>
      </c>
      <c r="BY20" s="102">
        <v>40</v>
      </c>
      <c r="BZ20" s="103">
        <v>415</v>
      </c>
      <c r="CA20" s="104">
        <v>530</v>
      </c>
      <c r="CB20" s="101">
        <v>7</v>
      </c>
      <c r="CC20" s="102">
        <v>20</v>
      </c>
      <c r="CD20" s="103">
        <v>27</v>
      </c>
      <c r="CE20" s="413">
        <v>0</v>
      </c>
      <c r="CF20" s="102">
        <v>28</v>
      </c>
      <c r="CG20" s="102">
        <v>40</v>
      </c>
      <c r="CH20" s="102">
        <v>28</v>
      </c>
      <c r="CI20" s="102">
        <v>16</v>
      </c>
      <c r="CJ20" s="102">
        <v>19</v>
      </c>
      <c r="CK20" s="103">
        <v>131</v>
      </c>
      <c r="CL20" s="104">
        <v>158</v>
      </c>
      <c r="CM20" s="101">
        <v>357</v>
      </c>
      <c r="CN20" s="102">
        <v>414</v>
      </c>
      <c r="CO20" s="103">
        <v>771</v>
      </c>
      <c r="CP20" s="413">
        <v>0</v>
      </c>
      <c r="CQ20" s="102">
        <v>569</v>
      </c>
      <c r="CR20" s="102">
        <v>879</v>
      </c>
      <c r="CS20" s="102">
        <v>599</v>
      </c>
      <c r="CT20" s="102">
        <v>457</v>
      </c>
      <c r="CU20" s="102">
        <v>262</v>
      </c>
      <c r="CV20" s="103">
        <v>2766</v>
      </c>
      <c r="CW20" s="104">
        <v>3537</v>
      </c>
      <c r="CX20" s="105">
        <v>666</v>
      </c>
      <c r="CY20" s="97">
        <v>915</v>
      </c>
      <c r="CZ20" s="98">
        <v>1581</v>
      </c>
      <c r="DA20" s="413">
        <v>0</v>
      </c>
      <c r="DB20" s="97">
        <v>930</v>
      </c>
      <c r="DC20" s="97">
        <v>1366</v>
      </c>
      <c r="DD20" s="97">
        <v>1006</v>
      </c>
      <c r="DE20" s="97">
        <v>922</v>
      </c>
      <c r="DF20" s="97">
        <v>603</v>
      </c>
      <c r="DG20" s="99">
        <v>4827</v>
      </c>
      <c r="DH20" s="100">
        <v>6408</v>
      </c>
      <c r="DI20" s="101">
        <v>14</v>
      </c>
      <c r="DJ20" s="102">
        <v>33</v>
      </c>
      <c r="DK20" s="103">
        <v>47</v>
      </c>
      <c r="DL20" s="413">
        <v>0</v>
      </c>
      <c r="DM20" s="102">
        <v>9</v>
      </c>
      <c r="DN20" s="102">
        <v>33</v>
      </c>
      <c r="DO20" s="102">
        <v>25</v>
      </c>
      <c r="DP20" s="102">
        <v>19</v>
      </c>
      <c r="DQ20" s="102">
        <v>18</v>
      </c>
      <c r="DR20" s="103">
        <v>104</v>
      </c>
      <c r="DS20" s="104">
        <v>151</v>
      </c>
      <c r="DT20" s="101">
        <v>50</v>
      </c>
      <c r="DU20" s="102">
        <v>72</v>
      </c>
      <c r="DV20" s="103">
        <v>122</v>
      </c>
      <c r="DW20" s="413">
        <v>0</v>
      </c>
      <c r="DX20" s="102">
        <v>59</v>
      </c>
      <c r="DY20" s="102">
        <v>79</v>
      </c>
      <c r="DZ20" s="102">
        <v>55</v>
      </c>
      <c r="EA20" s="102">
        <v>61</v>
      </c>
      <c r="EB20" s="102">
        <v>26</v>
      </c>
      <c r="EC20" s="103">
        <v>280</v>
      </c>
      <c r="ED20" s="104">
        <v>402</v>
      </c>
      <c r="EE20" s="101">
        <v>109</v>
      </c>
      <c r="EF20" s="102">
        <v>152</v>
      </c>
      <c r="EG20" s="103">
        <v>261</v>
      </c>
      <c r="EH20" s="413">
        <v>0</v>
      </c>
      <c r="EI20" s="102">
        <v>120</v>
      </c>
      <c r="EJ20" s="102">
        <v>167</v>
      </c>
      <c r="EK20" s="102">
        <v>118</v>
      </c>
      <c r="EL20" s="102">
        <v>90</v>
      </c>
      <c r="EM20" s="102">
        <v>64</v>
      </c>
      <c r="EN20" s="103">
        <v>559</v>
      </c>
      <c r="EO20" s="104">
        <v>820</v>
      </c>
      <c r="EP20" s="101">
        <v>221</v>
      </c>
      <c r="EQ20" s="102">
        <v>263</v>
      </c>
      <c r="ER20" s="103">
        <v>484</v>
      </c>
      <c r="ES20" s="413">
        <v>0</v>
      </c>
      <c r="ET20" s="102">
        <v>256</v>
      </c>
      <c r="EU20" s="102">
        <v>355</v>
      </c>
      <c r="EV20" s="102">
        <v>231</v>
      </c>
      <c r="EW20" s="102">
        <v>184</v>
      </c>
      <c r="EX20" s="102">
        <v>132</v>
      </c>
      <c r="EY20" s="103">
        <v>1158</v>
      </c>
      <c r="EZ20" s="104">
        <v>1642</v>
      </c>
      <c r="FA20" s="101">
        <v>185</v>
      </c>
      <c r="FB20" s="102">
        <v>250</v>
      </c>
      <c r="FC20" s="103">
        <v>435</v>
      </c>
      <c r="FD20" s="413">
        <v>0</v>
      </c>
      <c r="FE20" s="102">
        <v>268</v>
      </c>
      <c r="FF20" s="102">
        <v>380</v>
      </c>
      <c r="FG20" s="102">
        <v>268</v>
      </c>
      <c r="FH20" s="102">
        <v>219</v>
      </c>
      <c r="FI20" s="102">
        <v>167</v>
      </c>
      <c r="FJ20" s="103">
        <v>1302</v>
      </c>
      <c r="FK20" s="104">
        <v>1737</v>
      </c>
      <c r="FL20" s="101">
        <v>87</v>
      </c>
      <c r="FM20" s="102">
        <v>145</v>
      </c>
      <c r="FN20" s="103">
        <v>232</v>
      </c>
      <c r="FO20" s="413">
        <v>0</v>
      </c>
      <c r="FP20" s="102">
        <v>218</v>
      </c>
      <c r="FQ20" s="102">
        <v>352</v>
      </c>
      <c r="FR20" s="102">
        <v>309</v>
      </c>
      <c r="FS20" s="102">
        <v>349</v>
      </c>
      <c r="FT20" s="102">
        <v>196</v>
      </c>
      <c r="FU20" s="103">
        <v>1424</v>
      </c>
      <c r="FV20" s="104">
        <v>1656</v>
      </c>
      <c r="FW20" s="101">
        <v>6</v>
      </c>
      <c r="FX20" s="102">
        <v>17</v>
      </c>
      <c r="FY20" s="103">
        <v>23</v>
      </c>
      <c r="FZ20" s="413">
        <v>0</v>
      </c>
      <c r="GA20" s="102">
        <v>5</v>
      </c>
      <c r="GB20" s="102">
        <v>33</v>
      </c>
      <c r="GC20" s="102">
        <v>14</v>
      </c>
      <c r="GD20" s="102">
        <v>23</v>
      </c>
      <c r="GE20" s="102">
        <v>20</v>
      </c>
      <c r="GF20" s="103">
        <v>95</v>
      </c>
      <c r="GG20" s="104">
        <v>118</v>
      </c>
      <c r="GH20" s="101">
        <v>672</v>
      </c>
      <c r="GI20" s="102">
        <v>932</v>
      </c>
      <c r="GJ20" s="103">
        <v>1604</v>
      </c>
      <c r="GK20" s="413">
        <v>0</v>
      </c>
      <c r="GL20" s="102">
        <v>935</v>
      </c>
      <c r="GM20" s="102">
        <v>1399</v>
      </c>
      <c r="GN20" s="102">
        <v>1020</v>
      </c>
      <c r="GO20" s="102">
        <v>945</v>
      </c>
      <c r="GP20" s="102">
        <v>623</v>
      </c>
      <c r="GQ20" s="103">
        <v>4922</v>
      </c>
      <c r="GR20" s="104">
        <v>6526</v>
      </c>
      <c r="GS20" s="105">
        <v>1016</v>
      </c>
      <c r="GT20" s="97">
        <v>1309</v>
      </c>
      <c r="GU20" s="98">
        <v>2325</v>
      </c>
      <c r="GV20" s="413">
        <v>0</v>
      </c>
      <c r="GW20" s="97">
        <v>1471</v>
      </c>
      <c r="GX20" s="97">
        <v>2205</v>
      </c>
      <c r="GY20" s="97">
        <v>1577</v>
      </c>
      <c r="GZ20" s="97">
        <v>1363</v>
      </c>
      <c r="HA20" s="97">
        <v>846</v>
      </c>
      <c r="HB20" s="99">
        <v>7462</v>
      </c>
      <c r="HC20" s="100">
        <v>9787</v>
      </c>
      <c r="HD20" s="101">
        <v>31</v>
      </c>
      <c r="HE20" s="102">
        <v>50</v>
      </c>
      <c r="HF20" s="103">
        <v>81</v>
      </c>
      <c r="HG20" s="416">
        <v>0</v>
      </c>
      <c r="HH20" s="102">
        <v>26</v>
      </c>
      <c r="HI20" s="102">
        <v>81</v>
      </c>
      <c r="HJ20" s="102">
        <v>56</v>
      </c>
      <c r="HK20" s="102">
        <v>43</v>
      </c>
      <c r="HL20" s="102">
        <v>35</v>
      </c>
      <c r="HM20" s="103">
        <v>241</v>
      </c>
      <c r="HN20" s="104">
        <v>322</v>
      </c>
      <c r="HO20" s="101">
        <v>76</v>
      </c>
      <c r="HP20" s="102">
        <v>124</v>
      </c>
      <c r="HQ20" s="103">
        <v>200</v>
      </c>
      <c r="HR20" s="413">
        <v>0</v>
      </c>
      <c r="HS20" s="102">
        <v>116</v>
      </c>
      <c r="HT20" s="102">
        <v>175</v>
      </c>
      <c r="HU20" s="102">
        <v>116</v>
      </c>
      <c r="HV20" s="102">
        <v>109</v>
      </c>
      <c r="HW20" s="102">
        <v>56</v>
      </c>
      <c r="HX20" s="103">
        <v>572</v>
      </c>
      <c r="HY20" s="104">
        <v>772</v>
      </c>
      <c r="HZ20" s="101">
        <v>156</v>
      </c>
      <c r="IA20" s="102">
        <v>227</v>
      </c>
      <c r="IB20" s="103">
        <v>383</v>
      </c>
      <c r="IC20" s="413">
        <v>0</v>
      </c>
      <c r="ID20" s="102">
        <v>216</v>
      </c>
      <c r="IE20" s="102">
        <v>326</v>
      </c>
      <c r="IF20" s="102">
        <v>220</v>
      </c>
      <c r="IG20" s="102">
        <v>160</v>
      </c>
      <c r="IH20" s="102">
        <v>118</v>
      </c>
      <c r="II20" s="103">
        <v>1040</v>
      </c>
      <c r="IJ20" s="104">
        <v>1423</v>
      </c>
      <c r="IK20" s="101">
        <v>333</v>
      </c>
      <c r="IL20" s="102">
        <v>361</v>
      </c>
      <c r="IM20" s="103">
        <v>694</v>
      </c>
      <c r="IN20" s="413">
        <v>0</v>
      </c>
      <c r="IO20" s="102">
        <v>414</v>
      </c>
      <c r="IP20" s="102">
        <v>584</v>
      </c>
      <c r="IQ20" s="102">
        <v>391</v>
      </c>
      <c r="IR20" s="102">
        <v>298</v>
      </c>
      <c r="IS20" s="102">
        <v>182</v>
      </c>
      <c r="IT20" s="103">
        <v>1869</v>
      </c>
      <c r="IU20" s="104">
        <v>2563</v>
      </c>
      <c r="IV20" s="101">
        <v>284</v>
      </c>
      <c r="IW20" s="102">
        <v>336</v>
      </c>
      <c r="IX20" s="103">
        <v>620</v>
      </c>
      <c r="IY20" s="413">
        <v>0</v>
      </c>
      <c r="IZ20" s="102">
        <v>402</v>
      </c>
      <c r="JA20" s="102">
        <v>559</v>
      </c>
      <c r="JB20" s="102">
        <v>392</v>
      </c>
      <c r="JC20" s="102">
        <v>329</v>
      </c>
      <c r="JD20" s="102">
        <v>219</v>
      </c>
      <c r="JE20" s="103">
        <v>1901</v>
      </c>
      <c r="JF20" s="104">
        <v>2521</v>
      </c>
      <c r="JG20" s="101">
        <v>136</v>
      </c>
      <c r="JH20" s="102">
        <v>211</v>
      </c>
      <c r="JI20" s="103">
        <v>347</v>
      </c>
      <c r="JJ20" s="413">
        <v>0</v>
      </c>
      <c r="JK20" s="102">
        <v>297</v>
      </c>
      <c r="JL20" s="102">
        <v>480</v>
      </c>
      <c r="JM20" s="102">
        <v>402</v>
      </c>
      <c r="JN20" s="102">
        <v>424</v>
      </c>
      <c r="JO20" s="102">
        <v>236</v>
      </c>
      <c r="JP20" s="103">
        <v>1839</v>
      </c>
      <c r="JQ20" s="104">
        <v>2186</v>
      </c>
      <c r="JR20" s="101">
        <v>13</v>
      </c>
      <c r="JS20" s="102">
        <v>37</v>
      </c>
      <c r="JT20" s="103">
        <v>50</v>
      </c>
      <c r="JU20" s="413">
        <v>0</v>
      </c>
      <c r="JV20" s="102">
        <v>33</v>
      </c>
      <c r="JW20" s="102">
        <v>73</v>
      </c>
      <c r="JX20" s="102">
        <v>42</v>
      </c>
      <c r="JY20" s="102">
        <v>39</v>
      </c>
      <c r="JZ20" s="102">
        <v>39</v>
      </c>
      <c r="KA20" s="103">
        <v>226</v>
      </c>
      <c r="KB20" s="104">
        <v>276</v>
      </c>
      <c r="KC20" s="101">
        <v>1029</v>
      </c>
      <c r="KD20" s="102">
        <v>1346</v>
      </c>
      <c r="KE20" s="103">
        <v>2375</v>
      </c>
      <c r="KF20" s="413">
        <v>0</v>
      </c>
      <c r="KG20" s="102">
        <v>1504</v>
      </c>
      <c r="KH20" s="102">
        <v>2278</v>
      </c>
      <c r="KI20" s="102">
        <v>1619</v>
      </c>
      <c r="KJ20" s="102">
        <v>1402</v>
      </c>
      <c r="KK20" s="102">
        <v>885</v>
      </c>
      <c r="KL20" s="103">
        <v>7688</v>
      </c>
      <c r="KM20" s="104">
        <v>10063</v>
      </c>
    </row>
    <row r="21" spans="2:299" s="70" customFormat="1" ht="21" customHeight="1" x14ac:dyDescent="0.2">
      <c r="B21" s="106" t="s">
        <v>18</v>
      </c>
      <c r="C21" s="96">
        <v>466</v>
      </c>
      <c r="D21" s="97">
        <v>470</v>
      </c>
      <c r="E21" s="98">
        <v>936</v>
      </c>
      <c r="F21" s="413">
        <v>0</v>
      </c>
      <c r="G21" s="97">
        <v>1006</v>
      </c>
      <c r="H21" s="97">
        <v>840</v>
      </c>
      <c r="I21" s="97">
        <v>535</v>
      </c>
      <c r="J21" s="97">
        <v>441</v>
      </c>
      <c r="K21" s="97">
        <v>298</v>
      </c>
      <c r="L21" s="99">
        <v>3120</v>
      </c>
      <c r="M21" s="100">
        <v>4056</v>
      </c>
      <c r="N21" s="101">
        <v>24</v>
      </c>
      <c r="O21" s="102">
        <v>21</v>
      </c>
      <c r="P21" s="103">
        <v>45</v>
      </c>
      <c r="Q21" s="413">
        <v>0</v>
      </c>
      <c r="R21" s="102">
        <v>49</v>
      </c>
      <c r="S21" s="102">
        <v>44</v>
      </c>
      <c r="T21" s="102">
        <v>30</v>
      </c>
      <c r="U21" s="102">
        <v>23</v>
      </c>
      <c r="V21" s="102">
        <v>26</v>
      </c>
      <c r="W21" s="103">
        <v>172</v>
      </c>
      <c r="X21" s="104">
        <v>217</v>
      </c>
      <c r="Y21" s="101">
        <v>46</v>
      </c>
      <c r="Z21" s="102">
        <v>48</v>
      </c>
      <c r="AA21" s="103">
        <v>94</v>
      </c>
      <c r="AB21" s="413">
        <v>0</v>
      </c>
      <c r="AC21" s="102">
        <v>105</v>
      </c>
      <c r="AD21" s="102">
        <v>85</v>
      </c>
      <c r="AE21" s="102">
        <v>60</v>
      </c>
      <c r="AF21" s="102">
        <v>54</v>
      </c>
      <c r="AG21" s="102">
        <v>37</v>
      </c>
      <c r="AH21" s="103">
        <v>341</v>
      </c>
      <c r="AI21" s="104">
        <v>435</v>
      </c>
      <c r="AJ21" s="101">
        <v>75</v>
      </c>
      <c r="AK21" s="102">
        <v>80</v>
      </c>
      <c r="AL21" s="103">
        <v>155</v>
      </c>
      <c r="AM21" s="413">
        <v>0</v>
      </c>
      <c r="AN21" s="102">
        <v>164</v>
      </c>
      <c r="AO21" s="102">
        <v>133</v>
      </c>
      <c r="AP21" s="102">
        <v>83</v>
      </c>
      <c r="AQ21" s="102">
        <v>75</v>
      </c>
      <c r="AR21" s="102">
        <v>52</v>
      </c>
      <c r="AS21" s="103">
        <v>507</v>
      </c>
      <c r="AT21" s="104">
        <v>662</v>
      </c>
      <c r="AU21" s="101">
        <v>135</v>
      </c>
      <c r="AV21" s="102">
        <v>129</v>
      </c>
      <c r="AW21" s="103">
        <v>264</v>
      </c>
      <c r="AX21" s="413">
        <v>0</v>
      </c>
      <c r="AY21" s="102">
        <v>282</v>
      </c>
      <c r="AZ21" s="102">
        <v>240</v>
      </c>
      <c r="BA21" s="102">
        <v>121</v>
      </c>
      <c r="BB21" s="102">
        <v>112</v>
      </c>
      <c r="BC21" s="102">
        <v>98</v>
      </c>
      <c r="BD21" s="103">
        <v>853</v>
      </c>
      <c r="BE21" s="104">
        <v>1117</v>
      </c>
      <c r="BF21" s="101">
        <v>123</v>
      </c>
      <c r="BG21" s="102">
        <v>123</v>
      </c>
      <c r="BH21" s="103">
        <v>246</v>
      </c>
      <c r="BI21" s="413">
        <v>0</v>
      </c>
      <c r="BJ21" s="102">
        <v>258</v>
      </c>
      <c r="BK21" s="102">
        <v>207</v>
      </c>
      <c r="BL21" s="102">
        <v>145</v>
      </c>
      <c r="BM21" s="102">
        <v>109</v>
      </c>
      <c r="BN21" s="102">
        <v>46</v>
      </c>
      <c r="BO21" s="103">
        <v>765</v>
      </c>
      <c r="BP21" s="104">
        <v>1011</v>
      </c>
      <c r="BQ21" s="101">
        <v>63</v>
      </c>
      <c r="BR21" s="102">
        <v>69</v>
      </c>
      <c r="BS21" s="103">
        <v>132</v>
      </c>
      <c r="BT21" s="413">
        <v>0</v>
      </c>
      <c r="BU21" s="102">
        <v>148</v>
      </c>
      <c r="BV21" s="102">
        <v>131</v>
      </c>
      <c r="BW21" s="102">
        <v>96</v>
      </c>
      <c r="BX21" s="102">
        <v>68</v>
      </c>
      <c r="BY21" s="102">
        <v>39</v>
      </c>
      <c r="BZ21" s="103">
        <v>482</v>
      </c>
      <c r="CA21" s="104">
        <v>614</v>
      </c>
      <c r="CB21" s="101">
        <v>10</v>
      </c>
      <c r="CC21" s="102">
        <v>25</v>
      </c>
      <c r="CD21" s="103">
        <v>35</v>
      </c>
      <c r="CE21" s="413">
        <v>0</v>
      </c>
      <c r="CF21" s="102">
        <v>31</v>
      </c>
      <c r="CG21" s="102">
        <v>39</v>
      </c>
      <c r="CH21" s="102">
        <v>26</v>
      </c>
      <c r="CI21" s="102">
        <v>30</v>
      </c>
      <c r="CJ21" s="102">
        <v>20</v>
      </c>
      <c r="CK21" s="103">
        <v>146</v>
      </c>
      <c r="CL21" s="104">
        <v>181</v>
      </c>
      <c r="CM21" s="101">
        <v>476</v>
      </c>
      <c r="CN21" s="102">
        <v>495</v>
      </c>
      <c r="CO21" s="103">
        <v>971</v>
      </c>
      <c r="CP21" s="413">
        <v>0</v>
      </c>
      <c r="CQ21" s="102">
        <v>1037</v>
      </c>
      <c r="CR21" s="102">
        <v>879</v>
      </c>
      <c r="CS21" s="102">
        <v>561</v>
      </c>
      <c r="CT21" s="102">
        <v>471</v>
      </c>
      <c r="CU21" s="102">
        <v>318</v>
      </c>
      <c r="CV21" s="103">
        <v>3266</v>
      </c>
      <c r="CW21" s="104">
        <v>4237</v>
      </c>
      <c r="CX21" s="105">
        <v>824</v>
      </c>
      <c r="CY21" s="97">
        <v>1179</v>
      </c>
      <c r="CZ21" s="98">
        <v>2003</v>
      </c>
      <c r="DA21" s="413">
        <v>0</v>
      </c>
      <c r="DB21" s="97">
        <v>1513</v>
      </c>
      <c r="DC21" s="97">
        <v>1268</v>
      </c>
      <c r="DD21" s="97">
        <v>1002</v>
      </c>
      <c r="DE21" s="97">
        <v>1003</v>
      </c>
      <c r="DF21" s="97">
        <v>654</v>
      </c>
      <c r="DG21" s="99">
        <v>5440</v>
      </c>
      <c r="DH21" s="100">
        <v>7443</v>
      </c>
      <c r="DI21" s="101">
        <v>12</v>
      </c>
      <c r="DJ21" s="102">
        <v>35</v>
      </c>
      <c r="DK21" s="103">
        <v>47</v>
      </c>
      <c r="DL21" s="413">
        <v>0</v>
      </c>
      <c r="DM21" s="102">
        <v>42</v>
      </c>
      <c r="DN21" s="102">
        <v>19</v>
      </c>
      <c r="DO21" s="102">
        <v>16</v>
      </c>
      <c r="DP21" s="102">
        <v>23</v>
      </c>
      <c r="DQ21" s="102">
        <v>16</v>
      </c>
      <c r="DR21" s="103">
        <v>116</v>
      </c>
      <c r="DS21" s="104">
        <v>163</v>
      </c>
      <c r="DT21" s="101">
        <v>72</v>
      </c>
      <c r="DU21" s="102">
        <v>80</v>
      </c>
      <c r="DV21" s="103">
        <v>152</v>
      </c>
      <c r="DW21" s="413">
        <v>0</v>
      </c>
      <c r="DX21" s="102">
        <v>85</v>
      </c>
      <c r="DY21" s="102">
        <v>73</v>
      </c>
      <c r="DZ21" s="102">
        <v>34</v>
      </c>
      <c r="EA21" s="102">
        <v>52</v>
      </c>
      <c r="EB21" s="102">
        <v>35</v>
      </c>
      <c r="EC21" s="103">
        <v>279</v>
      </c>
      <c r="ED21" s="104">
        <v>431</v>
      </c>
      <c r="EE21" s="101">
        <v>146</v>
      </c>
      <c r="EF21" s="102">
        <v>193</v>
      </c>
      <c r="EG21" s="103">
        <v>339</v>
      </c>
      <c r="EH21" s="413">
        <v>0</v>
      </c>
      <c r="EI21" s="102">
        <v>202</v>
      </c>
      <c r="EJ21" s="102">
        <v>152</v>
      </c>
      <c r="EK21" s="102">
        <v>105</v>
      </c>
      <c r="EL21" s="102">
        <v>98</v>
      </c>
      <c r="EM21" s="102">
        <v>74</v>
      </c>
      <c r="EN21" s="103">
        <v>631</v>
      </c>
      <c r="EO21" s="104">
        <v>970</v>
      </c>
      <c r="EP21" s="101">
        <v>294</v>
      </c>
      <c r="EQ21" s="102">
        <v>361</v>
      </c>
      <c r="ER21" s="103">
        <v>655</v>
      </c>
      <c r="ES21" s="413">
        <v>0</v>
      </c>
      <c r="ET21" s="102">
        <v>431</v>
      </c>
      <c r="EU21" s="102">
        <v>298</v>
      </c>
      <c r="EV21" s="102">
        <v>236</v>
      </c>
      <c r="EW21" s="102">
        <v>201</v>
      </c>
      <c r="EX21" s="102">
        <v>131</v>
      </c>
      <c r="EY21" s="103">
        <v>1297</v>
      </c>
      <c r="EZ21" s="104">
        <v>1952</v>
      </c>
      <c r="FA21" s="101">
        <v>199</v>
      </c>
      <c r="FB21" s="102">
        <v>325</v>
      </c>
      <c r="FC21" s="103">
        <v>524</v>
      </c>
      <c r="FD21" s="413">
        <v>0</v>
      </c>
      <c r="FE21" s="102">
        <v>425</v>
      </c>
      <c r="FF21" s="102">
        <v>390</v>
      </c>
      <c r="FG21" s="102">
        <v>294</v>
      </c>
      <c r="FH21" s="102">
        <v>247</v>
      </c>
      <c r="FI21" s="102">
        <v>186</v>
      </c>
      <c r="FJ21" s="103">
        <v>1542</v>
      </c>
      <c r="FK21" s="104">
        <v>2066</v>
      </c>
      <c r="FL21" s="101">
        <v>101</v>
      </c>
      <c r="FM21" s="102">
        <v>185</v>
      </c>
      <c r="FN21" s="103">
        <v>286</v>
      </c>
      <c r="FO21" s="413">
        <v>0</v>
      </c>
      <c r="FP21" s="102">
        <v>328</v>
      </c>
      <c r="FQ21" s="102">
        <v>336</v>
      </c>
      <c r="FR21" s="102">
        <v>317</v>
      </c>
      <c r="FS21" s="102">
        <v>382</v>
      </c>
      <c r="FT21" s="102">
        <v>212</v>
      </c>
      <c r="FU21" s="103">
        <v>1575</v>
      </c>
      <c r="FV21" s="104">
        <v>1861</v>
      </c>
      <c r="FW21" s="101">
        <v>17</v>
      </c>
      <c r="FX21" s="102">
        <v>13</v>
      </c>
      <c r="FY21" s="103">
        <v>30</v>
      </c>
      <c r="FZ21" s="413">
        <v>0</v>
      </c>
      <c r="GA21" s="102">
        <v>28</v>
      </c>
      <c r="GB21" s="102">
        <v>30</v>
      </c>
      <c r="GC21" s="102">
        <v>11</v>
      </c>
      <c r="GD21" s="102">
        <v>19</v>
      </c>
      <c r="GE21" s="102">
        <v>18</v>
      </c>
      <c r="GF21" s="103">
        <v>106</v>
      </c>
      <c r="GG21" s="104">
        <v>136</v>
      </c>
      <c r="GH21" s="101">
        <v>841</v>
      </c>
      <c r="GI21" s="102">
        <v>1192</v>
      </c>
      <c r="GJ21" s="103">
        <v>2033</v>
      </c>
      <c r="GK21" s="413">
        <v>0</v>
      </c>
      <c r="GL21" s="102">
        <v>1541</v>
      </c>
      <c r="GM21" s="102">
        <v>1298</v>
      </c>
      <c r="GN21" s="102">
        <v>1013</v>
      </c>
      <c r="GO21" s="102">
        <v>1022</v>
      </c>
      <c r="GP21" s="102">
        <v>672</v>
      </c>
      <c r="GQ21" s="103">
        <v>5546</v>
      </c>
      <c r="GR21" s="104">
        <v>7579</v>
      </c>
      <c r="GS21" s="105">
        <v>1290</v>
      </c>
      <c r="GT21" s="97">
        <v>1649</v>
      </c>
      <c r="GU21" s="98">
        <v>2939</v>
      </c>
      <c r="GV21" s="413">
        <v>0</v>
      </c>
      <c r="GW21" s="97">
        <v>2519</v>
      </c>
      <c r="GX21" s="97">
        <v>2108</v>
      </c>
      <c r="GY21" s="97">
        <v>1537</v>
      </c>
      <c r="GZ21" s="97">
        <v>1444</v>
      </c>
      <c r="HA21" s="97">
        <v>952</v>
      </c>
      <c r="HB21" s="99">
        <v>8560</v>
      </c>
      <c r="HC21" s="100">
        <v>11499</v>
      </c>
      <c r="HD21" s="101">
        <v>36</v>
      </c>
      <c r="HE21" s="102">
        <v>56</v>
      </c>
      <c r="HF21" s="103">
        <v>92</v>
      </c>
      <c r="HG21" s="416">
        <v>0</v>
      </c>
      <c r="HH21" s="102">
        <v>91</v>
      </c>
      <c r="HI21" s="102">
        <v>63</v>
      </c>
      <c r="HJ21" s="102">
        <v>46</v>
      </c>
      <c r="HK21" s="102">
        <v>46</v>
      </c>
      <c r="HL21" s="102">
        <v>42</v>
      </c>
      <c r="HM21" s="103">
        <v>288</v>
      </c>
      <c r="HN21" s="104">
        <v>380</v>
      </c>
      <c r="HO21" s="101">
        <v>118</v>
      </c>
      <c r="HP21" s="102">
        <v>128</v>
      </c>
      <c r="HQ21" s="103">
        <v>246</v>
      </c>
      <c r="HR21" s="413">
        <v>0</v>
      </c>
      <c r="HS21" s="102">
        <v>190</v>
      </c>
      <c r="HT21" s="102">
        <v>158</v>
      </c>
      <c r="HU21" s="102">
        <v>94</v>
      </c>
      <c r="HV21" s="102">
        <v>106</v>
      </c>
      <c r="HW21" s="102">
        <v>72</v>
      </c>
      <c r="HX21" s="103">
        <v>620</v>
      </c>
      <c r="HY21" s="104">
        <v>866</v>
      </c>
      <c r="HZ21" s="101">
        <v>221</v>
      </c>
      <c r="IA21" s="102">
        <v>273</v>
      </c>
      <c r="IB21" s="103">
        <v>494</v>
      </c>
      <c r="IC21" s="413">
        <v>0</v>
      </c>
      <c r="ID21" s="102">
        <v>366</v>
      </c>
      <c r="IE21" s="102">
        <v>285</v>
      </c>
      <c r="IF21" s="102">
        <v>188</v>
      </c>
      <c r="IG21" s="102">
        <v>173</v>
      </c>
      <c r="IH21" s="102">
        <v>126</v>
      </c>
      <c r="II21" s="103">
        <v>1138</v>
      </c>
      <c r="IJ21" s="104">
        <v>1632</v>
      </c>
      <c r="IK21" s="101">
        <v>429</v>
      </c>
      <c r="IL21" s="102">
        <v>490</v>
      </c>
      <c r="IM21" s="103">
        <v>919</v>
      </c>
      <c r="IN21" s="413">
        <v>0</v>
      </c>
      <c r="IO21" s="102">
        <v>713</v>
      </c>
      <c r="IP21" s="102">
        <v>538</v>
      </c>
      <c r="IQ21" s="102">
        <v>357</v>
      </c>
      <c r="IR21" s="102">
        <v>313</v>
      </c>
      <c r="IS21" s="102">
        <v>229</v>
      </c>
      <c r="IT21" s="103">
        <v>2150</v>
      </c>
      <c r="IU21" s="104">
        <v>3069</v>
      </c>
      <c r="IV21" s="101">
        <v>322</v>
      </c>
      <c r="IW21" s="102">
        <v>448</v>
      </c>
      <c r="IX21" s="103">
        <v>770</v>
      </c>
      <c r="IY21" s="413">
        <v>0</v>
      </c>
      <c r="IZ21" s="102">
        <v>683</v>
      </c>
      <c r="JA21" s="102">
        <v>597</v>
      </c>
      <c r="JB21" s="102">
        <v>439</v>
      </c>
      <c r="JC21" s="102">
        <v>356</v>
      </c>
      <c r="JD21" s="102">
        <v>232</v>
      </c>
      <c r="JE21" s="103">
        <v>2307</v>
      </c>
      <c r="JF21" s="104">
        <v>3077</v>
      </c>
      <c r="JG21" s="101">
        <v>164</v>
      </c>
      <c r="JH21" s="102">
        <v>254</v>
      </c>
      <c r="JI21" s="103">
        <v>418</v>
      </c>
      <c r="JJ21" s="413">
        <v>0</v>
      </c>
      <c r="JK21" s="102">
        <v>476</v>
      </c>
      <c r="JL21" s="102">
        <v>467</v>
      </c>
      <c r="JM21" s="102">
        <v>413</v>
      </c>
      <c r="JN21" s="102">
        <v>450</v>
      </c>
      <c r="JO21" s="102">
        <v>251</v>
      </c>
      <c r="JP21" s="103">
        <v>2057</v>
      </c>
      <c r="JQ21" s="104">
        <v>2475</v>
      </c>
      <c r="JR21" s="101">
        <v>27</v>
      </c>
      <c r="JS21" s="102">
        <v>38</v>
      </c>
      <c r="JT21" s="103">
        <v>65</v>
      </c>
      <c r="JU21" s="413">
        <v>0</v>
      </c>
      <c r="JV21" s="102">
        <v>59</v>
      </c>
      <c r="JW21" s="102">
        <v>69</v>
      </c>
      <c r="JX21" s="102">
        <v>37</v>
      </c>
      <c r="JY21" s="102">
        <v>49</v>
      </c>
      <c r="JZ21" s="102">
        <v>38</v>
      </c>
      <c r="KA21" s="103">
        <v>252</v>
      </c>
      <c r="KB21" s="104">
        <v>317</v>
      </c>
      <c r="KC21" s="101">
        <v>1317</v>
      </c>
      <c r="KD21" s="102">
        <v>1687</v>
      </c>
      <c r="KE21" s="103">
        <v>3004</v>
      </c>
      <c r="KF21" s="413">
        <v>0</v>
      </c>
      <c r="KG21" s="102">
        <v>2578</v>
      </c>
      <c r="KH21" s="102">
        <v>2177</v>
      </c>
      <c r="KI21" s="102">
        <v>1574</v>
      </c>
      <c r="KJ21" s="102">
        <v>1493</v>
      </c>
      <c r="KK21" s="102">
        <v>990</v>
      </c>
      <c r="KL21" s="103">
        <v>8812</v>
      </c>
      <c r="KM21" s="104">
        <v>11816</v>
      </c>
    </row>
    <row r="22" spans="2:299" s="70" customFormat="1" ht="21" customHeight="1" x14ac:dyDescent="0.2">
      <c r="B22" s="106" t="s">
        <v>19</v>
      </c>
      <c r="C22" s="96">
        <v>234</v>
      </c>
      <c r="D22" s="97">
        <v>168</v>
      </c>
      <c r="E22" s="98">
        <v>402</v>
      </c>
      <c r="F22" s="413">
        <v>0</v>
      </c>
      <c r="G22" s="97">
        <v>406</v>
      </c>
      <c r="H22" s="97">
        <v>327</v>
      </c>
      <c r="I22" s="97">
        <v>231</v>
      </c>
      <c r="J22" s="97">
        <v>147</v>
      </c>
      <c r="K22" s="97">
        <v>102</v>
      </c>
      <c r="L22" s="99">
        <v>1213</v>
      </c>
      <c r="M22" s="100">
        <v>1615</v>
      </c>
      <c r="N22" s="107">
        <v>5</v>
      </c>
      <c r="O22" s="102">
        <v>10</v>
      </c>
      <c r="P22" s="103">
        <v>15</v>
      </c>
      <c r="Q22" s="413">
        <v>0</v>
      </c>
      <c r="R22" s="102">
        <v>15</v>
      </c>
      <c r="S22" s="102">
        <v>12</v>
      </c>
      <c r="T22" s="102">
        <v>15</v>
      </c>
      <c r="U22" s="102">
        <v>5</v>
      </c>
      <c r="V22" s="102">
        <v>8</v>
      </c>
      <c r="W22" s="103">
        <v>55</v>
      </c>
      <c r="X22" s="104">
        <v>70</v>
      </c>
      <c r="Y22" s="101">
        <v>19</v>
      </c>
      <c r="Z22" s="102">
        <v>18</v>
      </c>
      <c r="AA22" s="103">
        <v>37</v>
      </c>
      <c r="AB22" s="413">
        <v>0</v>
      </c>
      <c r="AC22" s="102">
        <v>43</v>
      </c>
      <c r="AD22" s="102">
        <v>35</v>
      </c>
      <c r="AE22" s="102">
        <v>24</v>
      </c>
      <c r="AF22" s="102">
        <v>13</v>
      </c>
      <c r="AG22" s="102">
        <v>8</v>
      </c>
      <c r="AH22" s="103">
        <v>123</v>
      </c>
      <c r="AI22" s="104">
        <v>160</v>
      </c>
      <c r="AJ22" s="107">
        <v>37</v>
      </c>
      <c r="AK22" s="102">
        <v>24</v>
      </c>
      <c r="AL22" s="103">
        <v>61</v>
      </c>
      <c r="AM22" s="413">
        <v>0</v>
      </c>
      <c r="AN22" s="102">
        <v>73</v>
      </c>
      <c r="AO22" s="102">
        <v>59</v>
      </c>
      <c r="AP22" s="102">
        <v>37</v>
      </c>
      <c r="AQ22" s="102">
        <v>30</v>
      </c>
      <c r="AR22" s="102">
        <v>17</v>
      </c>
      <c r="AS22" s="103">
        <v>216</v>
      </c>
      <c r="AT22" s="104">
        <v>277</v>
      </c>
      <c r="AU22" s="101">
        <v>63</v>
      </c>
      <c r="AV22" s="102">
        <v>42</v>
      </c>
      <c r="AW22" s="103">
        <v>105</v>
      </c>
      <c r="AX22" s="413">
        <v>0</v>
      </c>
      <c r="AY22" s="102">
        <v>96</v>
      </c>
      <c r="AZ22" s="102">
        <v>90</v>
      </c>
      <c r="BA22" s="102">
        <v>60</v>
      </c>
      <c r="BB22" s="102">
        <v>40</v>
      </c>
      <c r="BC22" s="102">
        <v>25</v>
      </c>
      <c r="BD22" s="103">
        <v>311</v>
      </c>
      <c r="BE22" s="104">
        <v>416</v>
      </c>
      <c r="BF22" s="107">
        <v>68</v>
      </c>
      <c r="BG22" s="102">
        <v>33</v>
      </c>
      <c r="BH22" s="103">
        <v>101</v>
      </c>
      <c r="BI22" s="413">
        <v>0</v>
      </c>
      <c r="BJ22" s="102">
        <v>104</v>
      </c>
      <c r="BK22" s="102">
        <v>76</v>
      </c>
      <c r="BL22" s="102">
        <v>49</v>
      </c>
      <c r="BM22" s="102">
        <v>38</v>
      </c>
      <c r="BN22" s="102">
        <v>33</v>
      </c>
      <c r="BO22" s="103">
        <v>300</v>
      </c>
      <c r="BP22" s="104">
        <v>401</v>
      </c>
      <c r="BQ22" s="101">
        <v>42</v>
      </c>
      <c r="BR22" s="102">
        <v>41</v>
      </c>
      <c r="BS22" s="103">
        <v>83</v>
      </c>
      <c r="BT22" s="413">
        <v>0</v>
      </c>
      <c r="BU22" s="102">
        <v>75</v>
      </c>
      <c r="BV22" s="102">
        <v>55</v>
      </c>
      <c r="BW22" s="102">
        <v>46</v>
      </c>
      <c r="BX22" s="102">
        <v>21</v>
      </c>
      <c r="BY22" s="102">
        <v>11</v>
      </c>
      <c r="BZ22" s="103">
        <v>208</v>
      </c>
      <c r="CA22" s="104">
        <v>291</v>
      </c>
      <c r="CB22" s="101">
        <v>8</v>
      </c>
      <c r="CC22" s="102">
        <v>6</v>
      </c>
      <c r="CD22" s="103">
        <v>14</v>
      </c>
      <c r="CE22" s="413">
        <v>0</v>
      </c>
      <c r="CF22" s="102">
        <v>22</v>
      </c>
      <c r="CG22" s="102">
        <v>8</v>
      </c>
      <c r="CH22" s="102">
        <v>13</v>
      </c>
      <c r="CI22" s="102">
        <v>6</v>
      </c>
      <c r="CJ22" s="102">
        <v>6</v>
      </c>
      <c r="CK22" s="103">
        <v>55</v>
      </c>
      <c r="CL22" s="104">
        <v>69</v>
      </c>
      <c r="CM22" s="101">
        <v>242</v>
      </c>
      <c r="CN22" s="102">
        <v>174</v>
      </c>
      <c r="CO22" s="103">
        <v>416</v>
      </c>
      <c r="CP22" s="413">
        <v>0</v>
      </c>
      <c r="CQ22" s="102">
        <v>428</v>
      </c>
      <c r="CR22" s="102">
        <v>335</v>
      </c>
      <c r="CS22" s="102">
        <v>244</v>
      </c>
      <c r="CT22" s="102">
        <v>153</v>
      </c>
      <c r="CU22" s="102">
        <v>108</v>
      </c>
      <c r="CV22" s="103">
        <v>1268</v>
      </c>
      <c r="CW22" s="104">
        <v>1684</v>
      </c>
      <c r="CX22" s="105">
        <v>402</v>
      </c>
      <c r="CY22" s="97">
        <v>420</v>
      </c>
      <c r="CZ22" s="98">
        <v>822</v>
      </c>
      <c r="DA22" s="413">
        <v>0</v>
      </c>
      <c r="DB22" s="97">
        <v>691</v>
      </c>
      <c r="DC22" s="97">
        <v>501</v>
      </c>
      <c r="DD22" s="97">
        <v>437</v>
      </c>
      <c r="DE22" s="97">
        <v>323</v>
      </c>
      <c r="DF22" s="97">
        <v>264</v>
      </c>
      <c r="DG22" s="99">
        <v>2216</v>
      </c>
      <c r="DH22" s="100">
        <v>3038</v>
      </c>
      <c r="DI22" s="107">
        <v>12</v>
      </c>
      <c r="DJ22" s="102">
        <v>5</v>
      </c>
      <c r="DK22" s="103">
        <v>17</v>
      </c>
      <c r="DL22" s="413">
        <v>0</v>
      </c>
      <c r="DM22" s="102">
        <v>12</v>
      </c>
      <c r="DN22" s="102">
        <v>16</v>
      </c>
      <c r="DO22" s="102">
        <v>9</v>
      </c>
      <c r="DP22" s="102">
        <v>3</v>
      </c>
      <c r="DQ22" s="102">
        <v>1</v>
      </c>
      <c r="DR22" s="103">
        <v>41</v>
      </c>
      <c r="DS22" s="104">
        <v>58</v>
      </c>
      <c r="DT22" s="101">
        <v>28</v>
      </c>
      <c r="DU22" s="102">
        <v>29</v>
      </c>
      <c r="DV22" s="103">
        <v>57</v>
      </c>
      <c r="DW22" s="413">
        <v>0</v>
      </c>
      <c r="DX22" s="102">
        <v>39</v>
      </c>
      <c r="DY22" s="102">
        <v>26</v>
      </c>
      <c r="DZ22" s="102">
        <v>15</v>
      </c>
      <c r="EA22" s="102">
        <v>11</v>
      </c>
      <c r="EB22" s="102">
        <v>18</v>
      </c>
      <c r="EC22" s="103">
        <v>109</v>
      </c>
      <c r="ED22" s="104">
        <v>166</v>
      </c>
      <c r="EE22" s="107">
        <v>62</v>
      </c>
      <c r="EF22" s="102">
        <v>65</v>
      </c>
      <c r="EG22" s="103">
        <v>127</v>
      </c>
      <c r="EH22" s="413">
        <v>0</v>
      </c>
      <c r="EI22" s="102">
        <v>87</v>
      </c>
      <c r="EJ22" s="102">
        <v>53</v>
      </c>
      <c r="EK22" s="102">
        <v>39</v>
      </c>
      <c r="EL22" s="102">
        <v>30</v>
      </c>
      <c r="EM22" s="102">
        <v>22</v>
      </c>
      <c r="EN22" s="103">
        <v>231</v>
      </c>
      <c r="EO22" s="104">
        <v>358</v>
      </c>
      <c r="EP22" s="101">
        <v>127</v>
      </c>
      <c r="EQ22" s="102">
        <v>122</v>
      </c>
      <c r="ER22" s="103">
        <v>249</v>
      </c>
      <c r="ES22" s="413">
        <v>0</v>
      </c>
      <c r="ET22" s="102">
        <v>178</v>
      </c>
      <c r="EU22" s="102">
        <v>123</v>
      </c>
      <c r="EV22" s="102">
        <v>86</v>
      </c>
      <c r="EW22" s="102">
        <v>69</v>
      </c>
      <c r="EX22" s="102">
        <v>54</v>
      </c>
      <c r="EY22" s="103">
        <v>510</v>
      </c>
      <c r="EZ22" s="104">
        <v>759</v>
      </c>
      <c r="FA22" s="107">
        <v>120</v>
      </c>
      <c r="FB22" s="102">
        <v>112</v>
      </c>
      <c r="FC22" s="103">
        <v>232</v>
      </c>
      <c r="FD22" s="413">
        <v>0</v>
      </c>
      <c r="FE22" s="102">
        <v>206</v>
      </c>
      <c r="FF22" s="102">
        <v>146</v>
      </c>
      <c r="FG22" s="102">
        <v>129</v>
      </c>
      <c r="FH22" s="102">
        <v>85</v>
      </c>
      <c r="FI22" s="102">
        <v>65</v>
      </c>
      <c r="FJ22" s="103">
        <v>631</v>
      </c>
      <c r="FK22" s="104">
        <v>863</v>
      </c>
      <c r="FL22" s="101">
        <v>53</v>
      </c>
      <c r="FM22" s="102">
        <v>87</v>
      </c>
      <c r="FN22" s="103">
        <v>140</v>
      </c>
      <c r="FO22" s="413">
        <v>0</v>
      </c>
      <c r="FP22" s="102">
        <v>169</v>
      </c>
      <c r="FQ22" s="102">
        <v>137</v>
      </c>
      <c r="FR22" s="102">
        <v>159</v>
      </c>
      <c r="FS22" s="102">
        <v>125</v>
      </c>
      <c r="FT22" s="102">
        <v>104</v>
      </c>
      <c r="FU22" s="103">
        <v>694</v>
      </c>
      <c r="FV22" s="104">
        <v>834</v>
      </c>
      <c r="FW22" s="101">
        <v>4</v>
      </c>
      <c r="FX22" s="102">
        <v>8</v>
      </c>
      <c r="FY22" s="103">
        <v>12</v>
      </c>
      <c r="FZ22" s="413">
        <v>0</v>
      </c>
      <c r="GA22" s="102">
        <v>5</v>
      </c>
      <c r="GB22" s="102">
        <v>12</v>
      </c>
      <c r="GC22" s="102">
        <v>6</v>
      </c>
      <c r="GD22" s="102">
        <v>5</v>
      </c>
      <c r="GE22" s="102">
        <v>3</v>
      </c>
      <c r="GF22" s="103">
        <v>31</v>
      </c>
      <c r="GG22" s="104">
        <v>43</v>
      </c>
      <c r="GH22" s="101">
        <v>406</v>
      </c>
      <c r="GI22" s="102">
        <v>428</v>
      </c>
      <c r="GJ22" s="103">
        <v>834</v>
      </c>
      <c r="GK22" s="413">
        <v>0</v>
      </c>
      <c r="GL22" s="102">
        <v>696</v>
      </c>
      <c r="GM22" s="102">
        <v>513</v>
      </c>
      <c r="GN22" s="102">
        <v>443</v>
      </c>
      <c r="GO22" s="102">
        <v>328</v>
      </c>
      <c r="GP22" s="102">
        <v>267</v>
      </c>
      <c r="GQ22" s="103">
        <v>2247</v>
      </c>
      <c r="GR22" s="104">
        <v>3081</v>
      </c>
      <c r="GS22" s="105">
        <v>636</v>
      </c>
      <c r="GT22" s="97">
        <v>588</v>
      </c>
      <c r="GU22" s="98">
        <v>1224</v>
      </c>
      <c r="GV22" s="413">
        <v>0</v>
      </c>
      <c r="GW22" s="97">
        <v>1097</v>
      </c>
      <c r="GX22" s="97">
        <v>828</v>
      </c>
      <c r="GY22" s="97">
        <v>668</v>
      </c>
      <c r="GZ22" s="97">
        <v>470</v>
      </c>
      <c r="HA22" s="97">
        <v>366</v>
      </c>
      <c r="HB22" s="99">
        <v>3429</v>
      </c>
      <c r="HC22" s="100">
        <v>4653</v>
      </c>
      <c r="HD22" s="107">
        <v>17</v>
      </c>
      <c r="HE22" s="102">
        <v>15</v>
      </c>
      <c r="HF22" s="103">
        <v>32</v>
      </c>
      <c r="HG22" s="416">
        <v>0</v>
      </c>
      <c r="HH22" s="102">
        <v>27</v>
      </c>
      <c r="HI22" s="102">
        <v>28</v>
      </c>
      <c r="HJ22" s="102">
        <v>24</v>
      </c>
      <c r="HK22" s="102">
        <v>8</v>
      </c>
      <c r="HL22" s="102">
        <v>9</v>
      </c>
      <c r="HM22" s="103">
        <v>96</v>
      </c>
      <c r="HN22" s="104">
        <v>128</v>
      </c>
      <c r="HO22" s="101">
        <v>47</v>
      </c>
      <c r="HP22" s="102">
        <v>47</v>
      </c>
      <c r="HQ22" s="103">
        <v>94</v>
      </c>
      <c r="HR22" s="413">
        <v>0</v>
      </c>
      <c r="HS22" s="102">
        <v>82</v>
      </c>
      <c r="HT22" s="102">
        <v>61</v>
      </c>
      <c r="HU22" s="102">
        <v>39</v>
      </c>
      <c r="HV22" s="102">
        <v>24</v>
      </c>
      <c r="HW22" s="102">
        <v>26</v>
      </c>
      <c r="HX22" s="103">
        <v>232</v>
      </c>
      <c r="HY22" s="104">
        <v>326</v>
      </c>
      <c r="HZ22" s="107">
        <v>99</v>
      </c>
      <c r="IA22" s="102">
        <v>89</v>
      </c>
      <c r="IB22" s="103">
        <v>188</v>
      </c>
      <c r="IC22" s="413">
        <v>0</v>
      </c>
      <c r="ID22" s="102">
        <v>160</v>
      </c>
      <c r="IE22" s="102">
        <v>112</v>
      </c>
      <c r="IF22" s="102">
        <v>76</v>
      </c>
      <c r="IG22" s="102">
        <v>60</v>
      </c>
      <c r="IH22" s="102">
        <v>39</v>
      </c>
      <c r="II22" s="103">
        <v>447</v>
      </c>
      <c r="IJ22" s="104">
        <v>635</v>
      </c>
      <c r="IK22" s="101">
        <v>190</v>
      </c>
      <c r="IL22" s="102">
        <v>164</v>
      </c>
      <c r="IM22" s="103">
        <v>354</v>
      </c>
      <c r="IN22" s="413">
        <v>0</v>
      </c>
      <c r="IO22" s="102">
        <v>274</v>
      </c>
      <c r="IP22" s="102">
        <v>213</v>
      </c>
      <c r="IQ22" s="102">
        <v>146</v>
      </c>
      <c r="IR22" s="102">
        <v>109</v>
      </c>
      <c r="IS22" s="102">
        <v>79</v>
      </c>
      <c r="IT22" s="103">
        <v>821</v>
      </c>
      <c r="IU22" s="104">
        <v>1175</v>
      </c>
      <c r="IV22" s="107">
        <v>188</v>
      </c>
      <c r="IW22" s="102">
        <v>145</v>
      </c>
      <c r="IX22" s="103">
        <v>333</v>
      </c>
      <c r="IY22" s="413">
        <v>0</v>
      </c>
      <c r="IZ22" s="102">
        <v>310</v>
      </c>
      <c r="JA22" s="102">
        <v>222</v>
      </c>
      <c r="JB22" s="102">
        <v>178</v>
      </c>
      <c r="JC22" s="102">
        <v>123</v>
      </c>
      <c r="JD22" s="102">
        <v>98</v>
      </c>
      <c r="JE22" s="103">
        <v>931</v>
      </c>
      <c r="JF22" s="104">
        <v>1264</v>
      </c>
      <c r="JG22" s="101">
        <v>95</v>
      </c>
      <c r="JH22" s="102">
        <v>128</v>
      </c>
      <c r="JI22" s="103">
        <v>223</v>
      </c>
      <c r="JJ22" s="413">
        <v>0</v>
      </c>
      <c r="JK22" s="102">
        <v>244</v>
      </c>
      <c r="JL22" s="102">
        <v>192</v>
      </c>
      <c r="JM22" s="102">
        <v>205</v>
      </c>
      <c r="JN22" s="102">
        <v>146</v>
      </c>
      <c r="JO22" s="102">
        <v>115</v>
      </c>
      <c r="JP22" s="103">
        <v>902</v>
      </c>
      <c r="JQ22" s="104">
        <v>1125</v>
      </c>
      <c r="JR22" s="101">
        <v>12</v>
      </c>
      <c r="JS22" s="102">
        <v>14</v>
      </c>
      <c r="JT22" s="103">
        <v>26</v>
      </c>
      <c r="JU22" s="413">
        <v>0</v>
      </c>
      <c r="JV22" s="102">
        <v>27</v>
      </c>
      <c r="JW22" s="102">
        <v>20</v>
      </c>
      <c r="JX22" s="102">
        <v>19</v>
      </c>
      <c r="JY22" s="102">
        <v>11</v>
      </c>
      <c r="JZ22" s="102">
        <v>9</v>
      </c>
      <c r="KA22" s="103">
        <v>86</v>
      </c>
      <c r="KB22" s="104">
        <v>112</v>
      </c>
      <c r="KC22" s="101">
        <v>648</v>
      </c>
      <c r="KD22" s="102">
        <v>602</v>
      </c>
      <c r="KE22" s="103">
        <v>1250</v>
      </c>
      <c r="KF22" s="413">
        <v>0</v>
      </c>
      <c r="KG22" s="102">
        <v>1124</v>
      </c>
      <c r="KH22" s="102">
        <v>848</v>
      </c>
      <c r="KI22" s="102">
        <v>687</v>
      </c>
      <c r="KJ22" s="102">
        <v>481</v>
      </c>
      <c r="KK22" s="102">
        <v>375</v>
      </c>
      <c r="KL22" s="103">
        <v>3515</v>
      </c>
      <c r="KM22" s="104">
        <v>4765</v>
      </c>
    </row>
    <row r="23" spans="2:299" s="70" customFormat="1" ht="21" customHeight="1" x14ac:dyDescent="0.2">
      <c r="B23" s="106" t="s">
        <v>20</v>
      </c>
      <c r="C23" s="96">
        <v>289</v>
      </c>
      <c r="D23" s="97">
        <v>289</v>
      </c>
      <c r="E23" s="98">
        <v>578</v>
      </c>
      <c r="F23" s="413">
        <v>0</v>
      </c>
      <c r="G23" s="97">
        <v>671</v>
      </c>
      <c r="H23" s="97">
        <v>391</v>
      </c>
      <c r="I23" s="97">
        <v>294</v>
      </c>
      <c r="J23" s="97">
        <v>224</v>
      </c>
      <c r="K23" s="97">
        <v>119</v>
      </c>
      <c r="L23" s="99">
        <v>1699</v>
      </c>
      <c r="M23" s="100">
        <v>2277</v>
      </c>
      <c r="N23" s="101">
        <v>7</v>
      </c>
      <c r="O23" s="102">
        <v>4</v>
      </c>
      <c r="P23" s="103">
        <v>11</v>
      </c>
      <c r="Q23" s="413">
        <v>0</v>
      </c>
      <c r="R23" s="102">
        <v>27</v>
      </c>
      <c r="S23" s="102">
        <v>19</v>
      </c>
      <c r="T23" s="102">
        <v>17</v>
      </c>
      <c r="U23" s="102">
        <v>13</v>
      </c>
      <c r="V23" s="102">
        <v>10</v>
      </c>
      <c r="W23" s="103">
        <v>86</v>
      </c>
      <c r="X23" s="104">
        <v>97</v>
      </c>
      <c r="Y23" s="101">
        <v>29</v>
      </c>
      <c r="Z23" s="102">
        <v>19</v>
      </c>
      <c r="AA23" s="103">
        <v>48</v>
      </c>
      <c r="AB23" s="413">
        <v>0</v>
      </c>
      <c r="AC23" s="102">
        <v>71</v>
      </c>
      <c r="AD23" s="102">
        <v>37</v>
      </c>
      <c r="AE23" s="102">
        <v>26</v>
      </c>
      <c r="AF23" s="102">
        <v>30</v>
      </c>
      <c r="AG23" s="102">
        <v>10</v>
      </c>
      <c r="AH23" s="103">
        <v>174</v>
      </c>
      <c r="AI23" s="104">
        <v>222</v>
      </c>
      <c r="AJ23" s="101">
        <v>47</v>
      </c>
      <c r="AK23" s="102">
        <v>50</v>
      </c>
      <c r="AL23" s="103">
        <v>97</v>
      </c>
      <c r="AM23" s="413">
        <v>0</v>
      </c>
      <c r="AN23" s="102">
        <v>108</v>
      </c>
      <c r="AO23" s="102">
        <v>62</v>
      </c>
      <c r="AP23" s="102">
        <v>50</v>
      </c>
      <c r="AQ23" s="102">
        <v>40</v>
      </c>
      <c r="AR23" s="102">
        <v>22</v>
      </c>
      <c r="AS23" s="103">
        <v>282</v>
      </c>
      <c r="AT23" s="104">
        <v>379</v>
      </c>
      <c r="AU23" s="101">
        <v>89</v>
      </c>
      <c r="AV23" s="102">
        <v>90</v>
      </c>
      <c r="AW23" s="103">
        <v>179</v>
      </c>
      <c r="AX23" s="413">
        <v>0</v>
      </c>
      <c r="AY23" s="102">
        <v>199</v>
      </c>
      <c r="AZ23" s="102">
        <v>103</v>
      </c>
      <c r="BA23" s="102">
        <v>82</v>
      </c>
      <c r="BB23" s="102">
        <v>66</v>
      </c>
      <c r="BC23" s="102">
        <v>28</v>
      </c>
      <c r="BD23" s="103">
        <v>478</v>
      </c>
      <c r="BE23" s="104">
        <v>657</v>
      </c>
      <c r="BF23" s="101">
        <v>76</v>
      </c>
      <c r="BG23" s="102">
        <v>85</v>
      </c>
      <c r="BH23" s="103">
        <v>161</v>
      </c>
      <c r="BI23" s="413">
        <v>0</v>
      </c>
      <c r="BJ23" s="102">
        <v>176</v>
      </c>
      <c r="BK23" s="102">
        <v>105</v>
      </c>
      <c r="BL23" s="102">
        <v>82</v>
      </c>
      <c r="BM23" s="102">
        <v>46</v>
      </c>
      <c r="BN23" s="102">
        <v>34</v>
      </c>
      <c r="BO23" s="103">
        <v>443</v>
      </c>
      <c r="BP23" s="104">
        <v>604</v>
      </c>
      <c r="BQ23" s="101">
        <v>41</v>
      </c>
      <c r="BR23" s="102">
        <v>41</v>
      </c>
      <c r="BS23" s="103">
        <v>82</v>
      </c>
      <c r="BT23" s="413">
        <v>0</v>
      </c>
      <c r="BU23" s="102">
        <v>90</v>
      </c>
      <c r="BV23" s="102">
        <v>65</v>
      </c>
      <c r="BW23" s="102">
        <v>37</v>
      </c>
      <c r="BX23" s="102">
        <v>29</v>
      </c>
      <c r="BY23" s="102">
        <v>15</v>
      </c>
      <c r="BZ23" s="103">
        <v>236</v>
      </c>
      <c r="CA23" s="104">
        <v>318</v>
      </c>
      <c r="CB23" s="101">
        <v>8</v>
      </c>
      <c r="CC23" s="102">
        <v>8</v>
      </c>
      <c r="CD23" s="103">
        <v>16</v>
      </c>
      <c r="CE23" s="413">
        <v>0</v>
      </c>
      <c r="CF23" s="102">
        <v>17</v>
      </c>
      <c r="CG23" s="102">
        <v>16</v>
      </c>
      <c r="CH23" s="102">
        <v>16</v>
      </c>
      <c r="CI23" s="102">
        <v>11</v>
      </c>
      <c r="CJ23" s="102">
        <v>8</v>
      </c>
      <c r="CK23" s="103">
        <v>68</v>
      </c>
      <c r="CL23" s="104">
        <v>84</v>
      </c>
      <c r="CM23" s="101">
        <v>297</v>
      </c>
      <c r="CN23" s="102">
        <v>297</v>
      </c>
      <c r="CO23" s="103">
        <v>594</v>
      </c>
      <c r="CP23" s="413">
        <v>0</v>
      </c>
      <c r="CQ23" s="102">
        <v>688</v>
      </c>
      <c r="CR23" s="102">
        <v>407</v>
      </c>
      <c r="CS23" s="102">
        <v>310</v>
      </c>
      <c r="CT23" s="102">
        <v>235</v>
      </c>
      <c r="CU23" s="102">
        <v>127</v>
      </c>
      <c r="CV23" s="103">
        <v>1767</v>
      </c>
      <c r="CW23" s="104">
        <v>2361</v>
      </c>
      <c r="CX23" s="105">
        <v>514</v>
      </c>
      <c r="CY23" s="97">
        <v>640</v>
      </c>
      <c r="CZ23" s="98">
        <v>1154</v>
      </c>
      <c r="DA23" s="413">
        <v>0</v>
      </c>
      <c r="DB23" s="97">
        <v>969</v>
      </c>
      <c r="DC23" s="97">
        <v>589</v>
      </c>
      <c r="DD23" s="97">
        <v>510</v>
      </c>
      <c r="DE23" s="97">
        <v>457</v>
      </c>
      <c r="DF23" s="97">
        <v>280</v>
      </c>
      <c r="DG23" s="99">
        <v>2805</v>
      </c>
      <c r="DH23" s="100">
        <v>3959</v>
      </c>
      <c r="DI23" s="101">
        <v>11</v>
      </c>
      <c r="DJ23" s="102">
        <v>12</v>
      </c>
      <c r="DK23" s="103">
        <v>23</v>
      </c>
      <c r="DL23" s="413">
        <v>0</v>
      </c>
      <c r="DM23" s="102">
        <v>25</v>
      </c>
      <c r="DN23" s="102">
        <v>19</v>
      </c>
      <c r="DO23" s="102">
        <v>4</v>
      </c>
      <c r="DP23" s="102">
        <v>9</v>
      </c>
      <c r="DQ23" s="102">
        <v>7</v>
      </c>
      <c r="DR23" s="103">
        <v>64</v>
      </c>
      <c r="DS23" s="104">
        <v>87</v>
      </c>
      <c r="DT23" s="101">
        <v>31</v>
      </c>
      <c r="DU23" s="102">
        <v>40</v>
      </c>
      <c r="DV23" s="103">
        <v>71</v>
      </c>
      <c r="DW23" s="413">
        <v>0</v>
      </c>
      <c r="DX23" s="102">
        <v>50</v>
      </c>
      <c r="DY23" s="102">
        <v>27</v>
      </c>
      <c r="DZ23" s="102">
        <v>19</v>
      </c>
      <c r="EA23" s="102">
        <v>24</v>
      </c>
      <c r="EB23" s="102">
        <v>20</v>
      </c>
      <c r="EC23" s="103">
        <v>140</v>
      </c>
      <c r="ED23" s="104">
        <v>211</v>
      </c>
      <c r="EE23" s="101">
        <v>76</v>
      </c>
      <c r="EF23" s="102">
        <v>101</v>
      </c>
      <c r="EG23" s="103">
        <v>177</v>
      </c>
      <c r="EH23" s="413">
        <v>0</v>
      </c>
      <c r="EI23" s="102">
        <v>160</v>
      </c>
      <c r="EJ23" s="102">
        <v>76</v>
      </c>
      <c r="EK23" s="102">
        <v>60</v>
      </c>
      <c r="EL23" s="102">
        <v>48</v>
      </c>
      <c r="EM23" s="102">
        <v>28</v>
      </c>
      <c r="EN23" s="103">
        <v>372</v>
      </c>
      <c r="EO23" s="104">
        <v>549</v>
      </c>
      <c r="EP23" s="101">
        <v>192</v>
      </c>
      <c r="EQ23" s="102">
        <v>190</v>
      </c>
      <c r="ER23" s="103">
        <v>382</v>
      </c>
      <c r="ES23" s="413">
        <v>0</v>
      </c>
      <c r="ET23" s="102">
        <v>256</v>
      </c>
      <c r="EU23" s="102">
        <v>144</v>
      </c>
      <c r="EV23" s="102">
        <v>107</v>
      </c>
      <c r="EW23" s="102">
        <v>89</v>
      </c>
      <c r="EX23" s="102">
        <v>56</v>
      </c>
      <c r="EY23" s="103">
        <v>652</v>
      </c>
      <c r="EZ23" s="104">
        <v>1034</v>
      </c>
      <c r="FA23" s="101">
        <v>139</v>
      </c>
      <c r="FB23" s="102">
        <v>183</v>
      </c>
      <c r="FC23" s="103">
        <v>322</v>
      </c>
      <c r="FD23" s="413">
        <v>0</v>
      </c>
      <c r="FE23" s="102">
        <v>267</v>
      </c>
      <c r="FF23" s="102">
        <v>152</v>
      </c>
      <c r="FG23" s="102">
        <v>134</v>
      </c>
      <c r="FH23" s="102">
        <v>115</v>
      </c>
      <c r="FI23" s="102">
        <v>77</v>
      </c>
      <c r="FJ23" s="103">
        <v>745</v>
      </c>
      <c r="FK23" s="104">
        <v>1067</v>
      </c>
      <c r="FL23" s="101">
        <v>65</v>
      </c>
      <c r="FM23" s="102">
        <v>114</v>
      </c>
      <c r="FN23" s="103">
        <v>179</v>
      </c>
      <c r="FO23" s="413">
        <v>0</v>
      </c>
      <c r="FP23" s="102">
        <v>211</v>
      </c>
      <c r="FQ23" s="102">
        <v>171</v>
      </c>
      <c r="FR23" s="102">
        <v>186</v>
      </c>
      <c r="FS23" s="102">
        <v>172</v>
      </c>
      <c r="FT23" s="102">
        <v>92</v>
      </c>
      <c r="FU23" s="103">
        <v>832</v>
      </c>
      <c r="FV23" s="104">
        <v>1011</v>
      </c>
      <c r="FW23" s="101">
        <v>5</v>
      </c>
      <c r="FX23" s="102">
        <v>13</v>
      </c>
      <c r="FY23" s="103">
        <v>18</v>
      </c>
      <c r="FZ23" s="413">
        <v>0</v>
      </c>
      <c r="GA23" s="102">
        <v>21</v>
      </c>
      <c r="GB23" s="102">
        <v>7</v>
      </c>
      <c r="GC23" s="102">
        <v>7</v>
      </c>
      <c r="GD23" s="102">
        <v>12</v>
      </c>
      <c r="GE23" s="102">
        <v>6</v>
      </c>
      <c r="GF23" s="103">
        <v>53</v>
      </c>
      <c r="GG23" s="104">
        <v>71</v>
      </c>
      <c r="GH23" s="101">
        <v>519</v>
      </c>
      <c r="GI23" s="102">
        <v>653</v>
      </c>
      <c r="GJ23" s="103">
        <v>1172</v>
      </c>
      <c r="GK23" s="413">
        <v>0</v>
      </c>
      <c r="GL23" s="102">
        <v>990</v>
      </c>
      <c r="GM23" s="102">
        <v>596</v>
      </c>
      <c r="GN23" s="102">
        <v>517</v>
      </c>
      <c r="GO23" s="102">
        <v>469</v>
      </c>
      <c r="GP23" s="102">
        <v>286</v>
      </c>
      <c r="GQ23" s="103">
        <v>2858</v>
      </c>
      <c r="GR23" s="104">
        <v>4030</v>
      </c>
      <c r="GS23" s="105">
        <v>803</v>
      </c>
      <c r="GT23" s="97">
        <v>929</v>
      </c>
      <c r="GU23" s="98">
        <v>1732</v>
      </c>
      <c r="GV23" s="413">
        <v>0</v>
      </c>
      <c r="GW23" s="97">
        <v>1640</v>
      </c>
      <c r="GX23" s="97">
        <v>980</v>
      </c>
      <c r="GY23" s="97">
        <v>804</v>
      </c>
      <c r="GZ23" s="97">
        <v>681</v>
      </c>
      <c r="HA23" s="97">
        <v>399</v>
      </c>
      <c r="HB23" s="99">
        <v>4504</v>
      </c>
      <c r="HC23" s="100">
        <v>6236</v>
      </c>
      <c r="HD23" s="101">
        <v>18</v>
      </c>
      <c r="HE23" s="102">
        <v>16</v>
      </c>
      <c r="HF23" s="103">
        <v>34</v>
      </c>
      <c r="HG23" s="416">
        <v>0</v>
      </c>
      <c r="HH23" s="102">
        <v>52</v>
      </c>
      <c r="HI23" s="102">
        <v>38</v>
      </c>
      <c r="HJ23" s="102">
        <v>21</v>
      </c>
      <c r="HK23" s="102">
        <v>22</v>
      </c>
      <c r="HL23" s="102">
        <v>17</v>
      </c>
      <c r="HM23" s="103">
        <v>150</v>
      </c>
      <c r="HN23" s="104">
        <v>184</v>
      </c>
      <c r="HO23" s="101">
        <v>60</v>
      </c>
      <c r="HP23" s="102">
        <v>59</v>
      </c>
      <c r="HQ23" s="103">
        <v>119</v>
      </c>
      <c r="HR23" s="413">
        <v>0</v>
      </c>
      <c r="HS23" s="102">
        <v>121</v>
      </c>
      <c r="HT23" s="102">
        <v>64</v>
      </c>
      <c r="HU23" s="102">
        <v>45</v>
      </c>
      <c r="HV23" s="102">
        <v>54</v>
      </c>
      <c r="HW23" s="102">
        <v>30</v>
      </c>
      <c r="HX23" s="103">
        <v>314</v>
      </c>
      <c r="HY23" s="104">
        <v>433</v>
      </c>
      <c r="HZ23" s="101">
        <v>123</v>
      </c>
      <c r="IA23" s="102">
        <v>151</v>
      </c>
      <c r="IB23" s="103">
        <v>274</v>
      </c>
      <c r="IC23" s="413">
        <v>0</v>
      </c>
      <c r="ID23" s="102">
        <v>268</v>
      </c>
      <c r="IE23" s="102">
        <v>138</v>
      </c>
      <c r="IF23" s="102">
        <v>110</v>
      </c>
      <c r="IG23" s="102">
        <v>88</v>
      </c>
      <c r="IH23" s="102">
        <v>50</v>
      </c>
      <c r="II23" s="103">
        <v>654</v>
      </c>
      <c r="IJ23" s="104">
        <v>928</v>
      </c>
      <c r="IK23" s="101">
        <v>281</v>
      </c>
      <c r="IL23" s="102">
        <v>280</v>
      </c>
      <c r="IM23" s="103">
        <v>561</v>
      </c>
      <c r="IN23" s="413">
        <v>0</v>
      </c>
      <c r="IO23" s="102">
        <v>455</v>
      </c>
      <c r="IP23" s="102">
        <v>247</v>
      </c>
      <c r="IQ23" s="102">
        <v>189</v>
      </c>
      <c r="IR23" s="102">
        <v>155</v>
      </c>
      <c r="IS23" s="102">
        <v>84</v>
      </c>
      <c r="IT23" s="103">
        <v>1130</v>
      </c>
      <c r="IU23" s="104">
        <v>1691</v>
      </c>
      <c r="IV23" s="101">
        <v>215</v>
      </c>
      <c r="IW23" s="102">
        <v>268</v>
      </c>
      <c r="IX23" s="103">
        <v>483</v>
      </c>
      <c r="IY23" s="413">
        <v>0</v>
      </c>
      <c r="IZ23" s="102">
        <v>443</v>
      </c>
      <c r="JA23" s="102">
        <v>257</v>
      </c>
      <c r="JB23" s="102">
        <v>216</v>
      </c>
      <c r="JC23" s="102">
        <v>161</v>
      </c>
      <c r="JD23" s="102">
        <v>111</v>
      </c>
      <c r="JE23" s="103">
        <v>1188</v>
      </c>
      <c r="JF23" s="104">
        <v>1671</v>
      </c>
      <c r="JG23" s="101">
        <v>106</v>
      </c>
      <c r="JH23" s="102">
        <v>155</v>
      </c>
      <c r="JI23" s="103">
        <v>261</v>
      </c>
      <c r="JJ23" s="413">
        <v>0</v>
      </c>
      <c r="JK23" s="102">
        <v>301</v>
      </c>
      <c r="JL23" s="102">
        <v>236</v>
      </c>
      <c r="JM23" s="102">
        <v>223</v>
      </c>
      <c r="JN23" s="102">
        <v>201</v>
      </c>
      <c r="JO23" s="102">
        <v>107</v>
      </c>
      <c r="JP23" s="103">
        <v>1068</v>
      </c>
      <c r="JQ23" s="104">
        <v>1329</v>
      </c>
      <c r="JR23" s="101">
        <v>13</v>
      </c>
      <c r="JS23" s="102">
        <v>21</v>
      </c>
      <c r="JT23" s="103">
        <v>34</v>
      </c>
      <c r="JU23" s="413">
        <v>0</v>
      </c>
      <c r="JV23" s="102">
        <v>38</v>
      </c>
      <c r="JW23" s="102">
        <v>23</v>
      </c>
      <c r="JX23" s="102">
        <v>23</v>
      </c>
      <c r="JY23" s="102">
        <v>23</v>
      </c>
      <c r="JZ23" s="102">
        <v>14</v>
      </c>
      <c r="KA23" s="103">
        <v>121</v>
      </c>
      <c r="KB23" s="104">
        <v>155</v>
      </c>
      <c r="KC23" s="101">
        <v>816</v>
      </c>
      <c r="KD23" s="102">
        <v>950</v>
      </c>
      <c r="KE23" s="103">
        <v>1766</v>
      </c>
      <c r="KF23" s="413">
        <v>0</v>
      </c>
      <c r="KG23" s="102">
        <v>1678</v>
      </c>
      <c r="KH23" s="102">
        <v>1003</v>
      </c>
      <c r="KI23" s="102">
        <v>827</v>
      </c>
      <c r="KJ23" s="102">
        <v>704</v>
      </c>
      <c r="KK23" s="102">
        <v>413</v>
      </c>
      <c r="KL23" s="103">
        <v>4625</v>
      </c>
      <c r="KM23" s="104">
        <v>6391</v>
      </c>
    </row>
    <row r="24" spans="2:299" s="70" customFormat="1" ht="21" customHeight="1" x14ac:dyDescent="0.2">
      <c r="B24" s="106" t="s">
        <v>21</v>
      </c>
      <c r="C24" s="96">
        <v>297</v>
      </c>
      <c r="D24" s="97">
        <v>249</v>
      </c>
      <c r="E24" s="98">
        <v>546</v>
      </c>
      <c r="F24" s="413">
        <v>0</v>
      </c>
      <c r="G24" s="97">
        <v>494</v>
      </c>
      <c r="H24" s="97">
        <v>435</v>
      </c>
      <c r="I24" s="97">
        <v>284</v>
      </c>
      <c r="J24" s="97">
        <v>235</v>
      </c>
      <c r="K24" s="97">
        <v>132</v>
      </c>
      <c r="L24" s="99">
        <v>1580</v>
      </c>
      <c r="M24" s="100">
        <v>2126</v>
      </c>
      <c r="N24" s="101">
        <v>12</v>
      </c>
      <c r="O24" s="102">
        <v>10</v>
      </c>
      <c r="P24" s="103">
        <v>22</v>
      </c>
      <c r="Q24" s="413">
        <v>0</v>
      </c>
      <c r="R24" s="102">
        <v>22</v>
      </c>
      <c r="S24" s="102">
        <v>18</v>
      </c>
      <c r="T24" s="102">
        <v>20</v>
      </c>
      <c r="U24" s="102">
        <v>9</v>
      </c>
      <c r="V24" s="102">
        <v>15</v>
      </c>
      <c r="W24" s="103">
        <v>84</v>
      </c>
      <c r="X24" s="104">
        <v>106</v>
      </c>
      <c r="Y24" s="101">
        <v>25</v>
      </c>
      <c r="Z24" s="102">
        <v>23</v>
      </c>
      <c r="AA24" s="103">
        <v>48</v>
      </c>
      <c r="AB24" s="413">
        <v>0</v>
      </c>
      <c r="AC24" s="102">
        <v>39</v>
      </c>
      <c r="AD24" s="102">
        <v>50</v>
      </c>
      <c r="AE24" s="102">
        <v>26</v>
      </c>
      <c r="AF24" s="102">
        <v>29</v>
      </c>
      <c r="AG24" s="102">
        <v>22</v>
      </c>
      <c r="AH24" s="103">
        <v>166</v>
      </c>
      <c r="AI24" s="104">
        <v>214</v>
      </c>
      <c r="AJ24" s="101">
        <v>51</v>
      </c>
      <c r="AK24" s="102">
        <v>52</v>
      </c>
      <c r="AL24" s="103">
        <v>103</v>
      </c>
      <c r="AM24" s="413">
        <v>0</v>
      </c>
      <c r="AN24" s="102">
        <v>86</v>
      </c>
      <c r="AO24" s="102">
        <v>70</v>
      </c>
      <c r="AP24" s="102">
        <v>47</v>
      </c>
      <c r="AQ24" s="102">
        <v>44</v>
      </c>
      <c r="AR24" s="102">
        <v>21</v>
      </c>
      <c r="AS24" s="103">
        <v>268</v>
      </c>
      <c r="AT24" s="104">
        <v>371</v>
      </c>
      <c r="AU24" s="101">
        <v>89</v>
      </c>
      <c r="AV24" s="102">
        <v>62</v>
      </c>
      <c r="AW24" s="103">
        <v>151</v>
      </c>
      <c r="AX24" s="413">
        <v>0</v>
      </c>
      <c r="AY24" s="102">
        <v>143</v>
      </c>
      <c r="AZ24" s="102">
        <v>130</v>
      </c>
      <c r="BA24" s="102">
        <v>77</v>
      </c>
      <c r="BB24" s="102">
        <v>70</v>
      </c>
      <c r="BC24" s="102">
        <v>27</v>
      </c>
      <c r="BD24" s="103">
        <v>447</v>
      </c>
      <c r="BE24" s="104">
        <v>598</v>
      </c>
      <c r="BF24" s="101">
        <v>82</v>
      </c>
      <c r="BG24" s="102">
        <v>63</v>
      </c>
      <c r="BH24" s="103">
        <v>145</v>
      </c>
      <c r="BI24" s="413">
        <v>0</v>
      </c>
      <c r="BJ24" s="102">
        <v>141</v>
      </c>
      <c r="BK24" s="102">
        <v>103</v>
      </c>
      <c r="BL24" s="102">
        <v>64</v>
      </c>
      <c r="BM24" s="102">
        <v>51</v>
      </c>
      <c r="BN24" s="102">
        <v>26</v>
      </c>
      <c r="BO24" s="103">
        <v>385</v>
      </c>
      <c r="BP24" s="104">
        <v>530</v>
      </c>
      <c r="BQ24" s="101">
        <v>38</v>
      </c>
      <c r="BR24" s="102">
        <v>39</v>
      </c>
      <c r="BS24" s="103">
        <v>77</v>
      </c>
      <c r="BT24" s="413">
        <v>0</v>
      </c>
      <c r="BU24" s="102">
        <v>63</v>
      </c>
      <c r="BV24" s="102">
        <v>64</v>
      </c>
      <c r="BW24" s="102">
        <v>50</v>
      </c>
      <c r="BX24" s="102">
        <v>32</v>
      </c>
      <c r="BY24" s="102">
        <v>21</v>
      </c>
      <c r="BZ24" s="103">
        <v>230</v>
      </c>
      <c r="CA24" s="104">
        <v>307</v>
      </c>
      <c r="CB24" s="101">
        <v>14</v>
      </c>
      <c r="CC24" s="102">
        <v>11</v>
      </c>
      <c r="CD24" s="103">
        <v>25</v>
      </c>
      <c r="CE24" s="413">
        <v>0</v>
      </c>
      <c r="CF24" s="102">
        <v>7</v>
      </c>
      <c r="CG24" s="102">
        <v>19</v>
      </c>
      <c r="CH24" s="102">
        <v>11</v>
      </c>
      <c r="CI24" s="102">
        <v>9</v>
      </c>
      <c r="CJ24" s="102">
        <v>14</v>
      </c>
      <c r="CK24" s="103">
        <v>60</v>
      </c>
      <c r="CL24" s="104">
        <v>85</v>
      </c>
      <c r="CM24" s="101">
        <v>311</v>
      </c>
      <c r="CN24" s="102">
        <v>260</v>
      </c>
      <c r="CO24" s="103">
        <v>571</v>
      </c>
      <c r="CP24" s="413">
        <v>0</v>
      </c>
      <c r="CQ24" s="102">
        <v>501</v>
      </c>
      <c r="CR24" s="102">
        <v>454</v>
      </c>
      <c r="CS24" s="102">
        <v>295</v>
      </c>
      <c r="CT24" s="102">
        <v>244</v>
      </c>
      <c r="CU24" s="102">
        <v>146</v>
      </c>
      <c r="CV24" s="103">
        <v>1640</v>
      </c>
      <c r="CW24" s="104">
        <v>2211</v>
      </c>
      <c r="CX24" s="105">
        <v>596</v>
      </c>
      <c r="CY24" s="97">
        <v>604</v>
      </c>
      <c r="CZ24" s="98">
        <v>1200</v>
      </c>
      <c r="DA24" s="413">
        <v>0</v>
      </c>
      <c r="DB24" s="97">
        <v>838</v>
      </c>
      <c r="DC24" s="97">
        <v>737</v>
      </c>
      <c r="DD24" s="97">
        <v>595</v>
      </c>
      <c r="DE24" s="97">
        <v>459</v>
      </c>
      <c r="DF24" s="97">
        <v>336</v>
      </c>
      <c r="DG24" s="99">
        <v>2965</v>
      </c>
      <c r="DH24" s="100">
        <v>4165</v>
      </c>
      <c r="DI24" s="101">
        <v>13</v>
      </c>
      <c r="DJ24" s="102">
        <v>19</v>
      </c>
      <c r="DK24" s="103">
        <v>32</v>
      </c>
      <c r="DL24" s="413">
        <v>0</v>
      </c>
      <c r="DM24" s="102">
        <v>16</v>
      </c>
      <c r="DN24" s="102">
        <v>23</v>
      </c>
      <c r="DO24" s="102">
        <v>15</v>
      </c>
      <c r="DP24" s="102">
        <v>5</v>
      </c>
      <c r="DQ24" s="102">
        <v>17</v>
      </c>
      <c r="DR24" s="103">
        <v>76</v>
      </c>
      <c r="DS24" s="104">
        <v>108</v>
      </c>
      <c r="DT24" s="101">
        <v>35</v>
      </c>
      <c r="DU24" s="102">
        <v>32</v>
      </c>
      <c r="DV24" s="103">
        <v>67</v>
      </c>
      <c r="DW24" s="413">
        <v>0</v>
      </c>
      <c r="DX24" s="102">
        <v>49</v>
      </c>
      <c r="DY24" s="102">
        <v>31</v>
      </c>
      <c r="DZ24" s="102">
        <v>27</v>
      </c>
      <c r="EA24" s="102">
        <v>23</v>
      </c>
      <c r="EB24" s="102">
        <v>19</v>
      </c>
      <c r="EC24" s="103">
        <v>149</v>
      </c>
      <c r="ED24" s="104">
        <v>216</v>
      </c>
      <c r="EE24" s="101">
        <v>81</v>
      </c>
      <c r="EF24" s="102">
        <v>103</v>
      </c>
      <c r="EG24" s="103">
        <v>184</v>
      </c>
      <c r="EH24" s="413">
        <v>0</v>
      </c>
      <c r="EI24" s="102">
        <v>106</v>
      </c>
      <c r="EJ24" s="102">
        <v>84</v>
      </c>
      <c r="EK24" s="102">
        <v>57</v>
      </c>
      <c r="EL24" s="102">
        <v>42</v>
      </c>
      <c r="EM24" s="102">
        <v>37</v>
      </c>
      <c r="EN24" s="103">
        <v>326</v>
      </c>
      <c r="EO24" s="104">
        <v>510</v>
      </c>
      <c r="EP24" s="101">
        <v>207</v>
      </c>
      <c r="EQ24" s="102">
        <v>190</v>
      </c>
      <c r="ER24" s="103">
        <v>397</v>
      </c>
      <c r="ES24" s="413">
        <v>0</v>
      </c>
      <c r="ET24" s="102">
        <v>233</v>
      </c>
      <c r="EU24" s="102">
        <v>162</v>
      </c>
      <c r="EV24" s="102">
        <v>129</v>
      </c>
      <c r="EW24" s="102">
        <v>101</v>
      </c>
      <c r="EX24" s="102">
        <v>78</v>
      </c>
      <c r="EY24" s="103">
        <v>703</v>
      </c>
      <c r="EZ24" s="104">
        <v>1100</v>
      </c>
      <c r="FA24" s="101">
        <v>163</v>
      </c>
      <c r="FB24" s="102">
        <v>178</v>
      </c>
      <c r="FC24" s="103">
        <v>341</v>
      </c>
      <c r="FD24" s="413">
        <v>0</v>
      </c>
      <c r="FE24" s="102">
        <v>223</v>
      </c>
      <c r="FF24" s="102">
        <v>219</v>
      </c>
      <c r="FG24" s="102">
        <v>175</v>
      </c>
      <c r="FH24" s="102">
        <v>113</v>
      </c>
      <c r="FI24" s="102">
        <v>86</v>
      </c>
      <c r="FJ24" s="103">
        <v>816</v>
      </c>
      <c r="FK24" s="104">
        <v>1157</v>
      </c>
      <c r="FL24" s="101">
        <v>97</v>
      </c>
      <c r="FM24" s="102">
        <v>82</v>
      </c>
      <c r="FN24" s="103">
        <v>179</v>
      </c>
      <c r="FO24" s="413">
        <v>0</v>
      </c>
      <c r="FP24" s="102">
        <v>211</v>
      </c>
      <c r="FQ24" s="102">
        <v>218</v>
      </c>
      <c r="FR24" s="102">
        <v>192</v>
      </c>
      <c r="FS24" s="102">
        <v>175</v>
      </c>
      <c r="FT24" s="102">
        <v>99</v>
      </c>
      <c r="FU24" s="103">
        <v>895</v>
      </c>
      <c r="FV24" s="104">
        <v>1074</v>
      </c>
      <c r="FW24" s="101">
        <v>6</v>
      </c>
      <c r="FX24" s="102">
        <v>10</v>
      </c>
      <c r="FY24" s="103">
        <v>16</v>
      </c>
      <c r="FZ24" s="413">
        <v>0</v>
      </c>
      <c r="GA24" s="102">
        <v>6</v>
      </c>
      <c r="GB24" s="102">
        <v>18</v>
      </c>
      <c r="GC24" s="102">
        <v>16</v>
      </c>
      <c r="GD24" s="102">
        <v>10</v>
      </c>
      <c r="GE24" s="102">
        <v>11</v>
      </c>
      <c r="GF24" s="103">
        <v>61</v>
      </c>
      <c r="GG24" s="104">
        <v>77</v>
      </c>
      <c r="GH24" s="101">
        <v>602</v>
      </c>
      <c r="GI24" s="102">
        <v>614</v>
      </c>
      <c r="GJ24" s="103">
        <v>1216</v>
      </c>
      <c r="GK24" s="413">
        <v>0</v>
      </c>
      <c r="GL24" s="102">
        <v>844</v>
      </c>
      <c r="GM24" s="102">
        <v>755</v>
      </c>
      <c r="GN24" s="102">
        <v>611</v>
      </c>
      <c r="GO24" s="102">
        <v>469</v>
      </c>
      <c r="GP24" s="102">
        <v>347</v>
      </c>
      <c r="GQ24" s="103">
        <v>3026</v>
      </c>
      <c r="GR24" s="104">
        <v>4242</v>
      </c>
      <c r="GS24" s="105">
        <v>893</v>
      </c>
      <c r="GT24" s="97">
        <v>853</v>
      </c>
      <c r="GU24" s="98">
        <v>1746</v>
      </c>
      <c r="GV24" s="413">
        <v>0</v>
      </c>
      <c r="GW24" s="97">
        <v>1332</v>
      </c>
      <c r="GX24" s="97">
        <v>1172</v>
      </c>
      <c r="GY24" s="97">
        <v>879</v>
      </c>
      <c r="GZ24" s="97">
        <v>694</v>
      </c>
      <c r="HA24" s="97">
        <v>468</v>
      </c>
      <c r="HB24" s="99">
        <v>4545</v>
      </c>
      <c r="HC24" s="100">
        <v>6291</v>
      </c>
      <c r="HD24" s="101">
        <v>25</v>
      </c>
      <c r="HE24" s="102">
        <v>29</v>
      </c>
      <c r="HF24" s="103">
        <v>54</v>
      </c>
      <c r="HG24" s="416">
        <v>0</v>
      </c>
      <c r="HH24" s="102">
        <v>38</v>
      </c>
      <c r="HI24" s="102">
        <v>41</v>
      </c>
      <c r="HJ24" s="102">
        <v>35</v>
      </c>
      <c r="HK24" s="102">
        <v>14</v>
      </c>
      <c r="HL24" s="102">
        <v>32</v>
      </c>
      <c r="HM24" s="103">
        <v>160</v>
      </c>
      <c r="HN24" s="104">
        <v>214</v>
      </c>
      <c r="HO24" s="101">
        <v>60</v>
      </c>
      <c r="HP24" s="102">
        <v>55</v>
      </c>
      <c r="HQ24" s="103">
        <v>115</v>
      </c>
      <c r="HR24" s="413">
        <v>0</v>
      </c>
      <c r="HS24" s="102">
        <v>88</v>
      </c>
      <c r="HT24" s="102">
        <v>81</v>
      </c>
      <c r="HU24" s="102">
        <v>53</v>
      </c>
      <c r="HV24" s="102">
        <v>52</v>
      </c>
      <c r="HW24" s="102">
        <v>41</v>
      </c>
      <c r="HX24" s="103">
        <v>315</v>
      </c>
      <c r="HY24" s="104">
        <v>430</v>
      </c>
      <c r="HZ24" s="101">
        <v>132</v>
      </c>
      <c r="IA24" s="102">
        <v>155</v>
      </c>
      <c r="IB24" s="103">
        <v>287</v>
      </c>
      <c r="IC24" s="413">
        <v>0</v>
      </c>
      <c r="ID24" s="102">
        <v>192</v>
      </c>
      <c r="IE24" s="102">
        <v>154</v>
      </c>
      <c r="IF24" s="102">
        <v>104</v>
      </c>
      <c r="IG24" s="102">
        <v>86</v>
      </c>
      <c r="IH24" s="102">
        <v>58</v>
      </c>
      <c r="II24" s="103">
        <v>594</v>
      </c>
      <c r="IJ24" s="104">
        <v>881</v>
      </c>
      <c r="IK24" s="101">
        <v>296</v>
      </c>
      <c r="IL24" s="102">
        <v>252</v>
      </c>
      <c r="IM24" s="103">
        <v>548</v>
      </c>
      <c r="IN24" s="413">
        <v>0</v>
      </c>
      <c r="IO24" s="102">
        <v>376</v>
      </c>
      <c r="IP24" s="102">
        <v>292</v>
      </c>
      <c r="IQ24" s="102">
        <v>206</v>
      </c>
      <c r="IR24" s="102">
        <v>171</v>
      </c>
      <c r="IS24" s="102">
        <v>105</v>
      </c>
      <c r="IT24" s="103">
        <v>1150</v>
      </c>
      <c r="IU24" s="104">
        <v>1698</v>
      </c>
      <c r="IV24" s="101">
        <v>245</v>
      </c>
      <c r="IW24" s="102">
        <v>241</v>
      </c>
      <c r="IX24" s="103">
        <v>486</v>
      </c>
      <c r="IY24" s="413">
        <v>0</v>
      </c>
      <c r="IZ24" s="102">
        <v>364</v>
      </c>
      <c r="JA24" s="102">
        <v>322</v>
      </c>
      <c r="JB24" s="102">
        <v>239</v>
      </c>
      <c r="JC24" s="102">
        <v>164</v>
      </c>
      <c r="JD24" s="102">
        <v>112</v>
      </c>
      <c r="JE24" s="103">
        <v>1201</v>
      </c>
      <c r="JF24" s="104">
        <v>1687</v>
      </c>
      <c r="JG24" s="101">
        <v>135</v>
      </c>
      <c r="JH24" s="102">
        <v>121</v>
      </c>
      <c r="JI24" s="103">
        <v>256</v>
      </c>
      <c r="JJ24" s="413">
        <v>0</v>
      </c>
      <c r="JK24" s="102">
        <v>274</v>
      </c>
      <c r="JL24" s="102">
        <v>282</v>
      </c>
      <c r="JM24" s="102">
        <v>242</v>
      </c>
      <c r="JN24" s="102">
        <v>207</v>
      </c>
      <c r="JO24" s="102">
        <v>120</v>
      </c>
      <c r="JP24" s="103">
        <v>1125</v>
      </c>
      <c r="JQ24" s="104">
        <v>1381</v>
      </c>
      <c r="JR24" s="101">
        <v>20</v>
      </c>
      <c r="JS24" s="102">
        <v>21</v>
      </c>
      <c r="JT24" s="103">
        <v>41</v>
      </c>
      <c r="JU24" s="413">
        <v>0</v>
      </c>
      <c r="JV24" s="102">
        <v>13</v>
      </c>
      <c r="JW24" s="102">
        <v>37</v>
      </c>
      <c r="JX24" s="102">
        <v>27</v>
      </c>
      <c r="JY24" s="102">
        <v>19</v>
      </c>
      <c r="JZ24" s="102">
        <v>25</v>
      </c>
      <c r="KA24" s="103">
        <v>121</v>
      </c>
      <c r="KB24" s="104">
        <v>162</v>
      </c>
      <c r="KC24" s="101">
        <v>913</v>
      </c>
      <c r="KD24" s="102">
        <v>874</v>
      </c>
      <c r="KE24" s="103">
        <v>1787</v>
      </c>
      <c r="KF24" s="413">
        <v>0</v>
      </c>
      <c r="KG24" s="102">
        <v>1345</v>
      </c>
      <c r="KH24" s="102">
        <v>1209</v>
      </c>
      <c r="KI24" s="102">
        <v>906</v>
      </c>
      <c r="KJ24" s="102">
        <v>713</v>
      </c>
      <c r="KK24" s="102">
        <v>493</v>
      </c>
      <c r="KL24" s="103">
        <v>4666</v>
      </c>
      <c r="KM24" s="104">
        <v>6453</v>
      </c>
    </row>
    <row r="25" spans="2:299" s="70" customFormat="1" ht="21" customHeight="1" x14ac:dyDescent="0.2">
      <c r="B25" s="106" t="s">
        <v>22</v>
      </c>
      <c r="C25" s="96">
        <v>92</v>
      </c>
      <c r="D25" s="97">
        <v>84</v>
      </c>
      <c r="E25" s="98">
        <v>176</v>
      </c>
      <c r="F25" s="413">
        <v>0</v>
      </c>
      <c r="G25" s="97">
        <v>209</v>
      </c>
      <c r="H25" s="97">
        <v>163</v>
      </c>
      <c r="I25" s="97">
        <v>108</v>
      </c>
      <c r="J25" s="97">
        <v>96</v>
      </c>
      <c r="K25" s="97">
        <v>47</v>
      </c>
      <c r="L25" s="99">
        <v>623</v>
      </c>
      <c r="M25" s="100">
        <v>799</v>
      </c>
      <c r="N25" s="101">
        <v>3</v>
      </c>
      <c r="O25" s="102">
        <v>4</v>
      </c>
      <c r="P25" s="103">
        <v>7</v>
      </c>
      <c r="Q25" s="413">
        <v>0</v>
      </c>
      <c r="R25" s="102">
        <v>5</v>
      </c>
      <c r="S25" s="102">
        <v>5</v>
      </c>
      <c r="T25" s="102">
        <v>6</v>
      </c>
      <c r="U25" s="102">
        <v>1</v>
      </c>
      <c r="V25" s="102">
        <v>4</v>
      </c>
      <c r="W25" s="103">
        <v>21</v>
      </c>
      <c r="X25" s="104">
        <v>28</v>
      </c>
      <c r="Y25" s="101">
        <v>3</v>
      </c>
      <c r="Z25" s="102">
        <v>7</v>
      </c>
      <c r="AA25" s="103">
        <v>10</v>
      </c>
      <c r="AB25" s="413">
        <v>0</v>
      </c>
      <c r="AC25" s="102">
        <v>13</v>
      </c>
      <c r="AD25" s="102">
        <v>12</v>
      </c>
      <c r="AE25" s="102">
        <v>5</v>
      </c>
      <c r="AF25" s="102">
        <v>4</v>
      </c>
      <c r="AG25" s="102">
        <v>10</v>
      </c>
      <c r="AH25" s="103">
        <v>44</v>
      </c>
      <c r="AI25" s="104">
        <v>54</v>
      </c>
      <c r="AJ25" s="101">
        <v>15</v>
      </c>
      <c r="AK25" s="102">
        <v>18</v>
      </c>
      <c r="AL25" s="103">
        <v>33</v>
      </c>
      <c r="AM25" s="413">
        <v>0</v>
      </c>
      <c r="AN25" s="102">
        <v>38</v>
      </c>
      <c r="AO25" s="102">
        <v>20</v>
      </c>
      <c r="AP25" s="102">
        <v>17</v>
      </c>
      <c r="AQ25" s="102">
        <v>17</v>
      </c>
      <c r="AR25" s="102">
        <v>8</v>
      </c>
      <c r="AS25" s="103">
        <v>100</v>
      </c>
      <c r="AT25" s="104">
        <v>133</v>
      </c>
      <c r="AU25" s="101">
        <v>24</v>
      </c>
      <c r="AV25" s="102">
        <v>21</v>
      </c>
      <c r="AW25" s="103">
        <v>45</v>
      </c>
      <c r="AX25" s="413">
        <v>0</v>
      </c>
      <c r="AY25" s="102">
        <v>50</v>
      </c>
      <c r="AZ25" s="102">
        <v>43</v>
      </c>
      <c r="BA25" s="102">
        <v>28</v>
      </c>
      <c r="BB25" s="102">
        <v>20</v>
      </c>
      <c r="BC25" s="102">
        <v>10</v>
      </c>
      <c r="BD25" s="103">
        <v>151</v>
      </c>
      <c r="BE25" s="104">
        <v>196</v>
      </c>
      <c r="BF25" s="101">
        <v>34</v>
      </c>
      <c r="BG25" s="102">
        <v>23</v>
      </c>
      <c r="BH25" s="103">
        <v>57</v>
      </c>
      <c r="BI25" s="413">
        <v>0</v>
      </c>
      <c r="BJ25" s="102">
        <v>52</v>
      </c>
      <c r="BK25" s="102">
        <v>47</v>
      </c>
      <c r="BL25" s="102">
        <v>23</v>
      </c>
      <c r="BM25" s="102">
        <v>30</v>
      </c>
      <c r="BN25" s="102">
        <v>9</v>
      </c>
      <c r="BO25" s="103">
        <v>161</v>
      </c>
      <c r="BP25" s="104">
        <v>218</v>
      </c>
      <c r="BQ25" s="101">
        <v>13</v>
      </c>
      <c r="BR25" s="102">
        <v>11</v>
      </c>
      <c r="BS25" s="103">
        <v>24</v>
      </c>
      <c r="BT25" s="413">
        <v>0</v>
      </c>
      <c r="BU25" s="102">
        <v>51</v>
      </c>
      <c r="BV25" s="102">
        <v>36</v>
      </c>
      <c r="BW25" s="102">
        <v>29</v>
      </c>
      <c r="BX25" s="102">
        <v>24</v>
      </c>
      <c r="BY25" s="102">
        <v>6</v>
      </c>
      <c r="BZ25" s="103">
        <v>146</v>
      </c>
      <c r="CA25" s="104">
        <v>170</v>
      </c>
      <c r="CB25" s="101">
        <v>4</v>
      </c>
      <c r="CC25" s="102">
        <v>5</v>
      </c>
      <c r="CD25" s="103">
        <v>9</v>
      </c>
      <c r="CE25" s="413">
        <v>0</v>
      </c>
      <c r="CF25" s="102">
        <v>10</v>
      </c>
      <c r="CG25" s="102">
        <v>5</v>
      </c>
      <c r="CH25" s="102">
        <v>2</v>
      </c>
      <c r="CI25" s="102">
        <v>1</v>
      </c>
      <c r="CJ25" s="102">
        <v>3</v>
      </c>
      <c r="CK25" s="103">
        <v>21</v>
      </c>
      <c r="CL25" s="104">
        <v>30</v>
      </c>
      <c r="CM25" s="101">
        <v>96</v>
      </c>
      <c r="CN25" s="102">
        <v>89</v>
      </c>
      <c r="CO25" s="103">
        <v>185</v>
      </c>
      <c r="CP25" s="413">
        <v>0</v>
      </c>
      <c r="CQ25" s="102">
        <v>219</v>
      </c>
      <c r="CR25" s="102">
        <v>168</v>
      </c>
      <c r="CS25" s="102">
        <v>110</v>
      </c>
      <c r="CT25" s="102">
        <v>97</v>
      </c>
      <c r="CU25" s="102">
        <v>50</v>
      </c>
      <c r="CV25" s="103">
        <v>644</v>
      </c>
      <c r="CW25" s="104">
        <v>829</v>
      </c>
      <c r="CX25" s="105">
        <v>148</v>
      </c>
      <c r="CY25" s="97">
        <v>271</v>
      </c>
      <c r="CZ25" s="98">
        <v>419</v>
      </c>
      <c r="DA25" s="413">
        <v>0</v>
      </c>
      <c r="DB25" s="97">
        <v>351</v>
      </c>
      <c r="DC25" s="97">
        <v>320</v>
      </c>
      <c r="DD25" s="97">
        <v>214</v>
      </c>
      <c r="DE25" s="97">
        <v>228</v>
      </c>
      <c r="DF25" s="97">
        <v>116</v>
      </c>
      <c r="DG25" s="99">
        <v>1229</v>
      </c>
      <c r="DH25" s="100">
        <v>1648</v>
      </c>
      <c r="DI25" s="101">
        <v>4</v>
      </c>
      <c r="DJ25" s="102">
        <v>6</v>
      </c>
      <c r="DK25" s="103">
        <v>10</v>
      </c>
      <c r="DL25" s="413">
        <v>0</v>
      </c>
      <c r="DM25" s="102">
        <v>5</v>
      </c>
      <c r="DN25" s="102">
        <v>5</v>
      </c>
      <c r="DO25" s="102">
        <v>7</v>
      </c>
      <c r="DP25" s="102">
        <v>2</v>
      </c>
      <c r="DQ25" s="102">
        <v>4</v>
      </c>
      <c r="DR25" s="103">
        <v>23</v>
      </c>
      <c r="DS25" s="104">
        <v>33</v>
      </c>
      <c r="DT25" s="101">
        <v>9</v>
      </c>
      <c r="DU25" s="102">
        <v>15</v>
      </c>
      <c r="DV25" s="103">
        <v>24</v>
      </c>
      <c r="DW25" s="413">
        <v>0</v>
      </c>
      <c r="DX25" s="102">
        <v>15</v>
      </c>
      <c r="DY25" s="102">
        <v>14</v>
      </c>
      <c r="DZ25" s="102">
        <v>10</v>
      </c>
      <c r="EA25" s="102">
        <v>7</v>
      </c>
      <c r="EB25" s="102">
        <v>1</v>
      </c>
      <c r="EC25" s="103">
        <v>47</v>
      </c>
      <c r="ED25" s="104">
        <v>71</v>
      </c>
      <c r="EE25" s="101">
        <v>26</v>
      </c>
      <c r="EF25" s="102">
        <v>43</v>
      </c>
      <c r="EG25" s="103">
        <v>69</v>
      </c>
      <c r="EH25" s="413">
        <v>0</v>
      </c>
      <c r="EI25" s="102">
        <v>40</v>
      </c>
      <c r="EJ25" s="102">
        <v>36</v>
      </c>
      <c r="EK25" s="102">
        <v>18</v>
      </c>
      <c r="EL25" s="102">
        <v>16</v>
      </c>
      <c r="EM25" s="102">
        <v>16</v>
      </c>
      <c r="EN25" s="103">
        <v>126</v>
      </c>
      <c r="EO25" s="104">
        <v>195</v>
      </c>
      <c r="EP25" s="101">
        <v>44</v>
      </c>
      <c r="EQ25" s="102">
        <v>74</v>
      </c>
      <c r="ER25" s="103">
        <v>118</v>
      </c>
      <c r="ES25" s="413">
        <v>0</v>
      </c>
      <c r="ET25" s="102">
        <v>76</v>
      </c>
      <c r="EU25" s="102">
        <v>67</v>
      </c>
      <c r="EV25" s="102">
        <v>41</v>
      </c>
      <c r="EW25" s="102">
        <v>42</v>
      </c>
      <c r="EX25" s="102">
        <v>23</v>
      </c>
      <c r="EY25" s="103">
        <v>249</v>
      </c>
      <c r="EZ25" s="104">
        <v>367</v>
      </c>
      <c r="FA25" s="101">
        <v>49</v>
      </c>
      <c r="FB25" s="102">
        <v>79</v>
      </c>
      <c r="FC25" s="103">
        <v>128</v>
      </c>
      <c r="FD25" s="413">
        <v>0</v>
      </c>
      <c r="FE25" s="102">
        <v>116</v>
      </c>
      <c r="FF25" s="102">
        <v>88</v>
      </c>
      <c r="FG25" s="102">
        <v>53</v>
      </c>
      <c r="FH25" s="102">
        <v>58</v>
      </c>
      <c r="FI25" s="102">
        <v>36</v>
      </c>
      <c r="FJ25" s="103">
        <v>351</v>
      </c>
      <c r="FK25" s="104">
        <v>479</v>
      </c>
      <c r="FL25" s="101">
        <v>16</v>
      </c>
      <c r="FM25" s="102">
        <v>54</v>
      </c>
      <c r="FN25" s="103">
        <v>70</v>
      </c>
      <c r="FO25" s="413">
        <v>0</v>
      </c>
      <c r="FP25" s="102">
        <v>99</v>
      </c>
      <c r="FQ25" s="102">
        <v>110</v>
      </c>
      <c r="FR25" s="102">
        <v>85</v>
      </c>
      <c r="FS25" s="102">
        <v>103</v>
      </c>
      <c r="FT25" s="102">
        <v>36</v>
      </c>
      <c r="FU25" s="103">
        <v>433</v>
      </c>
      <c r="FV25" s="104">
        <v>503</v>
      </c>
      <c r="FW25" s="101">
        <v>0</v>
      </c>
      <c r="FX25" s="102">
        <v>5</v>
      </c>
      <c r="FY25" s="103">
        <v>5</v>
      </c>
      <c r="FZ25" s="413">
        <v>0</v>
      </c>
      <c r="GA25" s="102">
        <v>3</v>
      </c>
      <c r="GB25" s="102">
        <v>5</v>
      </c>
      <c r="GC25" s="102">
        <v>2</v>
      </c>
      <c r="GD25" s="102">
        <v>2</v>
      </c>
      <c r="GE25" s="102">
        <v>3</v>
      </c>
      <c r="GF25" s="103">
        <v>15</v>
      </c>
      <c r="GG25" s="104">
        <v>20</v>
      </c>
      <c r="GH25" s="101">
        <v>148</v>
      </c>
      <c r="GI25" s="102">
        <v>276</v>
      </c>
      <c r="GJ25" s="103">
        <v>424</v>
      </c>
      <c r="GK25" s="413">
        <v>0</v>
      </c>
      <c r="GL25" s="102">
        <v>354</v>
      </c>
      <c r="GM25" s="102">
        <v>325</v>
      </c>
      <c r="GN25" s="102">
        <v>216</v>
      </c>
      <c r="GO25" s="102">
        <v>230</v>
      </c>
      <c r="GP25" s="102">
        <v>119</v>
      </c>
      <c r="GQ25" s="103">
        <v>1244</v>
      </c>
      <c r="GR25" s="104">
        <v>1668</v>
      </c>
      <c r="GS25" s="105">
        <v>240</v>
      </c>
      <c r="GT25" s="97">
        <v>355</v>
      </c>
      <c r="GU25" s="98">
        <v>595</v>
      </c>
      <c r="GV25" s="413">
        <v>0</v>
      </c>
      <c r="GW25" s="97">
        <v>560</v>
      </c>
      <c r="GX25" s="97">
        <v>483</v>
      </c>
      <c r="GY25" s="97">
        <v>322</v>
      </c>
      <c r="GZ25" s="97">
        <v>324</v>
      </c>
      <c r="HA25" s="97">
        <v>163</v>
      </c>
      <c r="HB25" s="99">
        <v>1852</v>
      </c>
      <c r="HC25" s="100">
        <v>2447</v>
      </c>
      <c r="HD25" s="101">
        <v>7</v>
      </c>
      <c r="HE25" s="102">
        <v>10</v>
      </c>
      <c r="HF25" s="103">
        <v>17</v>
      </c>
      <c r="HG25" s="416">
        <v>0</v>
      </c>
      <c r="HH25" s="102">
        <v>10</v>
      </c>
      <c r="HI25" s="102">
        <v>10</v>
      </c>
      <c r="HJ25" s="102">
        <v>13</v>
      </c>
      <c r="HK25" s="102">
        <v>3</v>
      </c>
      <c r="HL25" s="102">
        <v>8</v>
      </c>
      <c r="HM25" s="103">
        <v>44</v>
      </c>
      <c r="HN25" s="104">
        <v>61</v>
      </c>
      <c r="HO25" s="101">
        <v>12</v>
      </c>
      <c r="HP25" s="102">
        <v>22</v>
      </c>
      <c r="HQ25" s="103">
        <v>34</v>
      </c>
      <c r="HR25" s="413">
        <v>0</v>
      </c>
      <c r="HS25" s="102">
        <v>28</v>
      </c>
      <c r="HT25" s="102">
        <v>26</v>
      </c>
      <c r="HU25" s="102">
        <v>15</v>
      </c>
      <c r="HV25" s="102">
        <v>11</v>
      </c>
      <c r="HW25" s="102">
        <v>11</v>
      </c>
      <c r="HX25" s="103">
        <v>91</v>
      </c>
      <c r="HY25" s="104">
        <v>125</v>
      </c>
      <c r="HZ25" s="101">
        <v>41</v>
      </c>
      <c r="IA25" s="102">
        <v>61</v>
      </c>
      <c r="IB25" s="103">
        <v>102</v>
      </c>
      <c r="IC25" s="413">
        <v>0</v>
      </c>
      <c r="ID25" s="102">
        <v>78</v>
      </c>
      <c r="IE25" s="102">
        <v>56</v>
      </c>
      <c r="IF25" s="102">
        <v>35</v>
      </c>
      <c r="IG25" s="102">
        <v>33</v>
      </c>
      <c r="IH25" s="102">
        <v>24</v>
      </c>
      <c r="II25" s="103">
        <v>226</v>
      </c>
      <c r="IJ25" s="104">
        <v>328</v>
      </c>
      <c r="IK25" s="101">
        <v>68</v>
      </c>
      <c r="IL25" s="102">
        <v>95</v>
      </c>
      <c r="IM25" s="103">
        <v>163</v>
      </c>
      <c r="IN25" s="413">
        <v>0</v>
      </c>
      <c r="IO25" s="102">
        <v>126</v>
      </c>
      <c r="IP25" s="102">
        <v>110</v>
      </c>
      <c r="IQ25" s="102">
        <v>69</v>
      </c>
      <c r="IR25" s="102">
        <v>62</v>
      </c>
      <c r="IS25" s="102">
        <v>33</v>
      </c>
      <c r="IT25" s="103">
        <v>400</v>
      </c>
      <c r="IU25" s="104">
        <v>563</v>
      </c>
      <c r="IV25" s="101">
        <v>83</v>
      </c>
      <c r="IW25" s="102">
        <v>102</v>
      </c>
      <c r="IX25" s="103">
        <v>185</v>
      </c>
      <c r="IY25" s="413">
        <v>0</v>
      </c>
      <c r="IZ25" s="102">
        <v>168</v>
      </c>
      <c r="JA25" s="102">
        <v>135</v>
      </c>
      <c r="JB25" s="102">
        <v>76</v>
      </c>
      <c r="JC25" s="102">
        <v>88</v>
      </c>
      <c r="JD25" s="102">
        <v>45</v>
      </c>
      <c r="JE25" s="103">
        <v>512</v>
      </c>
      <c r="JF25" s="104">
        <v>697</v>
      </c>
      <c r="JG25" s="101">
        <v>29</v>
      </c>
      <c r="JH25" s="102">
        <v>65</v>
      </c>
      <c r="JI25" s="103">
        <v>94</v>
      </c>
      <c r="JJ25" s="413">
        <v>0</v>
      </c>
      <c r="JK25" s="102">
        <v>150</v>
      </c>
      <c r="JL25" s="102">
        <v>146</v>
      </c>
      <c r="JM25" s="102">
        <v>114</v>
      </c>
      <c r="JN25" s="102">
        <v>127</v>
      </c>
      <c r="JO25" s="102">
        <v>42</v>
      </c>
      <c r="JP25" s="103">
        <v>579</v>
      </c>
      <c r="JQ25" s="104">
        <v>673</v>
      </c>
      <c r="JR25" s="101">
        <v>4</v>
      </c>
      <c r="JS25" s="102">
        <v>10</v>
      </c>
      <c r="JT25" s="103">
        <v>14</v>
      </c>
      <c r="JU25" s="413">
        <v>0</v>
      </c>
      <c r="JV25" s="102">
        <v>13</v>
      </c>
      <c r="JW25" s="102">
        <v>10</v>
      </c>
      <c r="JX25" s="102">
        <v>4</v>
      </c>
      <c r="JY25" s="102">
        <v>3</v>
      </c>
      <c r="JZ25" s="102">
        <v>6</v>
      </c>
      <c r="KA25" s="103">
        <v>36</v>
      </c>
      <c r="KB25" s="104">
        <v>50</v>
      </c>
      <c r="KC25" s="101">
        <v>244</v>
      </c>
      <c r="KD25" s="102">
        <v>365</v>
      </c>
      <c r="KE25" s="103">
        <v>609</v>
      </c>
      <c r="KF25" s="413">
        <v>0</v>
      </c>
      <c r="KG25" s="102">
        <v>573</v>
      </c>
      <c r="KH25" s="102">
        <v>493</v>
      </c>
      <c r="KI25" s="102">
        <v>326</v>
      </c>
      <c r="KJ25" s="102">
        <v>327</v>
      </c>
      <c r="KK25" s="102">
        <v>169</v>
      </c>
      <c r="KL25" s="103">
        <v>1888</v>
      </c>
      <c r="KM25" s="104">
        <v>2497</v>
      </c>
    </row>
    <row r="26" spans="2:299" s="70" customFormat="1" ht="21" customHeight="1" x14ac:dyDescent="0.2">
      <c r="B26" s="106" t="s">
        <v>23</v>
      </c>
      <c r="C26" s="96">
        <v>226</v>
      </c>
      <c r="D26" s="97">
        <v>217</v>
      </c>
      <c r="E26" s="98">
        <v>443</v>
      </c>
      <c r="F26" s="413">
        <v>0</v>
      </c>
      <c r="G26" s="97">
        <v>320</v>
      </c>
      <c r="H26" s="97">
        <v>284</v>
      </c>
      <c r="I26" s="97">
        <v>194</v>
      </c>
      <c r="J26" s="97">
        <v>154</v>
      </c>
      <c r="K26" s="97">
        <v>97</v>
      </c>
      <c r="L26" s="99">
        <v>1049</v>
      </c>
      <c r="M26" s="100">
        <v>1492</v>
      </c>
      <c r="N26" s="101">
        <v>7</v>
      </c>
      <c r="O26" s="102">
        <v>8</v>
      </c>
      <c r="P26" s="103">
        <v>15</v>
      </c>
      <c r="Q26" s="413">
        <v>0</v>
      </c>
      <c r="R26" s="102">
        <v>7</v>
      </c>
      <c r="S26" s="102">
        <v>15</v>
      </c>
      <c r="T26" s="102">
        <v>4</v>
      </c>
      <c r="U26" s="102">
        <v>7</v>
      </c>
      <c r="V26" s="102">
        <v>2</v>
      </c>
      <c r="W26" s="103">
        <v>35</v>
      </c>
      <c r="X26" s="104">
        <v>50</v>
      </c>
      <c r="Y26" s="101">
        <v>17</v>
      </c>
      <c r="Z26" s="102">
        <v>22</v>
      </c>
      <c r="AA26" s="103">
        <v>39</v>
      </c>
      <c r="AB26" s="413">
        <v>0</v>
      </c>
      <c r="AC26" s="102">
        <v>22</v>
      </c>
      <c r="AD26" s="102">
        <v>30</v>
      </c>
      <c r="AE26" s="102">
        <v>21</v>
      </c>
      <c r="AF26" s="102">
        <v>17</v>
      </c>
      <c r="AG26" s="102">
        <v>12</v>
      </c>
      <c r="AH26" s="103">
        <v>102</v>
      </c>
      <c r="AI26" s="104">
        <v>141</v>
      </c>
      <c r="AJ26" s="101">
        <v>44</v>
      </c>
      <c r="AK26" s="102">
        <v>38</v>
      </c>
      <c r="AL26" s="103">
        <v>82</v>
      </c>
      <c r="AM26" s="413">
        <v>0</v>
      </c>
      <c r="AN26" s="102">
        <v>51</v>
      </c>
      <c r="AO26" s="102">
        <v>41</v>
      </c>
      <c r="AP26" s="102">
        <v>24</v>
      </c>
      <c r="AQ26" s="102">
        <v>21</v>
      </c>
      <c r="AR26" s="102">
        <v>20</v>
      </c>
      <c r="AS26" s="103">
        <v>157</v>
      </c>
      <c r="AT26" s="104">
        <v>239</v>
      </c>
      <c r="AU26" s="101">
        <v>67</v>
      </c>
      <c r="AV26" s="102">
        <v>69</v>
      </c>
      <c r="AW26" s="103">
        <v>136</v>
      </c>
      <c r="AX26" s="413">
        <v>0</v>
      </c>
      <c r="AY26" s="102">
        <v>104</v>
      </c>
      <c r="AZ26" s="102">
        <v>80</v>
      </c>
      <c r="BA26" s="102">
        <v>54</v>
      </c>
      <c r="BB26" s="102">
        <v>44</v>
      </c>
      <c r="BC26" s="102">
        <v>26</v>
      </c>
      <c r="BD26" s="103">
        <v>308</v>
      </c>
      <c r="BE26" s="104">
        <v>444</v>
      </c>
      <c r="BF26" s="101">
        <v>67</v>
      </c>
      <c r="BG26" s="102">
        <v>61</v>
      </c>
      <c r="BH26" s="103">
        <v>128</v>
      </c>
      <c r="BI26" s="413">
        <v>0</v>
      </c>
      <c r="BJ26" s="102">
        <v>102</v>
      </c>
      <c r="BK26" s="102">
        <v>78</v>
      </c>
      <c r="BL26" s="102">
        <v>55</v>
      </c>
      <c r="BM26" s="102">
        <v>35</v>
      </c>
      <c r="BN26" s="102">
        <v>26</v>
      </c>
      <c r="BO26" s="103">
        <v>296</v>
      </c>
      <c r="BP26" s="104">
        <v>424</v>
      </c>
      <c r="BQ26" s="101">
        <v>24</v>
      </c>
      <c r="BR26" s="102">
        <v>19</v>
      </c>
      <c r="BS26" s="103">
        <v>43</v>
      </c>
      <c r="BT26" s="413">
        <v>0</v>
      </c>
      <c r="BU26" s="102">
        <v>34</v>
      </c>
      <c r="BV26" s="102">
        <v>40</v>
      </c>
      <c r="BW26" s="102">
        <v>36</v>
      </c>
      <c r="BX26" s="102">
        <v>30</v>
      </c>
      <c r="BY26" s="102">
        <v>11</v>
      </c>
      <c r="BZ26" s="103">
        <v>151</v>
      </c>
      <c r="CA26" s="104">
        <v>194</v>
      </c>
      <c r="CB26" s="101">
        <v>5</v>
      </c>
      <c r="CC26" s="102">
        <v>9</v>
      </c>
      <c r="CD26" s="103">
        <v>14</v>
      </c>
      <c r="CE26" s="413">
        <v>0</v>
      </c>
      <c r="CF26" s="102">
        <v>5</v>
      </c>
      <c r="CG26" s="102">
        <v>14</v>
      </c>
      <c r="CH26" s="102">
        <v>8</v>
      </c>
      <c r="CI26" s="102">
        <v>10</v>
      </c>
      <c r="CJ26" s="102">
        <v>4</v>
      </c>
      <c r="CK26" s="103">
        <v>41</v>
      </c>
      <c r="CL26" s="104">
        <v>55</v>
      </c>
      <c r="CM26" s="101">
        <v>231</v>
      </c>
      <c r="CN26" s="102">
        <v>226</v>
      </c>
      <c r="CO26" s="103">
        <v>457</v>
      </c>
      <c r="CP26" s="413">
        <v>0</v>
      </c>
      <c r="CQ26" s="102">
        <v>325</v>
      </c>
      <c r="CR26" s="102">
        <v>298</v>
      </c>
      <c r="CS26" s="102">
        <v>202</v>
      </c>
      <c r="CT26" s="102">
        <v>164</v>
      </c>
      <c r="CU26" s="102">
        <v>101</v>
      </c>
      <c r="CV26" s="103">
        <v>1090</v>
      </c>
      <c r="CW26" s="104">
        <v>1547</v>
      </c>
      <c r="CX26" s="105">
        <v>372</v>
      </c>
      <c r="CY26" s="97">
        <v>477</v>
      </c>
      <c r="CZ26" s="98">
        <v>849</v>
      </c>
      <c r="DA26" s="413">
        <v>0</v>
      </c>
      <c r="DB26" s="97">
        <v>550</v>
      </c>
      <c r="DC26" s="97">
        <v>453</v>
      </c>
      <c r="DD26" s="97">
        <v>311</v>
      </c>
      <c r="DE26" s="97">
        <v>386</v>
      </c>
      <c r="DF26" s="97">
        <v>230</v>
      </c>
      <c r="DG26" s="99">
        <v>1930</v>
      </c>
      <c r="DH26" s="100">
        <v>2779</v>
      </c>
      <c r="DI26" s="101">
        <v>12</v>
      </c>
      <c r="DJ26" s="102">
        <v>11</v>
      </c>
      <c r="DK26" s="103">
        <v>23</v>
      </c>
      <c r="DL26" s="413">
        <v>0</v>
      </c>
      <c r="DM26" s="102">
        <v>11</v>
      </c>
      <c r="DN26" s="102">
        <v>9</v>
      </c>
      <c r="DO26" s="102">
        <v>4</v>
      </c>
      <c r="DP26" s="102">
        <v>3</v>
      </c>
      <c r="DQ26" s="102">
        <v>4</v>
      </c>
      <c r="DR26" s="103">
        <v>31</v>
      </c>
      <c r="DS26" s="104">
        <v>54</v>
      </c>
      <c r="DT26" s="101">
        <v>25</v>
      </c>
      <c r="DU26" s="102">
        <v>39</v>
      </c>
      <c r="DV26" s="103">
        <v>64</v>
      </c>
      <c r="DW26" s="413">
        <v>0</v>
      </c>
      <c r="DX26" s="102">
        <v>18</v>
      </c>
      <c r="DY26" s="102">
        <v>32</v>
      </c>
      <c r="DZ26" s="102">
        <v>19</v>
      </c>
      <c r="EA26" s="102">
        <v>22</v>
      </c>
      <c r="EB26" s="102">
        <v>10</v>
      </c>
      <c r="EC26" s="103">
        <v>101</v>
      </c>
      <c r="ED26" s="104">
        <v>165</v>
      </c>
      <c r="EE26" s="101">
        <v>68</v>
      </c>
      <c r="EF26" s="102">
        <v>79</v>
      </c>
      <c r="EG26" s="103">
        <v>147</v>
      </c>
      <c r="EH26" s="413">
        <v>0</v>
      </c>
      <c r="EI26" s="102">
        <v>77</v>
      </c>
      <c r="EJ26" s="102">
        <v>57</v>
      </c>
      <c r="EK26" s="102">
        <v>38</v>
      </c>
      <c r="EL26" s="102">
        <v>46</v>
      </c>
      <c r="EM26" s="102">
        <v>32</v>
      </c>
      <c r="EN26" s="103">
        <v>250</v>
      </c>
      <c r="EO26" s="104">
        <v>397</v>
      </c>
      <c r="EP26" s="101">
        <v>151</v>
      </c>
      <c r="EQ26" s="102">
        <v>167</v>
      </c>
      <c r="ER26" s="103">
        <v>318</v>
      </c>
      <c r="ES26" s="413">
        <v>0</v>
      </c>
      <c r="ET26" s="102">
        <v>153</v>
      </c>
      <c r="EU26" s="102">
        <v>112</v>
      </c>
      <c r="EV26" s="102">
        <v>68</v>
      </c>
      <c r="EW26" s="102">
        <v>84</v>
      </c>
      <c r="EX26" s="102">
        <v>57</v>
      </c>
      <c r="EY26" s="103">
        <v>474</v>
      </c>
      <c r="EZ26" s="104">
        <v>792</v>
      </c>
      <c r="FA26" s="101">
        <v>77</v>
      </c>
      <c r="FB26" s="102">
        <v>126</v>
      </c>
      <c r="FC26" s="103">
        <v>203</v>
      </c>
      <c r="FD26" s="413">
        <v>0</v>
      </c>
      <c r="FE26" s="102">
        <v>180</v>
      </c>
      <c r="FF26" s="102">
        <v>110</v>
      </c>
      <c r="FG26" s="102">
        <v>102</v>
      </c>
      <c r="FH26" s="102">
        <v>100</v>
      </c>
      <c r="FI26" s="102">
        <v>55</v>
      </c>
      <c r="FJ26" s="103">
        <v>547</v>
      </c>
      <c r="FK26" s="104">
        <v>750</v>
      </c>
      <c r="FL26" s="101">
        <v>39</v>
      </c>
      <c r="FM26" s="102">
        <v>55</v>
      </c>
      <c r="FN26" s="103">
        <v>94</v>
      </c>
      <c r="FO26" s="413">
        <v>0</v>
      </c>
      <c r="FP26" s="102">
        <v>111</v>
      </c>
      <c r="FQ26" s="102">
        <v>133</v>
      </c>
      <c r="FR26" s="102">
        <v>80</v>
      </c>
      <c r="FS26" s="102">
        <v>131</v>
      </c>
      <c r="FT26" s="102">
        <v>72</v>
      </c>
      <c r="FU26" s="103">
        <v>527</v>
      </c>
      <c r="FV26" s="104">
        <v>621</v>
      </c>
      <c r="FW26" s="101">
        <v>5</v>
      </c>
      <c r="FX26" s="102">
        <v>11</v>
      </c>
      <c r="FY26" s="103">
        <v>16</v>
      </c>
      <c r="FZ26" s="413">
        <v>0</v>
      </c>
      <c r="GA26" s="102">
        <v>7</v>
      </c>
      <c r="GB26" s="102">
        <v>11</v>
      </c>
      <c r="GC26" s="102">
        <v>3</v>
      </c>
      <c r="GD26" s="102">
        <v>3</v>
      </c>
      <c r="GE26" s="102">
        <v>5</v>
      </c>
      <c r="GF26" s="103">
        <v>29</v>
      </c>
      <c r="GG26" s="104">
        <v>45</v>
      </c>
      <c r="GH26" s="101">
        <v>377</v>
      </c>
      <c r="GI26" s="102">
        <v>488</v>
      </c>
      <c r="GJ26" s="103">
        <v>865</v>
      </c>
      <c r="GK26" s="413">
        <v>0</v>
      </c>
      <c r="GL26" s="102">
        <v>557</v>
      </c>
      <c r="GM26" s="102">
        <v>464</v>
      </c>
      <c r="GN26" s="102">
        <v>314</v>
      </c>
      <c r="GO26" s="102">
        <v>389</v>
      </c>
      <c r="GP26" s="102">
        <v>235</v>
      </c>
      <c r="GQ26" s="103">
        <v>1959</v>
      </c>
      <c r="GR26" s="104">
        <v>2824</v>
      </c>
      <c r="GS26" s="105">
        <v>598</v>
      </c>
      <c r="GT26" s="97">
        <v>694</v>
      </c>
      <c r="GU26" s="98">
        <v>1292</v>
      </c>
      <c r="GV26" s="413">
        <v>0</v>
      </c>
      <c r="GW26" s="97">
        <v>870</v>
      </c>
      <c r="GX26" s="97">
        <v>737</v>
      </c>
      <c r="GY26" s="97">
        <v>505</v>
      </c>
      <c r="GZ26" s="97">
        <v>540</v>
      </c>
      <c r="HA26" s="97">
        <v>327</v>
      </c>
      <c r="HB26" s="99">
        <v>2979</v>
      </c>
      <c r="HC26" s="100">
        <v>4271</v>
      </c>
      <c r="HD26" s="101">
        <v>19</v>
      </c>
      <c r="HE26" s="102">
        <v>19</v>
      </c>
      <c r="HF26" s="103">
        <v>38</v>
      </c>
      <c r="HG26" s="416">
        <v>0</v>
      </c>
      <c r="HH26" s="102">
        <v>18</v>
      </c>
      <c r="HI26" s="102">
        <v>24</v>
      </c>
      <c r="HJ26" s="102">
        <v>8</v>
      </c>
      <c r="HK26" s="102">
        <v>10</v>
      </c>
      <c r="HL26" s="102">
        <v>6</v>
      </c>
      <c r="HM26" s="103">
        <v>66</v>
      </c>
      <c r="HN26" s="104">
        <v>104</v>
      </c>
      <c r="HO26" s="101">
        <v>42</v>
      </c>
      <c r="HP26" s="102">
        <v>61</v>
      </c>
      <c r="HQ26" s="103">
        <v>103</v>
      </c>
      <c r="HR26" s="413">
        <v>0</v>
      </c>
      <c r="HS26" s="102">
        <v>40</v>
      </c>
      <c r="HT26" s="102">
        <v>62</v>
      </c>
      <c r="HU26" s="102">
        <v>40</v>
      </c>
      <c r="HV26" s="102">
        <v>39</v>
      </c>
      <c r="HW26" s="102">
        <v>22</v>
      </c>
      <c r="HX26" s="103">
        <v>203</v>
      </c>
      <c r="HY26" s="104">
        <v>306</v>
      </c>
      <c r="HZ26" s="101">
        <v>112</v>
      </c>
      <c r="IA26" s="102">
        <v>117</v>
      </c>
      <c r="IB26" s="103">
        <v>229</v>
      </c>
      <c r="IC26" s="413">
        <v>0</v>
      </c>
      <c r="ID26" s="102">
        <v>128</v>
      </c>
      <c r="IE26" s="102">
        <v>98</v>
      </c>
      <c r="IF26" s="102">
        <v>62</v>
      </c>
      <c r="IG26" s="102">
        <v>67</v>
      </c>
      <c r="IH26" s="102">
        <v>52</v>
      </c>
      <c r="II26" s="103">
        <v>407</v>
      </c>
      <c r="IJ26" s="104">
        <v>636</v>
      </c>
      <c r="IK26" s="101">
        <v>218</v>
      </c>
      <c r="IL26" s="102">
        <v>236</v>
      </c>
      <c r="IM26" s="103">
        <v>454</v>
      </c>
      <c r="IN26" s="413">
        <v>0</v>
      </c>
      <c r="IO26" s="102">
        <v>257</v>
      </c>
      <c r="IP26" s="102">
        <v>192</v>
      </c>
      <c r="IQ26" s="102">
        <v>122</v>
      </c>
      <c r="IR26" s="102">
        <v>128</v>
      </c>
      <c r="IS26" s="102">
        <v>83</v>
      </c>
      <c r="IT26" s="103">
        <v>782</v>
      </c>
      <c r="IU26" s="104">
        <v>1236</v>
      </c>
      <c r="IV26" s="101">
        <v>144</v>
      </c>
      <c r="IW26" s="102">
        <v>187</v>
      </c>
      <c r="IX26" s="103">
        <v>331</v>
      </c>
      <c r="IY26" s="413">
        <v>0</v>
      </c>
      <c r="IZ26" s="102">
        <v>282</v>
      </c>
      <c r="JA26" s="102">
        <v>188</v>
      </c>
      <c r="JB26" s="102">
        <v>157</v>
      </c>
      <c r="JC26" s="102">
        <v>135</v>
      </c>
      <c r="JD26" s="102">
        <v>81</v>
      </c>
      <c r="JE26" s="103">
        <v>843</v>
      </c>
      <c r="JF26" s="104">
        <v>1174</v>
      </c>
      <c r="JG26" s="101">
        <v>63</v>
      </c>
      <c r="JH26" s="102">
        <v>74</v>
      </c>
      <c r="JI26" s="103">
        <v>137</v>
      </c>
      <c r="JJ26" s="413">
        <v>0</v>
      </c>
      <c r="JK26" s="102">
        <v>145</v>
      </c>
      <c r="JL26" s="102">
        <v>173</v>
      </c>
      <c r="JM26" s="102">
        <v>116</v>
      </c>
      <c r="JN26" s="102">
        <v>161</v>
      </c>
      <c r="JO26" s="102">
        <v>83</v>
      </c>
      <c r="JP26" s="103">
        <v>678</v>
      </c>
      <c r="JQ26" s="104">
        <v>815</v>
      </c>
      <c r="JR26" s="101">
        <v>10</v>
      </c>
      <c r="JS26" s="102">
        <v>20</v>
      </c>
      <c r="JT26" s="103">
        <v>30</v>
      </c>
      <c r="JU26" s="413">
        <v>0</v>
      </c>
      <c r="JV26" s="102">
        <v>12</v>
      </c>
      <c r="JW26" s="102">
        <v>25</v>
      </c>
      <c r="JX26" s="102">
        <v>11</v>
      </c>
      <c r="JY26" s="102">
        <v>13</v>
      </c>
      <c r="JZ26" s="102">
        <v>9</v>
      </c>
      <c r="KA26" s="103">
        <v>70</v>
      </c>
      <c r="KB26" s="104">
        <v>100</v>
      </c>
      <c r="KC26" s="101">
        <v>608</v>
      </c>
      <c r="KD26" s="102">
        <v>714</v>
      </c>
      <c r="KE26" s="103">
        <v>1322</v>
      </c>
      <c r="KF26" s="413">
        <v>0</v>
      </c>
      <c r="KG26" s="102">
        <v>882</v>
      </c>
      <c r="KH26" s="102">
        <v>762</v>
      </c>
      <c r="KI26" s="102">
        <v>516</v>
      </c>
      <c r="KJ26" s="102">
        <v>553</v>
      </c>
      <c r="KK26" s="102">
        <v>336</v>
      </c>
      <c r="KL26" s="103">
        <v>3049</v>
      </c>
      <c r="KM26" s="104">
        <v>4371</v>
      </c>
    </row>
    <row r="27" spans="2:299" s="70" customFormat="1" ht="21" customHeight="1" x14ac:dyDescent="0.2">
      <c r="B27" s="106" t="s">
        <v>24</v>
      </c>
      <c r="C27" s="96">
        <v>115</v>
      </c>
      <c r="D27" s="97">
        <v>81</v>
      </c>
      <c r="E27" s="98">
        <v>196</v>
      </c>
      <c r="F27" s="413">
        <v>0</v>
      </c>
      <c r="G27" s="97">
        <v>162</v>
      </c>
      <c r="H27" s="97">
        <v>105</v>
      </c>
      <c r="I27" s="97">
        <v>72</v>
      </c>
      <c r="J27" s="97">
        <v>59</v>
      </c>
      <c r="K27" s="97">
        <v>47</v>
      </c>
      <c r="L27" s="99">
        <v>445</v>
      </c>
      <c r="M27" s="100">
        <v>641</v>
      </c>
      <c r="N27" s="101">
        <v>3</v>
      </c>
      <c r="O27" s="102">
        <v>2</v>
      </c>
      <c r="P27" s="103">
        <v>5</v>
      </c>
      <c r="Q27" s="413">
        <v>0</v>
      </c>
      <c r="R27" s="102">
        <v>6</v>
      </c>
      <c r="S27" s="102">
        <v>0</v>
      </c>
      <c r="T27" s="102">
        <v>2</v>
      </c>
      <c r="U27" s="102">
        <v>1</v>
      </c>
      <c r="V27" s="102">
        <v>3</v>
      </c>
      <c r="W27" s="103">
        <v>12</v>
      </c>
      <c r="X27" s="104">
        <v>17</v>
      </c>
      <c r="Y27" s="101">
        <v>9</v>
      </c>
      <c r="Z27" s="102">
        <v>6</v>
      </c>
      <c r="AA27" s="103">
        <v>15</v>
      </c>
      <c r="AB27" s="413">
        <v>0</v>
      </c>
      <c r="AC27" s="102">
        <v>15</v>
      </c>
      <c r="AD27" s="102">
        <v>7</v>
      </c>
      <c r="AE27" s="102">
        <v>4</v>
      </c>
      <c r="AF27" s="102">
        <v>3</v>
      </c>
      <c r="AG27" s="102">
        <v>10</v>
      </c>
      <c r="AH27" s="103">
        <v>39</v>
      </c>
      <c r="AI27" s="104">
        <v>54</v>
      </c>
      <c r="AJ27" s="101">
        <v>15</v>
      </c>
      <c r="AK27" s="102">
        <v>14</v>
      </c>
      <c r="AL27" s="103">
        <v>29</v>
      </c>
      <c r="AM27" s="413">
        <v>0</v>
      </c>
      <c r="AN27" s="102">
        <v>24</v>
      </c>
      <c r="AO27" s="102">
        <v>16</v>
      </c>
      <c r="AP27" s="102">
        <v>8</v>
      </c>
      <c r="AQ27" s="102">
        <v>9</v>
      </c>
      <c r="AR27" s="102">
        <v>2</v>
      </c>
      <c r="AS27" s="103">
        <v>59</v>
      </c>
      <c r="AT27" s="104">
        <v>88</v>
      </c>
      <c r="AU27" s="101">
        <v>22</v>
      </c>
      <c r="AV27" s="102">
        <v>14</v>
      </c>
      <c r="AW27" s="103">
        <v>36</v>
      </c>
      <c r="AX27" s="413">
        <v>0</v>
      </c>
      <c r="AY27" s="102">
        <v>45</v>
      </c>
      <c r="AZ27" s="102">
        <v>21</v>
      </c>
      <c r="BA27" s="102">
        <v>21</v>
      </c>
      <c r="BB27" s="102">
        <v>15</v>
      </c>
      <c r="BC27" s="102">
        <v>8</v>
      </c>
      <c r="BD27" s="103">
        <v>110</v>
      </c>
      <c r="BE27" s="104">
        <v>146</v>
      </c>
      <c r="BF27" s="101">
        <v>37</v>
      </c>
      <c r="BG27" s="102">
        <v>25</v>
      </c>
      <c r="BH27" s="103">
        <v>62</v>
      </c>
      <c r="BI27" s="413">
        <v>0</v>
      </c>
      <c r="BJ27" s="102">
        <v>39</v>
      </c>
      <c r="BK27" s="102">
        <v>33</v>
      </c>
      <c r="BL27" s="102">
        <v>18</v>
      </c>
      <c r="BM27" s="102">
        <v>15</v>
      </c>
      <c r="BN27" s="102">
        <v>9</v>
      </c>
      <c r="BO27" s="103">
        <v>114</v>
      </c>
      <c r="BP27" s="104">
        <v>176</v>
      </c>
      <c r="BQ27" s="101">
        <v>29</v>
      </c>
      <c r="BR27" s="102">
        <v>20</v>
      </c>
      <c r="BS27" s="103">
        <v>49</v>
      </c>
      <c r="BT27" s="413">
        <v>0</v>
      </c>
      <c r="BU27" s="102">
        <v>33</v>
      </c>
      <c r="BV27" s="102">
        <v>28</v>
      </c>
      <c r="BW27" s="102">
        <v>19</v>
      </c>
      <c r="BX27" s="102">
        <v>16</v>
      </c>
      <c r="BY27" s="102">
        <v>15</v>
      </c>
      <c r="BZ27" s="103">
        <v>111</v>
      </c>
      <c r="CA27" s="104">
        <v>160</v>
      </c>
      <c r="CB27" s="101">
        <v>2</v>
      </c>
      <c r="CC27" s="102">
        <v>2</v>
      </c>
      <c r="CD27" s="103">
        <v>4</v>
      </c>
      <c r="CE27" s="413">
        <v>0</v>
      </c>
      <c r="CF27" s="102">
        <v>3</v>
      </c>
      <c r="CG27" s="102">
        <v>4</v>
      </c>
      <c r="CH27" s="102">
        <v>3</v>
      </c>
      <c r="CI27" s="102">
        <v>4</v>
      </c>
      <c r="CJ27" s="102">
        <v>0</v>
      </c>
      <c r="CK27" s="103">
        <v>14</v>
      </c>
      <c r="CL27" s="104">
        <v>18</v>
      </c>
      <c r="CM27" s="101">
        <v>117</v>
      </c>
      <c r="CN27" s="102">
        <v>83</v>
      </c>
      <c r="CO27" s="103">
        <v>200</v>
      </c>
      <c r="CP27" s="413">
        <v>0</v>
      </c>
      <c r="CQ27" s="102">
        <v>165</v>
      </c>
      <c r="CR27" s="102">
        <v>109</v>
      </c>
      <c r="CS27" s="102">
        <v>75</v>
      </c>
      <c r="CT27" s="102">
        <v>63</v>
      </c>
      <c r="CU27" s="102">
        <v>47</v>
      </c>
      <c r="CV27" s="103">
        <v>459</v>
      </c>
      <c r="CW27" s="104">
        <v>659</v>
      </c>
      <c r="CX27" s="105">
        <v>242</v>
      </c>
      <c r="CY27" s="97">
        <v>167</v>
      </c>
      <c r="CZ27" s="98">
        <v>409</v>
      </c>
      <c r="DA27" s="413">
        <v>0</v>
      </c>
      <c r="DB27" s="97">
        <v>282</v>
      </c>
      <c r="DC27" s="97">
        <v>182</v>
      </c>
      <c r="DD27" s="97">
        <v>153</v>
      </c>
      <c r="DE27" s="97">
        <v>214</v>
      </c>
      <c r="DF27" s="97">
        <v>106</v>
      </c>
      <c r="DG27" s="99">
        <v>937</v>
      </c>
      <c r="DH27" s="100">
        <v>1346</v>
      </c>
      <c r="DI27" s="101">
        <v>2</v>
      </c>
      <c r="DJ27" s="102">
        <v>5</v>
      </c>
      <c r="DK27" s="103">
        <v>7</v>
      </c>
      <c r="DL27" s="413">
        <v>0</v>
      </c>
      <c r="DM27" s="102">
        <v>2</v>
      </c>
      <c r="DN27" s="102">
        <v>2</v>
      </c>
      <c r="DO27" s="102">
        <v>1</v>
      </c>
      <c r="DP27" s="102">
        <v>3</v>
      </c>
      <c r="DQ27" s="102">
        <v>2</v>
      </c>
      <c r="DR27" s="103">
        <v>10</v>
      </c>
      <c r="DS27" s="104">
        <v>17</v>
      </c>
      <c r="DT27" s="101">
        <v>10</v>
      </c>
      <c r="DU27" s="102">
        <v>6</v>
      </c>
      <c r="DV27" s="103">
        <v>16</v>
      </c>
      <c r="DW27" s="413">
        <v>0</v>
      </c>
      <c r="DX27" s="102">
        <v>7</v>
      </c>
      <c r="DY27" s="102">
        <v>5</v>
      </c>
      <c r="DZ27" s="102">
        <v>4</v>
      </c>
      <c r="EA27" s="102">
        <v>8</v>
      </c>
      <c r="EB27" s="102">
        <v>3</v>
      </c>
      <c r="EC27" s="103">
        <v>27</v>
      </c>
      <c r="ED27" s="104">
        <v>43</v>
      </c>
      <c r="EE27" s="101">
        <v>31</v>
      </c>
      <c r="EF27" s="102">
        <v>17</v>
      </c>
      <c r="EG27" s="103">
        <v>48</v>
      </c>
      <c r="EH27" s="413">
        <v>0</v>
      </c>
      <c r="EI27" s="102">
        <v>29</v>
      </c>
      <c r="EJ27" s="102">
        <v>23</v>
      </c>
      <c r="EK27" s="102">
        <v>11</v>
      </c>
      <c r="EL27" s="102">
        <v>14</v>
      </c>
      <c r="EM27" s="102">
        <v>5</v>
      </c>
      <c r="EN27" s="103">
        <v>82</v>
      </c>
      <c r="EO27" s="104">
        <v>130</v>
      </c>
      <c r="EP27" s="101">
        <v>67</v>
      </c>
      <c r="EQ27" s="102">
        <v>33</v>
      </c>
      <c r="ER27" s="103">
        <v>100</v>
      </c>
      <c r="ES27" s="413">
        <v>0</v>
      </c>
      <c r="ET27" s="102">
        <v>73</v>
      </c>
      <c r="EU27" s="102">
        <v>26</v>
      </c>
      <c r="EV27" s="102">
        <v>28</v>
      </c>
      <c r="EW27" s="102">
        <v>33</v>
      </c>
      <c r="EX27" s="102">
        <v>19</v>
      </c>
      <c r="EY27" s="103">
        <v>179</v>
      </c>
      <c r="EZ27" s="104">
        <v>279</v>
      </c>
      <c r="FA27" s="101">
        <v>78</v>
      </c>
      <c r="FB27" s="102">
        <v>58</v>
      </c>
      <c r="FC27" s="103">
        <v>136</v>
      </c>
      <c r="FD27" s="413">
        <v>0</v>
      </c>
      <c r="FE27" s="102">
        <v>94</v>
      </c>
      <c r="FF27" s="102">
        <v>56</v>
      </c>
      <c r="FG27" s="102">
        <v>34</v>
      </c>
      <c r="FH27" s="102">
        <v>48</v>
      </c>
      <c r="FI27" s="102">
        <v>26</v>
      </c>
      <c r="FJ27" s="103">
        <v>258</v>
      </c>
      <c r="FK27" s="104">
        <v>394</v>
      </c>
      <c r="FL27" s="101">
        <v>54</v>
      </c>
      <c r="FM27" s="102">
        <v>48</v>
      </c>
      <c r="FN27" s="103">
        <v>102</v>
      </c>
      <c r="FO27" s="413">
        <v>0</v>
      </c>
      <c r="FP27" s="102">
        <v>77</v>
      </c>
      <c r="FQ27" s="102">
        <v>70</v>
      </c>
      <c r="FR27" s="102">
        <v>75</v>
      </c>
      <c r="FS27" s="102">
        <v>108</v>
      </c>
      <c r="FT27" s="102">
        <v>51</v>
      </c>
      <c r="FU27" s="103">
        <v>381</v>
      </c>
      <c r="FV27" s="104">
        <v>483</v>
      </c>
      <c r="FW27" s="101">
        <v>3</v>
      </c>
      <c r="FX27" s="102">
        <v>2</v>
      </c>
      <c r="FY27" s="103">
        <v>5</v>
      </c>
      <c r="FZ27" s="413">
        <v>0</v>
      </c>
      <c r="GA27" s="102">
        <v>2</v>
      </c>
      <c r="GB27" s="102">
        <v>3</v>
      </c>
      <c r="GC27" s="102">
        <v>2</v>
      </c>
      <c r="GD27" s="102">
        <v>2</v>
      </c>
      <c r="GE27" s="102">
        <v>5</v>
      </c>
      <c r="GF27" s="103">
        <v>14</v>
      </c>
      <c r="GG27" s="104">
        <v>19</v>
      </c>
      <c r="GH27" s="101">
        <v>245</v>
      </c>
      <c r="GI27" s="102">
        <v>169</v>
      </c>
      <c r="GJ27" s="103">
        <v>414</v>
      </c>
      <c r="GK27" s="413">
        <v>0</v>
      </c>
      <c r="GL27" s="102">
        <v>284</v>
      </c>
      <c r="GM27" s="102">
        <v>185</v>
      </c>
      <c r="GN27" s="102">
        <v>155</v>
      </c>
      <c r="GO27" s="102">
        <v>216</v>
      </c>
      <c r="GP27" s="102">
        <v>111</v>
      </c>
      <c r="GQ27" s="103">
        <v>951</v>
      </c>
      <c r="GR27" s="104">
        <v>1365</v>
      </c>
      <c r="GS27" s="105">
        <v>357</v>
      </c>
      <c r="GT27" s="97">
        <v>248</v>
      </c>
      <c r="GU27" s="98">
        <v>605</v>
      </c>
      <c r="GV27" s="413">
        <v>0</v>
      </c>
      <c r="GW27" s="97">
        <v>444</v>
      </c>
      <c r="GX27" s="97">
        <v>287</v>
      </c>
      <c r="GY27" s="97">
        <v>225</v>
      </c>
      <c r="GZ27" s="97">
        <v>273</v>
      </c>
      <c r="HA27" s="97">
        <v>153</v>
      </c>
      <c r="HB27" s="99">
        <v>1382</v>
      </c>
      <c r="HC27" s="100">
        <v>1987</v>
      </c>
      <c r="HD27" s="101">
        <v>5</v>
      </c>
      <c r="HE27" s="102">
        <v>7</v>
      </c>
      <c r="HF27" s="103">
        <v>12</v>
      </c>
      <c r="HG27" s="416">
        <v>0</v>
      </c>
      <c r="HH27" s="102">
        <v>8</v>
      </c>
      <c r="HI27" s="102">
        <v>2</v>
      </c>
      <c r="HJ27" s="102">
        <v>3</v>
      </c>
      <c r="HK27" s="102">
        <v>4</v>
      </c>
      <c r="HL27" s="102">
        <v>5</v>
      </c>
      <c r="HM27" s="103">
        <v>22</v>
      </c>
      <c r="HN27" s="104">
        <v>34</v>
      </c>
      <c r="HO27" s="101">
        <v>19</v>
      </c>
      <c r="HP27" s="102">
        <v>12</v>
      </c>
      <c r="HQ27" s="103">
        <v>31</v>
      </c>
      <c r="HR27" s="413">
        <v>0</v>
      </c>
      <c r="HS27" s="102">
        <v>22</v>
      </c>
      <c r="HT27" s="102">
        <v>12</v>
      </c>
      <c r="HU27" s="102">
        <v>8</v>
      </c>
      <c r="HV27" s="102">
        <v>11</v>
      </c>
      <c r="HW27" s="102">
        <v>13</v>
      </c>
      <c r="HX27" s="103">
        <v>66</v>
      </c>
      <c r="HY27" s="104">
        <v>97</v>
      </c>
      <c r="HZ27" s="101">
        <v>46</v>
      </c>
      <c r="IA27" s="102">
        <v>31</v>
      </c>
      <c r="IB27" s="103">
        <v>77</v>
      </c>
      <c r="IC27" s="413">
        <v>0</v>
      </c>
      <c r="ID27" s="102">
        <v>53</v>
      </c>
      <c r="IE27" s="102">
        <v>39</v>
      </c>
      <c r="IF27" s="102">
        <v>19</v>
      </c>
      <c r="IG27" s="102">
        <v>23</v>
      </c>
      <c r="IH27" s="102">
        <v>7</v>
      </c>
      <c r="II27" s="103">
        <v>141</v>
      </c>
      <c r="IJ27" s="104">
        <v>218</v>
      </c>
      <c r="IK27" s="101">
        <v>89</v>
      </c>
      <c r="IL27" s="102">
        <v>47</v>
      </c>
      <c r="IM27" s="103">
        <v>136</v>
      </c>
      <c r="IN27" s="413">
        <v>0</v>
      </c>
      <c r="IO27" s="102">
        <v>118</v>
      </c>
      <c r="IP27" s="102">
        <v>47</v>
      </c>
      <c r="IQ27" s="102">
        <v>49</v>
      </c>
      <c r="IR27" s="102">
        <v>48</v>
      </c>
      <c r="IS27" s="102">
        <v>27</v>
      </c>
      <c r="IT27" s="103">
        <v>289</v>
      </c>
      <c r="IU27" s="104">
        <v>425</v>
      </c>
      <c r="IV27" s="101">
        <v>115</v>
      </c>
      <c r="IW27" s="102">
        <v>83</v>
      </c>
      <c r="IX27" s="103">
        <v>198</v>
      </c>
      <c r="IY27" s="413">
        <v>0</v>
      </c>
      <c r="IZ27" s="102">
        <v>133</v>
      </c>
      <c r="JA27" s="102">
        <v>89</v>
      </c>
      <c r="JB27" s="102">
        <v>52</v>
      </c>
      <c r="JC27" s="102">
        <v>63</v>
      </c>
      <c r="JD27" s="102">
        <v>35</v>
      </c>
      <c r="JE27" s="103">
        <v>372</v>
      </c>
      <c r="JF27" s="104">
        <v>570</v>
      </c>
      <c r="JG27" s="101">
        <v>83</v>
      </c>
      <c r="JH27" s="102">
        <v>68</v>
      </c>
      <c r="JI27" s="103">
        <v>151</v>
      </c>
      <c r="JJ27" s="413">
        <v>0</v>
      </c>
      <c r="JK27" s="102">
        <v>110</v>
      </c>
      <c r="JL27" s="102">
        <v>98</v>
      </c>
      <c r="JM27" s="102">
        <v>94</v>
      </c>
      <c r="JN27" s="102">
        <v>124</v>
      </c>
      <c r="JO27" s="102">
        <v>66</v>
      </c>
      <c r="JP27" s="103">
        <v>492</v>
      </c>
      <c r="JQ27" s="104">
        <v>643</v>
      </c>
      <c r="JR27" s="101">
        <v>5</v>
      </c>
      <c r="JS27" s="102">
        <v>4</v>
      </c>
      <c r="JT27" s="103">
        <v>9</v>
      </c>
      <c r="JU27" s="413">
        <v>0</v>
      </c>
      <c r="JV27" s="102">
        <v>5</v>
      </c>
      <c r="JW27" s="102">
        <v>7</v>
      </c>
      <c r="JX27" s="102">
        <v>5</v>
      </c>
      <c r="JY27" s="102">
        <v>6</v>
      </c>
      <c r="JZ27" s="102">
        <v>5</v>
      </c>
      <c r="KA27" s="103">
        <v>28</v>
      </c>
      <c r="KB27" s="104">
        <v>37</v>
      </c>
      <c r="KC27" s="101">
        <v>362</v>
      </c>
      <c r="KD27" s="102">
        <v>252</v>
      </c>
      <c r="KE27" s="103">
        <v>614</v>
      </c>
      <c r="KF27" s="413">
        <v>0</v>
      </c>
      <c r="KG27" s="102">
        <v>449</v>
      </c>
      <c r="KH27" s="102">
        <v>294</v>
      </c>
      <c r="KI27" s="102">
        <v>230</v>
      </c>
      <c r="KJ27" s="102">
        <v>279</v>
      </c>
      <c r="KK27" s="102">
        <v>158</v>
      </c>
      <c r="KL27" s="103">
        <v>1410</v>
      </c>
      <c r="KM27" s="104">
        <v>2024</v>
      </c>
    </row>
    <row r="28" spans="2:299" s="70" customFormat="1" ht="21" customHeight="1" x14ac:dyDescent="0.2">
      <c r="B28" s="106" t="s">
        <v>25</v>
      </c>
      <c r="C28" s="96">
        <v>125</v>
      </c>
      <c r="D28" s="97">
        <v>129</v>
      </c>
      <c r="E28" s="98">
        <v>254</v>
      </c>
      <c r="F28" s="413">
        <v>0</v>
      </c>
      <c r="G28" s="97">
        <v>188</v>
      </c>
      <c r="H28" s="97">
        <v>166</v>
      </c>
      <c r="I28" s="97">
        <v>102</v>
      </c>
      <c r="J28" s="97">
        <v>105</v>
      </c>
      <c r="K28" s="97">
        <v>52</v>
      </c>
      <c r="L28" s="99">
        <v>613</v>
      </c>
      <c r="M28" s="100">
        <v>867</v>
      </c>
      <c r="N28" s="101">
        <v>3</v>
      </c>
      <c r="O28" s="102">
        <v>6</v>
      </c>
      <c r="P28" s="103">
        <v>9</v>
      </c>
      <c r="Q28" s="413">
        <v>0</v>
      </c>
      <c r="R28" s="102">
        <v>10</v>
      </c>
      <c r="S28" s="102">
        <v>6</v>
      </c>
      <c r="T28" s="102">
        <v>2</v>
      </c>
      <c r="U28" s="102">
        <v>5</v>
      </c>
      <c r="V28" s="102">
        <v>1</v>
      </c>
      <c r="W28" s="103">
        <v>24</v>
      </c>
      <c r="X28" s="104">
        <v>33</v>
      </c>
      <c r="Y28" s="101">
        <v>17</v>
      </c>
      <c r="Z28" s="102">
        <v>11</v>
      </c>
      <c r="AA28" s="103">
        <v>28</v>
      </c>
      <c r="AB28" s="413">
        <v>0</v>
      </c>
      <c r="AC28" s="102">
        <v>16</v>
      </c>
      <c r="AD28" s="102">
        <v>20</v>
      </c>
      <c r="AE28" s="102">
        <v>11</v>
      </c>
      <c r="AF28" s="102">
        <v>12</v>
      </c>
      <c r="AG28" s="102">
        <v>8</v>
      </c>
      <c r="AH28" s="103">
        <v>67</v>
      </c>
      <c r="AI28" s="104">
        <v>95</v>
      </c>
      <c r="AJ28" s="101">
        <v>20</v>
      </c>
      <c r="AK28" s="102">
        <v>19</v>
      </c>
      <c r="AL28" s="103">
        <v>39</v>
      </c>
      <c r="AM28" s="413">
        <v>0</v>
      </c>
      <c r="AN28" s="102">
        <v>32</v>
      </c>
      <c r="AO28" s="102">
        <v>33</v>
      </c>
      <c r="AP28" s="102">
        <v>18</v>
      </c>
      <c r="AQ28" s="102">
        <v>24</v>
      </c>
      <c r="AR28" s="102">
        <v>11</v>
      </c>
      <c r="AS28" s="103">
        <v>118</v>
      </c>
      <c r="AT28" s="104">
        <v>157</v>
      </c>
      <c r="AU28" s="101">
        <v>37</v>
      </c>
      <c r="AV28" s="102">
        <v>43</v>
      </c>
      <c r="AW28" s="103">
        <v>80</v>
      </c>
      <c r="AX28" s="413">
        <v>0</v>
      </c>
      <c r="AY28" s="102">
        <v>53</v>
      </c>
      <c r="AZ28" s="102">
        <v>42</v>
      </c>
      <c r="BA28" s="102">
        <v>31</v>
      </c>
      <c r="BB28" s="102">
        <v>24</v>
      </c>
      <c r="BC28" s="102">
        <v>15</v>
      </c>
      <c r="BD28" s="103">
        <v>165</v>
      </c>
      <c r="BE28" s="104">
        <v>245</v>
      </c>
      <c r="BF28" s="101">
        <v>29</v>
      </c>
      <c r="BG28" s="102">
        <v>33</v>
      </c>
      <c r="BH28" s="103">
        <v>62</v>
      </c>
      <c r="BI28" s="413">
        <v>0</v>
      </c>
      <c r="BJ28" s="102">
        <v>56</v>
      </c>
      <c r="BK28" s="102">
        <v>35</v>
      </c>
      <c r="BL28" s="102">
        <v>27</v>
      </c>
      <c r="BM28" s="102">
        <v>24</v>
      </c>
      <c r="BN28" s="102">
        <v>8</v>
      </c>
      <c r="BO28" s="103">
        <v>150</v>
      </c>
      <c r="BP28" s="104">
        <v>212</v>
      </c>
      <c r="BQ28" s="101">
        <v>19</v>
      </c>
      <c r="BR28" s="102">
        <v>17</v>
      </c>
      <c r="BS28" s="103">
        <v>36</v>
      </c>
      <c r="BT28" s="413">
        <v>0</v>
      </c>
      <c r="BU28" s="102">
        <v>21</v>
      </c>
      <c r="BV28" s="102">
        <v>30</v>
      </c>
      <c r="BW28" s="102">
        <v>13</v>
      </c>
      <c r="BX28" s="102">
        <v>16</v>
      </c>
      <c r="BY28" s="102">
        <v>9</v>
      </c>
      <c r="BZ28" s="103">
        <v>89</v>
      </c>
      <c r="CA28" s="104">
        <v>125</v>
      </c>
      <c r="CB28" s="101">
        <v>2</v>
      </c>
      <c r="CC28" s="102">
        <v>2</v>
      </c>
      <c r="CD28" s="103">
        <v>4</v>
      </c>
      <c r="CE28" s="413">
        <v>0</v>
      </c>
      <c r="CF28" s="102">
        <v>2</v>
      </c>
      <c r="CG28" s="102">
        <v>11</v>
      </c>
      <c r="CH28" s="102">
        <v>4</v>
      </c>
      <c r="CI28" s="102">
        <v>5</v>
      </c>
      <c r="CJ28" s="102">
        <v>2</v>
      </c>
      <c r="CK28" s="103">
        <v>24</v>
      </c>
      <c r="CL28" s="104">
        <v>28</v>
      </c>
      <c r="CM28" s="101">
        <v>127</v>
      </c>
      <c r="CN28" s="102">
        <v>131</v>
      </c>
      <c r="CO28" s="103">
        <v>258</v>
      </c>
      <c r="CP28" s="413">
        <v>0</v>
      </c>
      <c r="CQ28" s="102">
        <v>190</v>
      </c>
      <c r="CR28" s="102">
        <v>177</v>
      </c>
      <c r="CS28" s="102">
        <v>106</v>
      </c>
      <c r="CT28" s="102">
        <v>110</v>
      </c>
      <c r="CU28" s="102">
        <v>54</v>
      </c>
      <c r="CV28" s="103">
        <v>637</v>
      </c>
      <c r="CW28" s="104">
        <v>895</v>
      </c>
      <c r="CX28" s="105">
        <v>217</v>
      </c>
      <c r="CY28" s="97">
        <v>263</v>
      </c>
      <c r="CZ28" s="98">
        <v>480</v>
      </c>
      <c r="DA28" s="413">
        <v>0</v>
      </c>
      <c r="DB28" s="97">
        <v>324</v>
      </c>
      <c r="DC28" s="97">
        <v>256</v>
      </c>
      <c r="DD28" s="97">
        <v>170</v>
      </c>
      <c r="DE28" s="97">
        <v>200</v>
      </c>
      <c r="DF28" s="97">
        <v>97</v>
      </c>
      <c r="DG28" s="99">
        <v>1047</v>
      </c>
      <c r="DH28" s="100">
        <v>1527</v>
      </c>
      <c r="DI28" s="101">
        <v>4</v>
      </c>
      <c r="DJ28" s="102">
        <v>6</v>
      </c>
      <c r="DK28" s="103">
        <v>10</v>
      </c>
      <c r="DL28" s="413">
        <v>0</v>
      </c>
      <c r="DM28" s="102">
        <v>7</v>
      </c>
      <c r="DN28" s="102">
        <v>8</v>
      </c>
      <c r="DO28" s="102">
        <v>4</v>
      </c>
      <c r="DP28" s="102">
        <v>1</v>
      </c>
      <c r="DQ28" s="102">
        <v>2</v>
      </c>
      <c r="DR28" s="103">
        <v>22</v>
      </c>
      <c r="DS28" s="104">
        <v>32</v>
      </c>
      <c r="DT28" s="101">
        <v>14</v>
      </c>
      <c r="DU28" s="102">
        <v>24</v>
      </c>
      <c r="DV28" s="103">
        <v>38</v>
      </c>
      <c r="DW28" s="413">
        <v>0</v>
      </c>
      <c r="DX28" s="102">
        <v>23</v>
      </c>
      <c r="DY28" s="102">
        <v>9</v>
      </c>
      <c r="DZ28" s="102">
        <v>10</v>
      </c>
      <c r="EA28" s="102">
        <v>10</v>
      </c>
      <c r="EB28" s="102">
        <v>9</v>
      </c>
      <c r="EC28" s="103">
        <v>61</v>
      </c>
      <c r="ED28" s="104">
        <v>99</v>
      </c>
      <c r="EE28" s="101">
        <v>34</v>
      </c>
      <c r="EF28" s="102">
        <v>28</v>
      </c>
      <c r="EG28" s="103">
        <v>62</v>
      </c>
      <c r="EH28" s="413">
        <v>0</v>
      </c>
      <c r="EI28" s="102">
        <v>50</v>
      </c>
      <c r="EJ28" s="102">
        <v>37</v>
      </c>
      <c r="EK28" s="102">
        <v>21</v>
      </c>
      <c r="EL28" s="102">
        <v>23</v>
      </c>
      <c r="EM28" s="102">
        <v>12</v>
      </c>
      <c r="EN28" s="103">
        <v>143</v>
      </c>
      <c r="EO28" s="104">
        <v>205</v>
      </c>
      <c r="EP28" s="101">
        <v>75</v>
      </c>
      <c r="EQ28" s="102">
        <v>78</v>
      </c>
      <c r="ER28" s="103">
        <v>153</v>
      </c>
      <c r="ES28" s="413">
        <v>0</v>
      </c>
      <c r="ET28" s="102">
        <v>84</v>
      </c>
      <c r="EU28" s="102">
        <v>67</v>
      </c>
      <c r="EV28" s="102">
        <v>35</v>
      </c>
      <c r="EW28" s="102">
        <v>44</v>
      </c>
      <c r="EX28" s="102">
        <v>16</v>
      </c>
      <c r="EY28" s="103">
        <v>246</v>
      </c>
      <c r="EZ28" s="104">
        <v>399</v>
      </c>
      <c r="FA28" s="101">
        <v>61</v>
      </c>
      <c r="FB28" s="102">
        <v>74</v>
      </c>
      <c r="FC28" s="103">
        <v>135</v>
      </c>
      <c r="FD28" s="413">
        <v>0</v>
      </c>
      <c r="FE28" s="102">
        <v>80</v>
      </c>
      <c r="FF28" s="102">
        <v>66</v>
      </c>
      <c r="FG28" s="102">
        <v>47</v>
      </c>
      <c r="FH28" s="102">
        <v>51</v>
      </c>
      <c r="FI28" s="102">
        <v>29</v>
      </c>
      <c r="FJ28" s="103">
        <v>273</v>
      </c>
      <c r="FK28" s="104">
        <v>408</v>
      </c>
      <c r="FL28" s="101">
        <v>29</v>
      </c>
      <c r="FM28" s="102">
        <v>53</v>
      </c>
      <c r="FN28" s="103">
        <v>82</v>
      </c>
      <c r="FO28" s="413">
        <v>0</v>
      </c>
      <c r="FP28" s="102">
        <v>80</v>
      </c>
      <c r="FQ28" s="102">
        <v>69</v>
      </c>
      <c r="FR28" s="102">
        <v>53</v>
      </c>
      <c r="FS28" s="102">
        <v>71</v>
      </c>
      <c r="FT28" s="102">
        <v>29</v>
      </c>
      <c r="FU28" s="103">
        <v>302</v>
      </c>
      <c r="FV28" s="104">
        <v>384</v>
      </c>
      <c r="FW28" s="101">
        <v>3</v>
      </c>
      <c r="FX28" s="102">
        <v>4</v>
      </c>
      <c r="FY28" s="103">
        <v>7</v>
      </c>
      <c r="FZ28" s="413">
        <v>0</v>
      </c>
      <c r="GA28" s="102">
        <v>4</v>
      </c>
      <c r="GB28" s="102">
        <v>2</v>
      </c>
      <c r="GC28" s="102">
        <v>3</v>
      </c>
      <c r="GD28" s="102">
        <v>0</v>
      </c>
      <c r="GE28" s="102">
        <v>6</v>
      </c>
      <c r="GF28" s="103">
        <v>15</v>
      </c>
      <c r="GG28" s="104">
        <v>22</v>
      </c>
      <c r="GH28" s="101">
        <v>220</v>
      </c>
      <c r="GI28" s="102">
        <v>267</v>
      </c>
      <c r="GJ28" s="103">
        <v>487</v>
      </c>
      <c r="GK28" s="413">
        <v>0</v>
      </c>
      <c r="GL28" s="102">
        <v>328</v>
      </c>
      <c r="GM28" s="102">
        <v>258</v>
      </c>
      <c r="GN28" s="102">
        <v>173</v>
      </c>
      <c r="GO28" s="102">
        <v>200</v>
      </c>
      <c r="GP28" s="102">
        <v>103</v>
      </c>
      <c r="GQ28" s="103">
        <v>1062</v>
      </c>
      <c r="GR28" s="104">
        <v>1549</v>
      </c>
      <c r="GS28" s="105">
        <v>342</v>
      </c>
      <c r="GT28" s="97">
        <v>392</v>
      </c>
      <c r="GU28" s="98">
        <v>734</v>
      </c>
      <c r="GV28" s="413">
        <v>0</v>
      </c>
      <c r="GW28" s="97">
        <v>512</v>
      </c>
      <c r="GX28" s="97">
        <v>422</v>
      </c>
      <c r="GY28" s="97">
        <v>272</v>
      </c>
      <c r="GZ28" s="97">
        <v>305</v>
      </c>
      <c r="HA28" s="97">
        <v>149</v>
      </c>
      <c r="HB28" s="99">
        <v>1660</v>
      </c>
      <c r="HC28" s="100">
        <v>2394</v>
      </c>
      <c r="HD28" s="101">
        <v>7</v>
      </c>
      <c r="HE28" s="102">
        <v>12</v>
      </c>
      <c r="HF28" s="103">
        <v>19</v>
      </c>
      <c r="HG28" s="416">
        <v>0</v>
      </c>
      <c r="HH28" s="102">
        <v>17</v>
      </c>
      <c r="HI28" s="102">
        <v>14</v>
      </c>
      <c r="HJ28" s="102">
        <v>6</v>
      </c>
      <c r="HK28" s="102">
        <v>6</v>
      </c>
      <c r="HL28" s="102">
        <v>3</v>
      </c>
      <c r="HM28" s="103">
        <v>46</v>
      </c>
      <c r="HN28" s="104">
        <v>65</v>
      </c>
      <c r="HO28" s="101">
        <v>31</v>
      </c>
      <c r="HP28" s="102">
        <v>35</v>
      </c>
      <c r="HQ28" s="103">
        <v>66</v>
      </c>
      <c r="HR28" s="413">
        <v>0</v>
      </c>
      <c r="HS28" s="102">
        <v>39</v>
      </c>
      <c r="HT28" s="102">
        <v>29</v>
      </c>
      <c r="HU28" s="102">
        <v>21</v>
      </c>
      <c r="HV28" s="102">
        <v>22</v>
      </c>
      <c r="HW28" s="102">
        <v>17</v>
      </c>
      <c r="HX28" s="103">
        <v>128</v>
      </c>
      <c r="HY28" s="104">
        <v>194</v>
      </c>
      <c r="HZ28" s="101">
        <v>54</v>
      </c>
      <c r="IA28" s="102">
        <v>47</v>
      </c>
      <c r="IB28" s="103">
        <v>101</v>
      </c>
      <c r="IC28" s="413">
        <v>0</v>
      </c>
      <c r="ID28" s="102">
        <v>82</v>
      </c>
      <c r="IE28" s="102">
        <v>70</v>
      </c>
      <c r="IF28" s="102">
        <v>39</v>
      </c>
      <c r="IG28" s="102">
        <v>47</v>
      </c>
      <c r="IH28" s="102">
        <v>23</v>
      </c>
      <c r="II28" s="103">
        <v>261</v>
      </c>
      <c r="IJ28" s="104">
        <v>362</v>
      </c>
      <c r="IK28" s="101">
        <v>112</v>
      </c>
      <c r="IL28" s="102">
        <v>121</v>
      </c>
      <c r="IM28" s="103">
        <v>233</v>
      </c>
      <c r="IN28" s="413">
        <v>0</v>
      </c>
      <c r="IO28" s="102">
        <v>137</v>
      </c>
      <c r="IP28" s="102">
        <v>109</v>
      </c>
      <c r="IQ28" s="102">
        <v>66</v>
      </c>
      <c r="IR28" s="102">
        <v>68</v>
      </c>
      <c r="IS28" s="102">
        <v>31</v>
      </c>
      <c r="IT28" s="103">
        <v>411</v>
      </c>
      <c r="IU28" s="104">
        <v>644</v>
      </c>
      <c r="IV28" s="101">
        <v>90</v>
      </c>
      <c r="IW28" s="102">
        <v>107</v>
      </c>
      <c r="IX28" s="103">
        <v>197</v>
      </c>
      <c r="IY28" s="413">
        <v>0</v>
      </c>
      <c r="IZ28" s="102">
        <v>136</v>
      </c>
      <c r="JA28" s="102">
        <v>101</v>
      </c>
      <c r="JB28" s="102">
        <v>74</v>
      </c>
      <c r="JC28" s="102">
        <v>75</v>
      </c>
      <c r="JD28" s="102">
        <v>37</v>
      </c>
      <c r="JE28" s="103">
        <v>423</v>
      </c>
      <c r="JF28" s="104">
        <v>620</v>
      </c>
      <c r="JG28" s="101">
        <v>48</v>
      </c>
      <c r="JH28" s="102">
        <v>70</v>
      </c>
      <c r="JI28" s="103">
        <v>118</v>
      </c>
      <c r="JJ28" s="413">
        <v>0</v>
      </c>
      <c r="JK28" s="102">
        <v>101</v>
      </c>
      <c r="JL28" s="102">
        <v>99</v>
      </c>
      <c r="JM28" s="102">
        <v>66</v>
      </c>
      <c r="JN28" s="102">
        <v>87</v>
      </c>
      <c r="JO28" s="102">
        <v>38</v>
      </c>
      <c r="JP28" s="103">
        <v>391</v>
      </c>
      <c r="JQ28" s="104">
        <v>509</v>
      </c>
      <c r="JR28" s="101">
        <v>5</v>
      </c>
      <c r="JS28" s="102">
        <v>6</v>
      </c>
      <c r="JT28" s="103">
        <v>11</v>
      </c>
      <c r="JU28" s="413">
        <v>0</v>
      </c>
      <c r="JV28" s="102">
        <v>6</v>
      </c>
      <c r="JW28" s="102">
        <v>13</v>
      </c>
      <c r="JX28" s="102">
        <v>7</v>
      </c>
      <c r="JY28" s="102">
        <v>5</v>
      </c>
      <c r="JZ28" s="102">
        <v>8</v>
      </c>
      <c r="KA28" s="103">
        <v>39</v>
      </c>
      <c r="KB28" s="104">
        <v>50</v>
      </c>
      <c r="KC28" s="101">
        <v>347</v>
      </c>
      <c r="KD28" s="102">
        <v>398</v>
      </c>
      <c r="KE28" s="103">
        <v>745</v>
      </c>
      <c r="KF28" s="413">
        <v>0</v>
      </c>
      <c r="KG28" s="102">
        <v>518</v>
      </c>
      <c r="KH28" s="102">
        <v>435</v>
      </c>
      <c r="KI28" s="102">
        <v>279</v>
      </c>
      <c r="KJ28" s="102">
        <v>310</v>
      </c>
      <c r="KK28" s="102">
        <v>157</v>
      </c>
      <c r="KL28" s="103">
        <v>1699</v>
      </c>
      <c r="KM28" s="104">
        <v>2444</v>
      </c>
    </row>
    <row r="29" spans="2:299" s="70" customFormat="1" ht="21" customHeight="1" x14ac:dyDescent="0.2">
      <c r="B29" s="106" t="s">
        <v>26</v>
      </c>
      <c r="C29" s="96">
        <v>91</v>
      </c>
      <c r="D29" s="97">
        <v>73</v>
      </c>
      <c r="E29" s="98">
        <v>164</v>
      </c>
      <c r="F29" s="413">
        <v>0</v>
      </c>
      <c r="G29" s="97">
        <v>138</v>
      </c>
      <c r="H29" s="97">
        <v>132</v>
      </c>
      <c r="I29" s="97">
        <v>93</v>
      </c>
      <c r="J29" s="97">
        <v>68</v>
      </c>
      <c r="K29" s="97">
        <v>48</v>
      </c>
      <c r="L29" s="99">
        <v>479</v>
      </c>
      <c r="M29" s="100">
        <v>643</v>
      </c>
      <c r="N29" s="101">
        <v>5</v>
      </c>
      <c r="O29" s="102">
        <v>2</v>
      </c>
      <c r="P29" s="103">
        <v>7</v>
      </c>
      <c r="Q29" s="413">
        <v>0</v>
      </c>
      <c r="R29" s="102">
        <v>3</v>
      </c>
      <c r="S29" s="102">
        <v>1</v>
      </c>
      <c r="T29" s="102">
        <v>5</v>
      </c>
      <c r="U29" s="102">
        <v>3</v>
      </c>
      <c r="V29" s="102">
        <v>1</v>
      </c>
      <c r="W29" s="103">
        <v>13</v>
      </c>
      <c r="X29" s="104">
        <v>20</v>
      </c>
      <c r="Y29" s="101">
        <v>4</v>
      </c>
      <c r="Z29" s="102">
        <v>8</v>
      </c>
      <c r="AA29" s="103">
        <v>12</v>
      </c>
      <c r="AB29" s="413">
        <v>0</v>
      </c>
      <c r="AC29" s="102">
        <v>15</v>
      </c>
      <c r="AD29" s="102">
        <v>11</v>
      </c>
      <c r="AE29" s="102">
        <v>8</v>
      </c>
      <c r="AF29" s="102">
        <v>7</v>
      </c>
      <c r="AG29" s="102">
        <v>7</v>
      </c>
      <c r="AH29" s="103">
        <v>48</v>
      </c>
      <c r="AI29" s="104">
        <v>60</v>
      </c>
      <c r="AJ29" s="101">
        <v>14</v>
      </c>
      <c r="AK29" s="102">
        <v>11</v>
      </c>
      <c r="AL29" s="103">
        <v>25</v>
      </c>
      <c r="AM29" s="413">
        <v>0</v>
      </c>
      <c r="AN29" s="102">
        <v>19</v>
      </c>
      <c r="AO29" s="102">
        <v>21</v>
      </c>
      <c r="AP29" s="102">
        <v>10</v>
      </c>
      <c r="AQ29" s="102">
        <v>8</v>
      </c>
      <c r="AR29" s="102">
        <v>8</v>
      </c>
      <c r="AS29" s="103">
        <v>66</v>
      </c>
      <c r="AT29" s="104">
        <v>91</v>
      </c>
      <c r="AU29" s="101">
        <v>28</v>
      </c>
      <c r="AV29" s="102">
        <v>18</v>
      </c>
      <c r="AW29" s="103">
        <v>46</v>
      </c>
      <c r="AX29" s="413">
        <v>0</v>
      </c>
      <c r="AY29" s="102">
        <v>35</v>
      </c>
      <c r="AZ29" s="102">
        <v>33</v>
      </c>
      <c r="BA29" s="102">
        <v>23</v>
      </c>
      <c r="BB29" s="102">
        <v>21</v>
      </c>
      <c r="BC29" s="102">
        <v>12</v>
      </c>
      <c r="BD29" s="103">
        <v>124</v>
      </c>
      <c r="BE29" s="104">
        <v>170</v>
      </c>
      <c r="BF29" s="101">
        <v>20</v>
      </c>
      <c r="BG29" s="102">
        <v>21</v>
      </c>
      <c r="BH29" s="103">
        <v>41</v>
      </c>
      <c r="BI29" s="413">
        <v>0</v>
      </c>
      <c r="BJ29" s="102">
        <v>37</v>
      </c>
      <c r="BK29" s="102">
        <v>38</v>
      </c>
      <c r="BL29" s="102">
        <v>31</v>
      </c>
      <c r="BM29" s="102">
        <v>20</v>
      </c>
      <c r="BN29" s="102">
        <v>9</v>
      </c>
      <c r="BO29" s="103">
        <v>135</v>
      </c>
      <c r="BP29" s="104">
        <v>176</v>
      </c>
      <c r="BQ29" s="101">
        <v>20</v>
      </c>
      <c r="BR29" s="102">
        <v>13</v>
      </c>
      <c r="BS29" s="103">
        <v>33</v>
      </c>
      <c r="BT29" s="413">
        <v>0</v>
      </c>
      <c r="BU29" s="102">
        <v>29</v>
      </c>
      <c r="BV29" s="102">
        <v>28</v>
      </c>
      <c r="BW29" s="102">
        <v>16</v>
      </c>
      <c r="BX29" s="102">
        <v>9</v>
      </c>
      <c r="BY29" s="102">
        <v>11</v>
      </c>
      <c r="BZ29" s="103">
        <v>93</v>
      </c>
      <c r="CA29" s="104">
        <v>126</v>
      </c>
      <c r="CB29" s="101">
        <v>3</v>
      </c>
      <c r="CC29" s="102">
        <v>1</v>
      </c>
      <c r="CD29" s="103">
        <v>4</v>
      </c>
      <c r="CE29" s="413">
        <v>0</v>
      </c>
      <c r="CF29" s="102">
        <v>5</v>
      </c>
      <c r="CG29" s="102">
        <v>8</v>
      </c>
      <c r="CH29" s="102">
        <v>1</v>
      </c>
      <c r="CI29" s="102">
        <v>1</v>
      </c>
      <c r="CJ29" s="102">
        <v>1</v>
      </c>
      <c r="CK29" s="103">
        <v>16</v>
      </c>
      <c r="CL29" s="104">
        <v>20</v>
      </c>
      <c r="CM29" s="101">
        <v>94</v>
      </c>
      <c r="CN29" s="102">
        <v>74</v>
      </c>
      <c r="CO29" s="103">
        <v>168</v>
      </c>
      <c r="CP29" s="413">
        <v>0</v>
      </c>
      <c r="CQ29" s="102">
        <v>143</v>
      </c>
      <c r="CR29" s="102">
        <v>140</v>
      </c>
      <c r="CS29" s="102">
        <v>94</v>
      </c>
      <c r="CT29" s="102">
        <v>69</v>
      </c>
      <c r="CU29" s="102">
        <v>49</v>
      </c>
      <c r="CV29" s="103">
        <v>495</v>
      </c>
      <c r="CW29" s="104">
        <v>663</v>
      </c>
      <c r="CX29" s="105">
        <v>178</v>
      </c>
      <c r="CY29" s="97">
        <v>239</v>
      </c>
      <c r="CZ29" s="98">
        <v>417</v>
      </c>
      <c r="DA29" s="413">
        <v>0</v>
      </c>
      <c r="DB29" s="97">
        <v>236</v>
      </c>
      <c r="DC29" s="97">
        <v>256</v>
      </c>
      <c r="DD29" s="97">
        <v>173</v>
      </c>
      <c r="DE29" s="97">
        <v>152</v>
      </c>
      <c r="DF29" s="97">
        <v>122</v>
      </c>
      <c r="DG29" s="99">
        <v>939</v>
      </c>
      <c r="DH29" s="100">
        <v>1356</v>
      </c>
      <c r="DI29" s="101">
        <v>0</v>
      </c>
      <c r="DJ29" s="102">
        <v>5</v>
      </c>
      <c r="DK29" s="103">
        <v>5</v>
      </c>
      <c r="DL29" s="413">
        <v>0</v>
      </c>
      <c r="DM29" s="102">
        <v>4</v>
      </c>
      <c r="DN29" s="102">
        <v>6</v>
      </c>
      <c r="DO29" s="102">
        <v>1</v>
      </c>
      <c r="DP29" s="102">
        <v>2</v>
      </c>
      <c r="DQ29" s="102">
        <v>2</v>
      </c>
      <c r="DR29" s="103">
        <v>15</v>
      </c>
      <c r="DS29" s="104">
        <v>20</v>
      </c>
      <c r="DT29" s="101">
        <v>11</v>
      </c>
      <c r="DU29" s="102">
        <v>19</v>
      </c>
      <c r="DV29" s="103">
        <v>30</v>
      </c>
      <c r="DW29" s="413">
        <v>0</v>
      </c>
      <c r="DX29" s="102">
        <v>10</v>
      </c>
      <c r="DY29" s="102">
        <v>13</v>
      </c>
      <c r="DZ29" s="102">
        <v>4</v>
      </c>
      <c r="EA29" s="102">
        <v>5</v>
      </c>
      <c r="EB29" s="102">
        <v>6</v>
      </c>
      <c r="EC29" s="103">
        <v>38</v>
      </c>
      <c r="ED29" s="104">
        <v>68</v>
      </c>
      <c r="EE29" s="101">
        <v>22</v>
      </c>
      <c r="EF29" s="102">
        <v>29</v>
      </c>
      <c r="EG29" s="103">
        <v>51</v>
      </c>
      <c r="EH29" s="413">
        <v>0</v>
      </c>
      <c r="EI29" s="102">
        <v>28</v>
      </c>
      <c r="EJ29" s="102">
        <v>25</v>
      </c>
      <c r="EK29" s="102">
        <v>16</v>
      </c>
      <c r="EL29" s="102">
        <v>16</v>
      </c>
      <c r="EM29" s="102">
        <v>10</v>
      </c>
      <c r="EN29" s="103">
        <v>95</v>
      </c>
      <c r="EO29" s="104">
        <v>146</v>
      </c>
      <c r="EP29" s="101">
        <v>53</v>
      </c>
      <c r="EQ29" s="102">
        <v>74</v>
      </c>
      <c r="ER29" s="103">
        <v>127</v>
      </c>
      <c r="ES29" s="413">
        <v>0</v>
      </c>
      <c r="ET29" s="102">
        <v>56</v>
      </c>
      <c r="EU29" s="102">
        <v>60</v>
      </c>
      <c r="EV29" s="102">
        <v>37</v>
      </c>
      <c r="EW29" s="102">
        <v>24</v>
      </c>
      <c r="EX29" s="102">
        <v>13</v>
      </c>
      <c r="EY29" s="103">
        <v>190</v>
      </c>
      <c r="EZ29" s="104">
        <v>317</v>
      </c>
      <c r="FA29" s="101">
        <v>59</v>
      </c>
      <c r="FB29" s="102">
        <v>62</v>
      </c>
      <c r="FC29" s="103">
        <v>121</v>
      </c>
      <c r="FD29" s="413">
        <v>0</v>
      </c>
      <c r="FE29" s="102">
        <v>71</v>
      </c>
      <c r="FF29" s="102">
        <v>68</v>
      </c>
      <c r="FG29" s="102">
        <v>51</v>
      </c>
      <c r="FH29" s="102">
        <v>31</v>
      </c>
      <c r="FI29" s="102">
        <v>32</v>
      </c>
      <c r="FJ29" s="103">
        <v>253</v>
      </c>
      <c r="FK29" s="104">
        <v>374</v>
      </c>
      <c r="FL29" s="101">
        <v>33</v>
      </c>
      <c r="FM29" s="102">
        <v>50</v>
      </c>
      <c r="FN29" s="103">
        <v>83</v>
      </c>
      <c r="FO29" s="413">
        <v>0</v>
      </c>
      <c r="FP29" s="102">
        <v>67</v>
      </c>
      <c r="FQ29" s="102">
        <v>84</v>
      </c>
      <c r="FR29" s="102">
        <v>64</v>
      </c>
      <c r="FS29" s="102">
        <v>74</v>
      </c>
      <c r="FT29" s="102">
        <v>59</v>
      </c>
      <c r="FU29" s="103">
        <v>348</v>
      </c>
      <c r="FV29" s="104">
        <v>431</v>
      </c>
      <c r="FW29" s="101">
        <v>1</v>
      </c>
      <c r="FX29" s="102">
        <v>1</v>
      </c>
      <c r="FY29" s="103">
        <v>2</v>
      </c>
      <c r="FZ29" s="413">
        <v>0</v>
      </c>
      <c r="GA29" s="102">
        <v>2</v>
      </c>
      <c r="GB29" s="102">
        <v>1</v>
      </c>
      <c r="GC29" s="102">
        <v>5</v>
      </c>
      <c r="GD29" s="102">
        <v>4</v>
      </c>
      <c r="GE29" s="102">
        <v>3</v>
      </c>
      <c r="GF29" s="103">
        <v>15</v>
      </c>
      <c r="GG29" s="104">
        <v>17</v>
      </c>
      <c r="GH29" s="101">
        <v>179</v>
      </c>
      <c r="GI29" s="102">
        <v>240</v>
      </c>
      <c r="GJ29" s="103">
        <v>419</v>
      </c>
      <c r="GK29" s="413">
        <v>0</v>
      </c>
      <c r="GL29" s="102">
        <v>238</v>
      </c>
      <c r="GM29" s="102">
        <v>257</v>
      </c>
      <c r="GN29" s="102">
        <v>178</v>
      </c>
      <c r="GO29" s="102">
        <v>156</v>
      </c>
      <c r="GP29" s="102">
        <v>125</v>
      </c>
      <c r="GQ29" s="103">
        <v>954</v>
      </c>
      <c r="GR29" s="104">
        <v>1373</v>
      </c>
      <c r="GS29" s="105">
        <v>269</v>
      </c>
      <c r="GT29" s="97">
        <v>312</v>
      </c>
      <c r="GU29" s="98">
        <v>581</v>
      </c>
      <c r="GV29" s="413">
        <v>0</v>
      </c>
      <c r="GW29" s="97">
        <v>374</v>
      </c>
      <c r="GX29" s="97">
        <v>388</v>
      </c>
      <c r="GY29" s="97">
        <v>266</v>
      </c>
      <c r="GZ29" s="97">
        <v>220</v>
      </c>
      <c r="HA29" s="97">
        <v>170</v>
      </c>
      <c r="HB29" s="99">
        <v>1418</v>
      </c>
      <c r="HC29" s="100">
        <v>1999</v>
      </c>
      <c r="HD29" s="101">
        <v>5</v>
      </c>
      <c r="HE29" s="102">
        <v>7</v>
      </c>
      <c r="HF29" s="103">
        <v>12</v>
      </c>
      <c r="HG29" s="416">
        <v>0</v>
      </c>
      <c r="HH29" s="102">
        <v>7</v>
      </c>
      <c r="HI29" s="102">
        <v>7</v>
      </c>
      <c r="HJ29" s="102">
        <v>6</v>
      </c>
      <c r="HK29" s="102">
        <v>5</v>
      </c>
      <c r="HL29" s="102">
        <v>3</v>
      </c>
      <c r="HM29" s="103">
        <v>28</v>
      </c>
      <c r="HN29" s="104">
        <v>40</v>
      </c>
      <c r="HO29" s="101">
        <v>15</v>
      </c>
      <c r="HP29" s="102">
        <v>27</v>
      </c>
      <c r="HQ29" s="103">
        <v>42</v>
      </c>
      <c r="HR29" s="413">
        <v>0</v>
      </c>
      <c r="HS29" s="102">
        <v>25</v>
      </c>
      <c r="HT29" s="102">
        <v>24</v>
      </c>
      <c r="HU29" s="102">
        <v>12</v>
      </c>
      <c r="HV29" s="102">
        <v>12</v>
      </c>
      <c r="HW29" s="102">
        <v>13</v>
      </c>
      <c r="HX29" s="103">
        <v>86</v>
      </c>
      <c r="HY29" s="104">
        <v>128</v>
      </c>
      <c r="HZ29" s="101">
        <v>36</v>
      </c>
      <c r="IA29" s="102">
        <v>40</v>
      </c>
      <c r="IB29" s="103">
        <v>76</v>
      </c>
      <c r="IC29" s="413">
        <v>0</v>
      </c>
      <c r="ID29" s="102">
        <v>47</v>
      </c>
      <c r="IE29" s="102">
        <v>46</v>
      </c>
      <c r="IF29" s="102">
        <v>26</v>
      </c>
      <c r="IG29" s="102">
        <v>24</v>
      </c>
      <c r="IH29" s="102">
        <v>18</v>
      </c>
      <c r="II29" s="103">
        <v>161</v>
      </c>
      <c r="IJ29" s="104">
        <v>237</v>
      </c>
      <c r="IK29" s="101">
        <v>81</v>
      </c>
      <c r="IL29" s="102">
        <v>92</v>
      </c>
      <c r="IM29" s="103">
        <v>173</v>
      </c>
      <c r="IN29" s="413">
        <v>0</v>
      </c>
      <c r="IO29" s="102">
        <v>91</v>
      </c>
      <c r="IP29" s="102">
        <v>93</v>
      </c>
      <c r="IQ29" s="102">
        <v>60</v>
      </c>
      <c r="IR29" s="102">
        <v>45</v>
      </c>
      <c r="IS29" s="102">
        <v>25</v>
      </c>
      <c r="IT29" s="103">
        <v>314</v>
      </c>
      <c r="IU29" s="104">
        <v>487</v>
      </c>
      <c r="IV29" s="101">
        <v>79</v>
      </c>
      <c r="IW29" s="102">
        <v>83</v>
      </c>
      <c r="IX29" s="103">
        <v>162</v>
      </c>
      <c r="IY29" s="413">
        <v>0</v>
      </c>
      <c r="IZ29" s="102">
        <v>108</v>
      </c>
      <c r="JA29" s="102">
        <v>106</v>
      </c>
      <c r="JB29" s="102">
        <v>82</v>
      </c>
      <c r="JC29" s="102">
        <v>51</v>
      </c>
      <c r="JD29" s="102">
        <v>41</v>
      </c>
      <c r="JE29" s="103">
        <v>388</v>
      </c>
      <c r="JF29" s="104">
        <v>550</v>
      </c>
      <c r="JG29" s="101">
        <v>53</v>
      </c>
      <c r="JH29" s="102">
        <v>63</v>
      </c>
      <c r="JI29" s="103">
        <v>116</v>
      </c>
      <c r="JJ29" s="413">
        <v>0</v>
      </c>
      <c r="JK29" s="102">
        <v>96</v>
      </c>
      <c r="JL29" s="102">
        <v>112</v>
      </c>
      <c r="JM29" s="102">
        <v>80</v>
      </c>
      <c r="JN29" s="102">
        <v>83</v>
      </c>
      <c r="JO29" s="102">
        <v>70</v>
      </c>
      <c r="JP29" s="103">
        <v>441</v>
      </c>
      <c r="JQ29" s="104">
        <v>557</v>
      </c>
      <c r="JR29" s="101">
        <v>4</v>
      </c>
      <c r="JS29" s="102">
        <v>2</v>
      </c>
      <c r="JT29" s="103">
        <v>6</v>
      </c>
      <c r="JU29" s="413">
        <v>0</v>
      </c>
      <c r="JV29" s="102">
        <v>7</v>
      </c>
      <c r="JW29" s="102">
        <v>9</v>
      </c>
      <c r="JX29" s="102">
        <v>6</v>
      </c>
      <c r="JY29" s="102">
        <v>5</v>
      </c>
      <c r="JZ29" s="102">
        <v>4</v>
      </c>
      <c r="KA29" s="103">
        <v>31</v>
      </c>
      <c r="KB29" s="104">
        <v>37</v>
      </c>
      <c r="KC29" s="101">
        <v>273</v>
      </c>
      <c r="KD29" s="102">
        <v>314</v>
      </c>
      <c r="KE29" s="103">
        <v>587</v>
      </c>
      <c r="KF29" s="413">
        <v>0</v>
      </c>
      <c r="KG29" s="102">
        <v>381</v>
      </c>
      <c r="KH29" s="102">
        <v>397</v>
      </c>
      <c r="KI29" s="102">
        <v>272</v>
      </c>
      <c r="KJ29" s="102">
        <v>225</v>
      </c>
      <c r="KK29" s="102">
        <v>174</v>
      </c>
      <c r="KL29" s="103">
        <v>1449</v>
      </c>
      <c r="KM29" s="104">
        <v>2036</v>
      </c>
    </row>
    <row r="30" spans="2:299" s="70" customFormat="1" ht="21" customHeight="1" x14ac:dyDescent="0.2">
      <c r="B30" s="106" t="s">
        <v>27</v>
      </c>
      <c r="C30" s="96">
        <v>121</v>
      </c>
      <c r="D30" s="97">
        <v>135</v>
      </c>
      <c r="E30" s="98">
        <v>256</v>
      </c>
      <c r="F30" s="413">
        <v>0</v>
      </c>
      <c r="G30" s="97">
        <v>107</v>
      </c>
      <c r="H30" s="97">
        <v>89</v>
      </c>
      <c r="I30" s="97">
        <v>71</v>
      </c>
      <c r="J30" s="97">
        <v>75</v>
      </c>
      <c r="K30" s="97">
        <v>44</v>
      </c>
      <c r="L30" s="99">
        <v>386</v>
      </c>
      <c r="M30" s="100">
        <v>642</v>
      </c>
      <c r="N30" s="101">
        <v>2</v>
      </c>
      <c r="O30" s="102">
        <v>7</v>
      </c>
      <c r="P30" s="103">
        <v>9</v>
      </c>
      <c r="Q30" s="413">
        <v>0</v>
      </c>
      <c r="R30" s="102">
        <v>2</v>
      </c>
      <c r="S30" s="102">
        <v>1</v>
      </c>
      <c r="T30" s="102">
        <v>2</v>
      </c>
      <c r="U30" s="102">
        <v>2</v>
      </c>
      <c r="V30" s="102">
        <v>2</v>
      </c>
      <c r="W30" s="103">
        <v>9</v>
      </c>
      <c r="X30" s="104">
        <v>18</v>
      </c>
      <c r="Y30" s="101">
        <v>5</v>
      </c>
      <c r="Z30" s="102">
        <v>11</v>
      </c>
      <c r="AA30" s="103">
        <v>16</v>
      </c>
      <c r="AB30" s="413">
        <v>0</v>
      </c>
      <c r="AC30" s="102">
        <v>10</v>
      </c>
      <c r="AD30" s="102">
        <v>14</v>
      </c>
      <c r="AE30" s="102">
        <v>5</v>
      </c>
      <c r="AF30" s="102">
        <v>4</v>
      </c>
      <c r="AG30" s="102">
        <v>3</v>
      </c>
      <c r="AH30" s="103">
        <v>36</v>
      </c>
      <c r="AI30" s="104">
        <v>52</v>
      </c>
      <c r="AJ30" s="101">
        <v>24</v>
      </c>
      <c r="AK30" s="102">
        <v>25</v>
      </c>
      <c r="AL30" s="103">
        <v>49</v>
      </c>
      <c r="AM30" s="413">
        <v>0</v>
      </c>
      <c r="AN30" s="102">
        <v>19</v>
      </c>
      <c r="AO30" s="102">
        <v>13</v>
      </c>
      <c r="AP30" s="102">
        <v>10</v>
      </c>
      <c r="AQ30" s="102">
        <v>9</v>
      </c>
      <c r="AR30" s="102">
        <v>8</v>
      </c>
      <c r="AS30" s="103">
        <v>59</v>
      </c>
      <c r="AT30" s="104">
        <v>108</v>
      </c>
      <c r="AU30" s="101">
        <v>30</v>
      </c>
      <c r="AV30" s="102">
        <v>33</v>
      </c>
      <c r="AW30" s="103">
        <v>63</v>
      </c>
      <c r="AX30" s="413">
        <v>0</v>
      </c>
      <c r="AY30" s="102">
        <v>23</v>
      </c>
      <c r="AZ30" s="102">
        <v>25</v>
      </c>
      <c r="BA30" s="102">
        <v>21</v>
      </c>
      <c r="BB30" s="102">
        <v>16</v>
      </c>
      <c r="BC30" s="102">
        <v>7</v>
      </c>
      <c r="BD30" s="103">
        <v>92</v>
      </c>
      <c r="BE30" s="104">
        <v>155</v>
      </c>
      <c r="BF30" s="101">
        <v>41</v>
      </c>
      <c r="BG30" s="102">
        <v>40</v>
      </c>
      <c r="BH30" s="103">
        <v>81</v>
      </c>
      <c r="BI30" s="413">
        <v>0</v>
      </c>
      <c r="BJ30" s="102">
        <v>25</v>
      </c>
      <c r="BK30" s="102">
        <v>13</v>
      </c>
      <c r="BL30" s="102">
        <v>17</v>
      </c>
      <c r="BM30" s="102">
        <v>19</v>
      </c>
      <c r="BN30" s="102">
        <v>14</v>
      </c>
      <c r="BO30" s="103">
        <v>88</v>
      </c>
      <c r="BP30" s="104">
        <v>169</v>
      </c>
      <c r="BQ30" s="101">
        <v>19</v>
      </c>
      <c r="BR30" s="102">
        <v>19</v>
      </c>
      <c r="BS30" s="103">
        <v>38</v>
      </c>
      <c r="BT30" s="413">
        <v>0</v>
      </c>
      <c r="BU30" s="102">
        <v>28</v>
      </c>
      <c r="BV30" s="102">
        <v>23</v>
      </c>
      <c r="BW30" s="102">
        <v>16</v>
      </c>
      <c r="BX30" s="102">
        <v>25</v>
      </c>
      <c r="BY30" s="102">
        <v>10</v>
      </c>
      <c r="BZ30" s="103">
        <v>102</v>
      </c>
      <c r="CA30" s="104">
        <v>140</v>
      </c>
      <c r="CB30" s="101">
        <v>8</v>
      </c>
      <c r="CC30" s="102">
        <v>5</v>
      </c>
      <c r="CD30" s="103">
        <v>13</v>
      </c>
      <c r="CE30" s="413">
        <v>0</v>
      </c>
      <c r="CF30" s="102">
        <v>2</v>
      </c>
      <c r="CG30" s="102">
        <v>2</v>
      </c>
      <c r="CH30" s="102">
        <v>6</v>
      </c>
      <c r="CI30" s="102">
        <v>4</v>
      </c>
      <c r="CJ30" s="102">
        <v>2</v>
      </c>
      <c r="CK30" s="103">
        <v>16</v>
      </c>
      <c r="CL30" s="104">
        <v>29</v>
      </c>
      <c r="CM30" s="101">
        <v>129</v>
      </c>
      <c r="CN30" s="102">
        <v>140</v>
      </c>
      <c r="CO30" s="103">
        <v>269</v>
      </c>
      <c r="CP30" s="413">
        <v>0</v>
      </c>
      <c r="CQ30" s="102">
        <v>109</v>
      </c>
      <c r="CR30" s="102">
        <v>91</v>
      </c>
      <c r="CS30" s="102">
        <v>77</v>
      </c>
      <c r="CT30" s="102">
        <v>79</v>
      </c>
      <c r="CU30" s="102">
        <v>46</v>
      </c>
      <c r="CV30" s="103">
        <v>402</v>
      </c>
      <c r="CW30" s="104">
        <v>671</v>
      </c>
      <c r="CX30" s="105">
        <v>264</v>
      </c>
      <c r="CY30" s="97">
        <v>212</v>
      </c>
      <c r="CZ30" s="98">
        <v>476</v>
      </c>
      <c r="DA30" s="413">
        <v>0</v>
      </c>
      <c r="DB30" s="97">
        <v>240</v>
      </c>
      <c r="DC30" s="97">
        <v>133</v>
      </c>
      <c r="DD30" s="97">
        <v>136</v>
      </c>
      <c r="DE30" s="97">
        <v>147</v>
      </c>
      <c r="DF30" s="97">
        <v>104</v>
      </c>
      <c r="DG30" s="99">
        <v>760</v>
      </c>
      <c r="DH30" s="100">
        <v>1236</v>
      </c>
      <c r="DI30" s="101">
        <v>4</v>
      </c>
      <c r="DJ30" s="102">
        <v>2</v>
      </c>
      <c r="DK30" s="103">
        <v>6</v>
      </c>
      <c r="DL30" s="413">
        <v>0</v>
      </c>
      <c r="DM30" s="102">
        <v>4</v>
      </c>
      <c r="DN30" s="102">
        <v>1</v>
      </c>
      <c r="DO30" s="102">
        <v>0</v>
      </c>
      <c r="DP30" s="102">
        <v>1</v>
      </c>
      <c r="DQ30" s="102">
        <v>3</v>
      </c>
      <c r="DR30" s="103">
        <v>9</v>
      </c>
      <c r="DS30" s="104">
        <v>15</v>
      </c>
      <c r="DT30" s="101">
        <v>15</v>
      </c>
      <c r="DU30" s="102">
        <v>13</v>
      </c>
      <c r="DV30" s="103">
        <v>28</v>
      </c>
      <c r="DW30" s="413">
        <v>0</v>
      </c>
      <c r="DX30" s="102">
        <v>11</v>
      </c>
      <c r="DY30" s="102">
        <v>8</v>
      </c>
      <c r="DZ30" s="102">
        <v>7</v>
      </c>
      <c r="EA30" s="102">
        <v>8</v>
      </c>
      <c r="EB30" s="102">
        <v>0</v>
      </c>
      <c r="EC30" s="103">
        <v>34</v>
      </c>
      <c r="ED30" s="104">
        <v>62</v>
      </c>
      <c r="EE30" s="101">
        <v>41</v>
      </c>
      <c r="EF30" s="102">
        <v>21</v>
      </c>
      <c r="EG30" s="103">
        <v>62</v>
      </c>
      <c r="EH30" s="413">
        <v>0</v>
      </c>
      <c r="EI30" s="102">
        <v>20</v>
      </c>
      <c r="EJ30" s="102">
        <v>17</v>
      </c>
      <c r="EK30" s="102">
        <v>13</v>
      </c>
      <c r="EL30" s="102">
        <v>11</v>
      </c>
      <c r="EM30" s="102">
        <v>8</v>
      </c>
      <c r="EN30" s="103">
        <v>69</v>
      </c>
      <c r="EO30" s="104">
        <v>131</v>
      </c>
      <c r="EP30" s="101">
        <v>68</v>
      </c>
      <c r="EQ30" s="102">
        <v>41</v>
      </c>
      <c r="ER30" s="103">
        <v>109</v>
      </c>
      <c r="ES30" s="413">
        <v>0</v>
      </c>
      <c r="ET30" s="102">
        <v>58</v>
      </c>
      <c r="EU30" s="102">
        <v>25</v>
      </c>
      <c r="EV30" s="102">
        <v>21</v>
      </c>
      <c r="EW30" s="102">
        <v>24</v>
      </c>
      <c r="EX30" s="102">
        <v>18</v>
      </c>
      <c r="EY30" s="103">
        <v>146</v>
      </c>
      <c r="EZ30" s="104">
        <v>255</v>
      </c>
      <c r="FA30" s="101">
        <v>80</v>
      </c>
      <c r="FB30" s="102">
        <v>76</v>
      </c>
      <c r="FC30" s="103">
        <v>156</v>
      </c>
      <c r="FD30" s="413">
        <v>0</v>
      </c>
      <c r="FE30" s="102">
        <v>75</v>
      </c>
      <c r="FF30" s="102">
        <v>37</v>
      </c>
      <c r="FG30" s="102">
        <v>34</v>
      </c>
      <c r="FH30" s="102">
        <v>26</v>
      </c>
      <c r="FI30" s="102">
        <v>29</v>
      </c>
      <c r="FJ30" s="103">
        <v>201</v>
      </c>
      <c r="FK30" s="104">
        <v>357</v>
      </c>
      <c r="FL30" s="101">
        <v>56</v>
      </c>
      <c r="FM30" s="102">
        <v>59</v>
      </c>
      <c r="FN30" s="103">
        <v>115</v>
      </c>
      <c r="FO30" s="413">
        <v>0</v>
      </c>
      <c r="FP30" s="102">
        <v>72</v>
      </c>
      <c r="FQ30" s="102">
        <v>45</v>
      </c>
      <c r="FR30" s="102">
        <v>61</v>
      </c>
      <c r="FS30" s="102">
        <v>77</v>
      </c>
      <c r="FT30" s="102">
        <v>46</v>
      </c>
      <c r="FU30" s="103">
        <v>301</v>
      </c>
      <c r="FV30" s="104">
        <v>416</v>
      </c>
      <c r="FW30" s="101">
        <v>0</v>
      </c>
      <c r="FX30" s="102">
        <v>3</v>
      </c>
      <c r="FY30" s="103">
        <v>3</v>
      </c>
      <c r="FZ30" s="413">
        <v>0</v>
      </c>
      <c r="GA30" s="102">
        <v>4</v>
      </c>
      <c r="GB30" s="102">
        <v>5</v>
      </c>
      <c r="GC30" s="102">
        <v>2</v>
      </c>
      <c r="GD30" s="102">
        <v>2</v>
      </c>
      <c r="GE30" s="102">
        <v>2</v>
      </c>
      <c r="GF30" s="103">
        <v>15</v>
      </c>
      <c r="GG30" s="104">
        <v>18</v>
      </c>
      <c r="GH30" s="101">
        <v>264</v>
      </c>
      <c r="GI30" s="102">
        <v>215</v>
      </c>
      <c r="GJ30" s="103">
        <v>479</v>
      </c>
      <c r="GK30" s="413">
        <v>0</v>
      </c>
      <c r="GL30" s="102">
        <v>244</v>
      </c>
      <c r="GM30" s="102">
        <v>138</v>
      </c>
      <c r="GN30" s="102">
        <v>138</v>
      </c>
      <c r="GO30" s="102">
        <v>149</v>
      </c>
      <c r="GP30" s="102">
        <v>106</v>
      </c>
      <c r="GQ30" s="103">
        <v>775</v>
      </c>
      <c r="GR30" s="104">
        <v>1254</v>
      </c>
      <c r="GS30" s="105">
        <v>385</v>
      </c>
      <c r="GT30" s="97">
        <v>347</v>
      </c>
      <c r="GU30" s="98">
        <v>732</v>
      </c>
      <c r="GV30" s="413">
        <v>0</v>
      </c>
      <c r="GW30" s="97">
        <v>347</v>
      </c>
      <c r="GX30" s="97">
        <v>222</v>
      </c>
      <c r="GY30" s="97">
        <v>207</v>
      </c>
      <c r="GZ30" s="97">
        <v>222</v>
      </c>
      <c r="HA30" s="97">
        <v>148</v>
      </c>
      <c r="HB30" s="99">
        <v>1146</v>
      </c>
      <c r="HC30" s="100">
        <v>1878</v>
      </c>
      <c r="HD30" s="101">
        <v>6</v>
      </c>
      <c r="HE30" s="102">
        <v>9</v>
      </c>
      <c r="HF30" s="103">
        <v>15</v>
      </c>
      <c r="HG30" s="416">
        <v>0</v>
      </c>
      <c r="HH30" s="102">
        <v>6</v>
      </c>
      <c r="HI30" s="102">
        <v>2</v>
      </c>
      <c r="HJ30" s="102">
        <v>2</v>
      </c>
      <c r="HK30" s="102">
        <v>3</v>
      </c>
      <c r="HL30" s="102">
        <v>5</v>
      </c>
      <c r="HM30" s="103">
        <v>18</v>
      </c>
      <c r="HN30" s="104">
        <v>33</v>
      </c>
      <c r="HO30" s="101">
        <v>20</v>
      </c>
      <c r="HP30" s="102">
        <v>24</v>
      </c>
      <c r="HQ30" s="103">
        <v>44</v>
      </c>
      <c r="HR30" s="413">
        <v>0</v>
      </c>
      <c r="HS30" s="102">
        <v>21</v>
      </c>
      <c r="HT30" s="102">
        <v>22</v>
      </c>
      <c r="HU30" s="102">
        <v>12</v>
      </c>
      <c r="HV30" s="102">
        <v>12</v>
      </c>
      <c r="HW30" s="102">
        <v>3</v>
      </c>
      <c r="HX30" s="103">
        <v>70</v>
      </c>
      <c r="HY30" s="104">
        <v>114</v>
      </c>
      <c r="HZ30" s="101">
        <v>65</v>
      </c>
      <c r="IA30" s="102">
        <v>46</v>
      </c>
      <c r="IB30" s="103">
        <v>111</v>
      </c>
      <c r="IC30" s="413">
        <v>0</v>
      </c>
      <c r="ID30" s="102">
        <v>39</v>
      </c>
      <c r="IE30" s="102">
        <v>30</v>
      </c>
      <c r="IF30" s="102">
        <v>23</v>
      </c>
      <c r="IG30" s="102">
        <v>20</v>
      </c>
      <c r="IH30" s="102">
        <v>16</v>
      </c>
      <c r="II30" s="103">
        <v>128</v>
      </c>
      <c r="IJ30" s="104">
        <v>239</v>
      </c>
      <c r="IK30" s="101">
        <v>98</v>
      </c>
      <c r="IL30" s="102">
        <v>74</v>
      </c>
      <c r="IM30" s="103">
        <v>172</v>
      </c>
      <c r="IN30" s="413">
        <v>0</v>
      </c>
      <c r="IO30" s="102">
        <v>81</v>
      </c>
      <c r="IP30" s="102">
        <v>50</v>
      </c>
      <c r="IQ30" s="102">
        <v>42</v>
      </c>
      <c r="IR30" s="102">
        <v>40</v>
      </c>
      <c r="IS30" s="102">
        <v>25</v>
      </c>
      <c r="IT30" s="103">
        <v>238</v>
      </c>
      <c r="IU30" s="104">
        <v>410</v>
      </c>
      <c r="IV30" s="101">
        <v>121</v>
      </c>
      <c r="IW30" s="102">
        <v>116</v>
      </c>
      <c r="IX30" s="103">
        <v>237</v>
      </c>
      <c r="IY30" s="413">
        <v>0</v>
      </c>
      <c r="IZ30" s="102">
        <v>100</v>
      </c>
      <c r="JA30" s="102">
        <v>50</v>
      </c>
      <c r="JB30" s="102">
        <v>51</v>
      </c>
      <c r="JC30" s="102">
        <v>45</v>
      </c>
      <c r="JD30" s="102">
        <v>43</v>
      </c>
      <c r="JE30" s="103">
        <v>289</v>
      </c>
      <c r="JF30" s="104">
        <v>526</v>
      </c>
      <c r="JG30" s="101">
        <v>75</v>
      </c>
      <c r="JH30" s="102">
        <v>78</v>
      </c>
      <c r="JI30" s="103">
        <v>153</v>
      </c>
      <c r="JJ30" s="413">
        <v>0</v>
      </c>
      <c r="JK30" s="102">
        <v>100</v>
      </c>
      <c r="JL30" s="102">
        <v>68</v>
      </c>
      <c r="JM30" s="102">
        <v>77</v>
      </c>
      <c r="JN30" s="102">
        <v>102</v>
      </c>
      <c r="JO30" s="102">
        <v>56</v>
      </c>
      <c r="JP30" s="103">
        <v>403</v>
      </c>
      <c r="JQ30" s="104">
        <v>556</v>
      </c>
      <c r="JR30" s="101">
        <v>8</v>
      </c>
      <c r="JS30" s="102">
        <v>8</v>
      </c>
      <c r="JT30" s="103">
        <v>16</v>
      </c>
      <c r="JU30" s="413">
        <v>0</v>
      </c>
      <c r="JV30" s="102">
        <v>6</v>
      </c>
      <c r="JW30" s="102">
        <v>7</v>
      </c>
      <c r="JX30" s="102">
        <v>8</v>
      </c>
      <c r="JY30" s="102">
        <v>6</v>
      </c>
      <c r="JZ30" s="102">
        <v>4</v>
      </c>
      <c r="KA30" s="103">
        <v>31</v>
      </c>
      <c r="KB30" s="104">
        <v>47</v>
      </c>
      <c r="KC30" s="101">
        <v>393</v>
      </c>
      <c r="KD30" s="102">
        <v>355</v>
      </c>
      <c r="KE30" s="103">
        <v>748</v>
      </c>
      <c r="KF30" s="413">
        <v>0</v>
      </c>
      <c r="KG30" s="102">
        <v>353</v>
      </c>
      <c r="KH30" s="102">
        <v>229</v>
      </c>
      <c r="KI30" s="102">
        <v>215</v>
      </c>
      <c r="KJ30" s="102">
        <v>228</v>
      </c>
      <c r="KK30" s="102">
        <v>152</v>
      </c>
      <c r="KL30" s="103">
        <v>1177</v>
      </c>
      <c r="KM30" s="104">
        <v>1925</v>
      </c>
    </row>
    <row r="31" spans="2:299" s="70" customFormat="1" ht="21" customHeight="1" x14ac:dyDescent="0.2">
      <c r="B31" s="106" t="s">
        <v>28</v>
      </c>
      <c r="C31" s="96">
        <v>8</v>
      </c>
      <c r="D31" s="97">
        <v>23</v>
      </c>
      <c r="E31" s="98">
        <v>31</v>
      </c>
      <c r="F31" s="413">
        <v>0</v>
      </c>
      <c r="G31" s="97">
        <v>57</v>
      </c>
      <c r="H31" s="97">
        <v>43</v>
      </c>
      <c r="I31" s="97">
        <v>31</v>
      </c>
      <c r="J31" s="97">
        <v>18</v>
      </c>
      <c r="K31" s="97">
        <v>14</v>
      </c>
      <c r="L31" s="99">
        <v>163</v>
      </c>
      <c r="M31" s="100">
        <v>194</v>
      </c>
      <c r="N31" s="101">
        <v>0</v>
      </c>
      <c r="O31" s="102">
        <v>3</v>
      </c>
      <c r="P31" s="103">
        <v>3</v>
      </c>
      <c r="Q31" s="413">
        <v>0</v>
      </c>
      <c r="R31" s="102">
        <v>4</v>
      </c>
      <c r="S31" s="102">
        <v>1</v>
      </c>
      <c r="T31" s="102">
        <v>2</v>
      </c>
      <c r="U31" s="102">
        <v>1</v>
      </c>
      <c r="V31" s="102">
        <v>1</v>
      </c>
      <c r="W31" s="103">
        <v>9</v>
      </c>
      <c r="X31" s="104">
        <v>12</v>
      </c>
      <c r="Y31" s="101">
        <v>1</v>
      </c>
      <c r="Z31" s="102">
        <v>5</v>
      </c>
      <c r="AA31" s="103">
        <v>6</v>
      </c>
      <c r="AB31" s="413">
        <v>0</v>
      </c>
      <c r="AC31" s="102">
        <v>8</v>
      </c>
      <c r="AD31" s="102">
        <v>8</v>
      </c>
      <c r="AE31" s="102">
        <v>2</v>
      </c>
      <c r="AF31" s="102">
        <v>2</v>
      </c>
      <c r="AG31" s="102">
        <v>2</v>
      </c>
      <c r="AH31" s="103">
        <v>22</v>
      </c>
      <c r="AI31" s="104">
        <v>28</v>
      </c>
      <c r="AJ31" s="101">
        <v>2</v>
      </c>
      <c r="AK31" s="102">
        <v>3</v>
      </c>
      <c r="AL31" s="103">
        <v>5</v>
      </c>
      <c r="AM31" s="413">
        <v>0</v>
      </c>
      <c r="AN31" s="102">
        <v>9</v>
      </c>
      <c r="AO31" s="102">
        <v>7</v>
      </c>
      <c r="AP31" s="102">
        <v>6</v>
      </c>
      <c r="AQ31" s="102">
        <v>2</v>
      </c>
      <c r="AR31" s="102">
        <v>3</v>
      </c>
      <c r="AS31" s="103">
        <v>27</v>
      </c>
      <c r="AT31" s="104">
        <v>32</v>
      </c>
      <c r="AU31" s="101">
        <v>3</v>
      </c>
      <c r="AV31" s="102">
        <v>5</v>
      </c>
      <c r="AW31" s="103">
        <v>8</v>
      </c>
      <c r="AX31" s="413">
        <v>0</v>
      </c>
      <c r="AY31" s="102">
        <v>15</v>
      </c>
      <c r="AZ31" s="102">
        <v>8</v>
      </c>
      <c r="BA31" s="102">
        <v>5</v>
      </c>
      <c r="BB31" s="102">
        <v>6</v>
      </c>
      <c r="BC31" s="102">
        <v>2</v>
      </c>
      <c r="BD31" s="103">
        <v>36</v>
      </c>
      <c r="BE31" s="104">
        <v>44</v>
      </c>
      <c r="BF31" s="101">
        <v>1</v>
      </c>
      <c r="BG31" s="102">
        <v>4</v>
      </c>
      <c r="BH31" s="103">
        <v>5</v>
      </c>
      <c r="BI31" s="413">
        <v>0</v>
      </c>
      <c r="BJ31" s="102">
        <v>13</v>
      </c>
      <c r="BK31" s="102">
        <v>11</v>
      </c>
      <c r="BL31" s="102">
        <v>8</v>
      </c>
      <c r="BM31" s="102">
        <v>2</v>
      </c>
      <c r="BN31" s="102">
        <v>2</v>
      </c>
      <c r="BO31" s="103">
        <v>36</v>
      </c>
      <c r="BP31" s="104">
        <v>41</v>
      </c>
      <c r="BQ31" s="101">
        <v>1</v>
      </c>
      <c r="BR31" s="102">
        <v>3</v>
      </c>
      <c r="BS31" s="103">
        <v>4</v>
      </c>
      <c r="BT31" s="413">
        <v>0</v>
      </c>
      <c r="BU31" s="102">
        <v>8</v>
      </c>
      <c r="BV31" s="102">
        <v>8</v>
      </c>
      <c r="BW31" s="102">
        <v>8</v>
      </c>
      <c r="BX31" s="102">
        <v>5</v>
      </c>
      <c r="BY31" s="102">
        <v>4</v>
      </c>
      <c r="BZ31" s="103">
        <v>33</v>
      </c>
      <c r="CA31" s="104">
        <v>37</v>
      </c>
      <c r="CB31" s="101">
        <v>0</v>
      </c>
      <c r="CC31" s="102">
        <v>1</v>
      </c>
      <c r="CD31" s="103">
        <v>1</v>
      </c>
      <c r="CE31" s="413">
        <v>0</v>
      </c>
      <c r="CF31" s="102">
        <v>0</v>
      </c>
      <c r="CG31" s="102">
        <v>1</v>
      </c>
      <c r="CH31" s="102">
        <v>1</v>
      </c>
      <c r="CI31" s="102">
        <v>0</v>
      </c>
      <c r="CJ31" s="102">
        <v>2</v>
      </c>
      <c r="CK31" s="103">
        <v>4</v>
      </c>
      <c r="CL31" s="104">
        <v>5</v>
      </c>
      <c r="CM31" s="101">
        <v>8</v>
      </c>
      <c r="CN31" s="102">
        <v>24</v>
      </c>
      <c r="CO31" s="103">
        <v>32</v>
      </c>
      <c r="CP31" s="413">
        <v>0</v>
      </c>
      <c r="CQ31" s="102">
        <v>57</v>
      </c>
      <c r="CR31" s="102">
        <v>44</v>
      </c>
      <c r="CS31" s="102">
        <v>32</v>
      </c>
      <c r="CT31" s="102">
        <v>18</v>
      </c>
      <c r="CU31" s="102">
        <v>16</v>
      </c>
      <c r="CV31" s="103">
        <v>167</v>
      </c>
      <c r="CW31" s="104">
        <v>199</v>
      </c>
      <c r="CX31" s="105">
        <v>13</v>
      </c>
      <c r="CY31" s="97">
        <v>39</v>
      </c>
      <c r="CZ31" s="98">
        <v>52</v>
      </c>
      <c r="DA31" s="413">
        <v>0</v>
      </c>
      <c r="DB31" s="97">
        <v>55</v>
      </c>
      <c r="DC31" s="97">
        <v>75</v>
      </c>
      <c r="DD31" s="97">
        <v>52</v>
      </c>
      <c r="DE31" s="97">
        <v>48</v>
      </c>
      <c r="DF31" s="97">
        <v>38</v>
      </c>
      <c r="DG31" s="99">
        <v>268</v>
      </c>
      <c r="DH31" s="100">
        <v>320</v>
      </c>
      <c r="DI31" s="101">
        <v>1</v>
      </c>
      <c r="DJ31" s="102">
        <v>0</v>
      </c>
      <c r="DK31" s="103">
        <v>1</v>
      </c>
      <c r="DL31" s="413">
        <v>0</v>
      </c>
      <c r="DM31" s="102">
        <v>2</v>
      </c>
      <c r="DN31" s="102">
        <v>2</v>
      </c>
      <c r="DO31" s="102">
        <v>0</v>
      </c>
      <c r="DP31" s="102">
        <v>0</v>
      </c>
      <c r="DQ31" s="102">
        <v>0</v>
      </c>
      <c r="DR31" s="103">
        <v>4</v>
      </c>
      <c r="DS31" s="104">
        <v>5</v>
      </c>
      <c r="DT31" s="101">
        <v>0</v>
      </c>
      <c r="DU31" s="102">
        <v>5</v>
      </c>
      <c r="DV31" s="103">
        <v>5</v>
      </c>
      <c r="DW31" s="413">
        <v>0</v>
      </c>
      <c r="DX31" s="102">
        <v>2</v>
      </c>
      <c r="DY31" s="102">
        <v>6</v>
      </c>
      <c r="DZ31" s="102">
        <v>3</v>
      </c>
      <c r="EA31" s="102">
        <v>1</v>
      </c>
      <c r="EB31" s="102">
        <v>1</v>
      </c>
      <c r="EC31" s="103">
        <v>13</v>
      </c>
      <c r="ED31" s="104">
        <v>18</v>
      </c>
      <c r="EE31" s="101">
        <v>2</v>
      </c>
      <c r="EF31" s="102">
        <v>8</v>
      </c>
      <c r="EG31" s="103">
        <v>10</v>
      </c>
      <c r="EH31" s="413">
        <v>0</v>
      </c>
      <c r="EI31" s="102">
        <v>9</v>
      </c>
      <c r="EJ31" s="102">
        <v>11</v>
      </c>
      <c r="EK31" s="102">
        <v>4</v>
      </c>
      <c r="EL31" s="102">
        <v>4</v>
      </c>
      <c r="EM31" s="102">
        <v>5</v>
      </c>
      <c r="EN31" s="103">
        <v>33</v>
      </c>
      <c r="EO31" s="104">
        <v>43</v>
      </c>
      <c r="EP31" s="101">
        <v>7</v>
      </c>
      <c r="EQ31" s="102">
        <v>10</v>
      </c>
      <c r="ER31" s="103">
        <v>17</v>
      </c>
      <c r="ES31" s="413">
        <v>0</v>
      </c>
      <c r="ET31" s="102">
        <v>13</v>
      </c>
      <c r="EU31" s="102">
        <v>10</v>
      </c>
      <c r="EV31" s="102">
        <v>17</v>
      </c>
      <c r="EW31" s="102">
        <v>11</v>
      </c>
      <c r="EX31" s="102">
        <v>10</v>
      </c>
      <c r="EY31" s="103">
        <v>61</v>
      </c>
      <c r="EZ31" s="104">
        <v>78</v>
      </c>
      <c r="FA31" s="101">
        <v>3</v>
      </c>
      <c r="FB31" s="102">
        <v>11</v>
      </c>
      <c r="FC31" s="103">
        <v>14</v>
      </c>
      <c r="FD31" s="413">
        <v>0</v>
      </c>
      <c r="FE31" s="102">
        <v>17</v>
      </c>
      <c r="FF31" s="102">
        <v>26</v>
      </c>
      <c r="FG31" s="102">
        <v>10</v>
      </c>
      <c r="FH31" s="102">
        <v>12</v>
      </c>
      <c r="FI31" s="102">
        <v>10</v>
      </c>
      <c r="FJ31" s="103">
        <v>75</v>
      </c>
      <c r="FK31" s="104">
        <v>89</v>
      </c>
      <c r="FL31" s="101">
        <v>0</v>
      </c>
      <c r="FM31" s="102">
        <v>5</v>
      </c>
      <c r="FN31" s="103">
        <v>5</v>
      </c>
      <c r="FO31" s="413">
        <v>0</v>
      </c>
      <c r="FP31" s="102">
        <v>12</v>
      </c>
      <c r="FQ31" s="102">
        <v>20</v>
      </c>
      <c r="FR31" s="102">
        <v>18</v>
      </c>
      <c r="FS31" s="102">
        <v>20</v>
      </c>
      <c r="FT31" s="102">
        <v>12</v>
      </c>
      <c r="FU31" s="103">
        <v>82</v>
      </c>
      <c r="FV31" s="104">
        <v>87</v>
      </c>
      <c r="FW31" s="101">
        <v>1</v>
      </c>
      <c r="FX31" s="102">
        <v>1</v>
      </c>
      <c r="FY31" s="103">
        <v>2</v>
      </c>
      <c r="FZ31" s="413">
        <v>0</v>
      </c>
      <c r="GA31" s="102">
        <v>1</v>
      </c>
      <c r="GB31" s="102">
        <v>2</v>
      </c>
      <c r="GC31" s="102">
        <v>0</v>
      </c>
      <c r="GD31" s="102">
        <v>0</v>
      </c>
      <c r="GE31" s="102">
        <v>2</v>
      </c>
      <c r="GF31" s="103">
        <v>5</v>
      </c>
      <c r="GG31" s="104">
        <v>7</v>
      </c>
      <c r="GH31" s="101">
        <v>14</v>
      </c>
      <c r="GI31" s="102">
        <v>40</v>
      </c>
      <c r="GJ31" s="103">
        <v>54</v>
      </c>
      <c r="GK31" s="413">
        <v>0</v>
      </c>
      <c r="GL31" s="102">
        <v>56</v>
      </c>
      <c r="GM31" s="102">
        <v>77</v>
      </c>
      <c r="GN31" s="102">
        <v>52</v>
      </c>
      <c r="GO31" s="102">
        <v>48</v>
      </c>
      <c r="GP31" s="102">
        <v>40</v>
      </c>
      <c r="GQ31" s="103">
        <v>273</v>
      </c>
      <c r="GR31" s="104">
        <v>327</v>
      </c>
      <c r="GS31" s="105">
        <v>21</v>
      </c>
      <c r="GT31" s="97">
        <v>62</v>
      </c>
      <c r="GU31" s="98">
        <v>83</v>
      </c>
      <c r="GV31" s="413">
        <v>0</v>
      </c>
      <c r="GW31" s="97">
        <v>112</v>
      </c>
      <c r="GX31" s="97">
        <v>118</v>
      </c>
      <c r="GY31" s="97">
        <v>83</v>
      </c>
      <c r="GZ31" s="97">
        <v>66</v>
      </c>
      <c r="HA31" s="97">
        <v>52</v>
      </c>
      <c r="HB31" s="99">
        <v>431</v>
      </c>
      <c r="HC31" s="100">
        <v>514</v>
      </c>
      <c r="HD31" s="101">
        <v>1</v>
      </c>
      <c r="HE31" s="102">
        <v>3</v>
      </c>
      <c r="HF31" s="103">
        <v>4</v>
      </c>
      <c r="HG31" s="416">
        <v>0</v>
      </c>
      <c r="HH31" s="102">
        <v>6</v>
      </c>
      <c r="HI31" s="102">
        <v>3</v>
      </c>
      <c r="HJ31" s="102">
        <v>2</v>
      </c>
      <c r="HK31" s="102">
        <v>1</v>
      </c>
      <c r="HL31" s="102">
        <v>1</v>
      </c>
      <c r="HM31" s="103">
        <v>13</v>
      </c>
      <c r="HN31" s="104">
        <v>17</v>
      </c>
      <c r="HO31" s="101">
        <v>1</v>
      </c>
      <c r="HP31" s="102">
        <v>10</v>
      </c>
      <c r="HQ31" s="103">
        <v>11</v>
      </c>
      <c r="HR31" s="413">
        <v>0</v>
      </c>
      <c r="HS31" s="102">
        <v>10</v>
      </c>
      <c r="HT31" s="102">
        <v>14</v>
      </c>
      <c r="HU31" s="102">
        <v>5</v>
      </c>
      <c r="HV31" s="102">
        <v>3</v>
      </c>
      <c r="HW31" s="102">
        <v>3</v>
      </c>
      <c r="HX31" s="103">
        <v>35</v>
      </c>
      <c r="HY31" s="104">
        <v>46</v>
      </c>
      <c r="HZ31" s="101">
        <v>4</v>
      </c>
      <c r="IA31" s="102">
        <v>11</v>
      </c>
      <c r="IB31" s="103">
        <v>15</v>
      </c>
      <c r="IC31" s="413">
        <v>0</v>
      </c>
      <c r="ID31" s="102">
        <v>18</v>
      </c>
      <c r="IE31" s="102">
        <v>18</v>
      </c>
      <c r="IF31" s="102">
        <v>10</v>
      </c>
      <c r="IG31" s="102">
        <v>6</v>
      </c>
      <c r="IH31" s="102">
        <v>8</v>
      </c>
      <c r="II31" s="103">
        <v>60</v>
      </c>
      <c r="IJ31" s="104">
        <v>75</v>
      </c>
      <c r="IK31" s="101">
        <v>10</v>
      </c>
      <c r="IL31" s="102">
        <v>15</v>
      </c>
      <c r="IM31" s="103">
        <v>25</v>
      </c>
      <c r="IN31" s="413">
        <v>0</v>
      </c>
      <c r="IO31" s="102">
        <v>28</v>
      </c>
      <c r="IP31" s="102">
        <v>18</v>
      </c>
      <c r="IQ31" s="102">
        <v>22</v>
      </c>
      <c r="IR31" s="102">
        <v>17</v>
      </c>
      <c r="IS31" s="102">
        <v>12</v>
      </c>
      <c r="IT31" s="103">
        <v>97</v>
      </c>
      <c r="IU31" s="104">
        <v>122</v>
      </c>
      <c r="IV31" s="101">
        <v>4</v>
      </c>
      <c r="IW31" s="102">
        <v>15</v>
      </c>
      <c r="IX31" s="103">
        <v>19</v>
      </c>
      <c r="IY31" s="413">
        <v>0</v>
      </c>
      <c r="IZ31" s="102">
        <v>30</v>
      </c>
      <c r="JA31" s="102">
        <v>37</v>
      </c>
      <c r="JB31" s="102">
        <v>18</v>
      </c>
      <c r="JC31" s="102">
        <v>14</v>
      </c>
      <c r="JD31" s="102">
        <v>12</v>
      </c>
      <c r="JE31" s="103">
        <v>111</v>
      </c>
      <c r="JF31" s="104">
        <v>130</v>
      </c>
      <c r="JG31" s="101">
        <v>1</v>
      </c>
      <c r="JH31" s="102">
        <v>8</v>
      </c>
      <c r="JI31" s="103">
        <v>9</v>
      </c>
      <c r="JJ31" s="413">
        <v>0</v>
      </c>
      <c r="JK31" s="102">
        <v>20</v>
      </c>
      <c r="JL31" s="102">
        <v>28</v>
      </c>
      <c r="JM31" s="102">
        <v>26</v>
      </c>
      <c r="JN31" s="102">
        <v>25</v>
      </c>
      <c r="JO31" s="102">
        <v>16</v>
      </c>
      <c r="JP31" s="103">
        <v>115</v>
      </c>
      <c r="JQ31" s="104">
        <v>124</v>
      </c>
      <c r="JR31" s="101">
        <v>1</v>
      </c>
      <c r="JS31" s="102">
        <v>2</v>
      </c>
      <c r="JT31" s="103">
        <v>3</v>
      </c>
      <c r="JU31" s="413">
        <v>0</v>
      </c>
      <c r="JV31" s="102">
        <v>1</v>
      </c>
      <c r="JW31" s="102">
        <v>3</v>
      </c>
      <c r="JX31" s="102">
        <v>1</v>
      </c>
      <c r="JY31" s="102">
        <v>0</v>
      </c>
      <c r="JZ31" s="102">
        <v>4</v>
      </c>
      <c r="KA31" s="103">
        <v>9</v>
      </c>
      <c r="KB31" s="104">
        <v>12</v>
      </c>
      <c r="KC31" s="101">
        <v>22</v>
      </c>
      <c r="KD31" s="102">
        <v>64</v>
      </c>
      <c r="KE31" s="103">
        <v>86</v>
      </c>
      <c r="KF31" s="413">
        <v>0</v>
      </c>
      <c r="KG31" s="102">
        <v>113</v>
      </c>
      <c r="KH31" s="102">
        <v>121</v>
      </c>
      <c r="KI31" s="102">
        <v>84</v>
      </c>
      <c r="KJ31" s="102">
        <v>66</v>
      </c>
      <c r="KK31" s="102">
        <v>56</v>
      </c>
      <c r="KL31" s="103">
        <v>440</v>
      </c>
      <c r="KM31" s="104">
        <v>526</v>
      </c>
    </row>
    <row r="32" spans="2:299" s="70" customFormat="1" ht="21" customHeight="1" x14ac:dyDescent="0.2">
      <c r="B32" s="106" t="s">
        <v>29</v>
      </c>
      <c r="C32" s="96">
        <v>25</v>
      </c>
      <c r="D32" s="97">
        <v>19</v>
      </c>
      <c r="E32" s="98">
        <v>44</v>
      </c>
      <c r="F32" s="413">
        <v>0</v>
      </c>
      <c r="G32" s="97">
        <v>43</v>
      </c>
      <c r="H32" s="97">
        <v>51</v>
      </c>
      <c r="I32" s="97">
        <v>45</v>
      </c>
      <c r="J32" s="97">
        <v>27</v>
      </c>
      <c r="K32" s="97">
        <v>19</v>
      </c>
      <c r="L32" s="99">
        <v>185</v>
      </c>
      <c r="M32" s="100">
        <v>229</v>
      </c>
      <c r="N32" s="101">
        <v>4</v>
      </c>
      <c r="O32" s="102">
        <v>0</v>
      </c>
      <c r="P32" s="103">
        <v>4</v>
      </c>
      <c r="Q32" s="413">
        <v>0</v>
      </c>
      <c r="R32" s="102">
        <v>3</v>
      </c>
      <c r="S32" s="102">
        <v>5</v>
      </c>
      <c r="T32" s="102">
        <v>2</v>
      </c>
      <c r="U32" s="102">
        <v>1</v>
      </c>
      <c r="V32" s="102">
        <v>2</v>
      </c>
      <c r="W32" s="103">
        <v>13</v>
      </c>
      <c r="X32" s="104">
        <v>17</v>
      </c>
      <c r="Y32" s="101">
        <v>2</v>
      </c>
      <c r="Z32" s="102">
        <v>4</v>
      </c>
      <c r="AA32" s="103">
        <v>6</v>
      </c>
      <c r="AB32" s="413">
        <v>0</v>
      </c>
      <c r="AC32" s="102">
        <v>5</v>
      </c>
      <c r="AD32" s="102">
        <v>3</v>
      </c>
      <c r="AE32" s="102">
        <v>7</v>
      </c>
      <c r="AF32" s="102">
        <v>2</v>
      </c>
      <c r="AG32" s="102">
        <v>1</v>
      </c>
      <c r="AH32" s="103">
        <v>18</v>
      </c>
      <c r="AI32" s="104">
        <v>24</v>
      </c>
      <c r="AJ32" s="101">
        <v>1</v>
      </c>
      <c r="AK32" s="102">
        <v>1</v>
      </c>
      <c r="AL32" s="103">
        <v>2</v>
      </c>
      <c r="AM32" s="413">
        <v>0</v>
      </c>
      <c r="AN32" s="102">
        <v>12</v>
      </c>
      <c r="AO32" s="102">
        <v>8</v>
      </c>
      <c r="AP32" s="102">
        <v>6</v>
      </c>
      <c r="AQ32" s="102">
        <v>5</v>
      </c>
      <c r="AR32" s="102">
        <v>4</v>
      </c>
      <c r="AS32" s="103">
        <v>35</v>
      </c>
      <c r="AT32" s="104">
        <v>37</v>
      </c>
      <c r="AU32" s="101">
        <v>11</v>
      </c>
      <c r="AV32" s="102">
        <v>9</v>
      </c>
      <c r="AW32" s="103">
        <v>20</v>
      </c>
      <c r="AX32" s="413">
        <v>0</v>
      </c>
      <c r="AY32" s="102">
        <v>10</v>
      </c>
      <c r="AZ32" s="102">
        <v>9</v>
      </c>
      <c r="BA32" s="102">
        <v>9</v>
      </c>
      <c r="BB32" s="102">
        <v>9</v>
      </c>
      <c r="BC32" s="102">
        <v>3</v>
      </c>
      <c r="BD32" s="103">
        <v>40</v>
      </c>
      <c r="BE32" s="104">
        <v>60</v>
      </c>
      <c r="BF32" s="101">
        <v>6</v>
      </c>
      <c r="BG32" s="102">
        <v>1</v>
      </c>
      <c r="BH32" s="103">
        <v>7</v>
      </c>
      <c r="BI32" s="413">
        <v>0</v>
      </c>
      <c r="BJ32" s="102">
        <v>8</v>
      </c>
      <c r="BK32" s="102">
        <v>9</v>
      </c>
      <c r="BL32" s="102">
        <v>15</v>
      </c>
      <c r="BM32" s="102">
        <v>5</v>
      </c>
      <c r="BN32" s="102">
        <v>2</v>
      </c>
      <c r="BO32" s="103">
        <v>39</v>
      </c>
      <c r="BP32" s="104">
        <v>46</v>
      </c>
      <c r="BQ32" s="101">
        <v>1</v>
      </c>
      <c r="BR32" s="102">
        <v>4</v>
      </c>
      <c r="BS32" s="103">
        <v>5</v>
      </c>
      <c r="BT32" s="413">
        <v>0</v>
      </c>
      <c r="BU32" s="102">
        <v>5</v>
      </c>
      <c r="BV32" s="102">
        <v>17</v>
      </c>
      <c r="BW32" s="102">
        <v>6</v>
      </c>
      <c r="BX32" s="102">
        <v>5</v>
      </c>
      <c r="BY32" s="102">
        <v>7</v>
      </c>
      <c r="BZ32" s="103">
        <v>40</v>
      </c>
      <c r="CA32" s="104">
        <v>45</v>
      </c>
      <c r="CB32" s="101">
        <v>2</v>
      </c>
      <c r="CC32" s="102">
        <v>2</v>
      </c>
      <c r="CD32" s="103">
        <v>4</v>
      </c>
      <c r="CE32" s="413">
        <v>0</v>
      </c>
      <c r="CF32" s="102">
        <v>2</v>
      </c>
      <c r="CG32" s="102">
        <v>1</v>
      </c>
      <c r="CH32" s="102">
        <v>1</v>
      </c>
      <c r="CI32" s="102">
        <v>0</v>
      </c>
      <c r="CJ32" s="102">
        <v>3</v>
      </c>
      <c r="CK32" s="103">
        <v>7</v>
      </c>
      <c r="CL32" s="104">
        <v>11</v>
      </c>
      <c r="CM32" s="101">
        <v>27</v>
      </c>
      <c r="CN32" s="102">
        <v>21</v>
      </c>
      <c r="CO32" s="103">
        <v>48</v>
      </c>
      <c r="CP32" s="413">
        <v>0</v>
      </c>
      <c r="CQ32" s="102">
        <v>45</v>
      </c>
      <c r="CR32" s="102">
        <v>52</v>
      </c>
      <c r="CS32" s="102">
        <v>46</v>
      </c>
      <c r="CT32" s="102">
        <v>27</v>
      </c>
      <c r="CU32" s="102">
        <v>22</v>
      </c>
      <c r="CV32" s="103">
        <v>192</v>
      </c>
      <c r="CW32" s="104">
        <v>240</v>
      </c>
      <c r="CX32" s="105">
        <v>44</v>
      </c>
      <c r="CY32" s="97">
        <v>56</v>
      </c>
      <c r="CZ32" s="98">
        <v>100</v>
      </c>
      <c r="DA32" s="413">
        <v>0</v>
      </c>
      <c r="DB32" s="97">
        <v>89</v>
      </c>
      <c r="DC32" s="97">
        <v>96</v>
      </c>
      <c r="DD32" s="97">
        <v>81</v>
      </c>
      <c r="DE32" s="97">
        <v>78</v>
      </c>
      <c r="DF32" s="97">
        <v>49</v>
      </c>
      <c r="DG32" s="99">
        <v>393</v>
      </c>
      <c r="DH32" s="100">
        <v>493</v>
      </c>
      <c r="DI32" s="101">
        <v>3</v>
      </c>
      <c r="DJ32" s="102">
        <v>2</v>
      </c>
      <c r="DK32" s="103">
        <v>5</v>
      </c>
      <c r="DL32" s="413">
        <v>0</v>
      </c>
      <c r="DM32" s="102">
        <v>2</v>
      </c>
      <c r="DN32" s="102">
        <v>3</v>
      </c>
      <c r="DO32" s="102">
        <v>2</v>
      </c>
      <c r="DP32" s="102">
        <v>3</v>
      </c>
      <c r="DQ32" s="102">
        <v>2</v>
      </c>
      <c r="DR32" s="103">
        <v>12</v>
      </c>
      <c r="DS32" s="104">
        <v>17</v>
      </c>
      <c r="DT32" s="101">
        <v>2</v>
      </c>
      <c r="DU32" s="102">
        <v>4</v>
      </c>
      <c r="DV32" s="103">
        <v>6</v>
      </c>
      <c r="DW32" s="413">
        <v>0</v>
      </c>
      <c r="DX32" s="102">
        <v>6</v>
      </c>
      <c r="DY32" s="102">
        <v>8</v>
      </c>
      <c r="DZ32" s="102">
        <v>4</v>
      </c>
      <c r="EA32" s="102">
        <v>3</v>
      </c>
      <c r="EB32" s="102">
        <v>2</v>
      </c>
      <c r="EC32" s="103">
        <v>23</v>
      </c>
      <c r="ED32" s="104">
        <v>29</v>
      </c>
      <c r="EE32" s="101">
        <v>3</v>
      </c>
      <c r="EF32" s="102">
        <v>9</v>
      </c>
      <c r="EG32" s="103">
        <v>12</v>
      </c>
      <c r="EH32" s="413">
        <v>0</v>
      </c>
      <c r="EI32" s="102">
        <v>7</v>
      </c>
      <c r="EJ32" s="102">
        <v>11</v>
      </c>
      <c r="EK32" s="102">
        <v>7</v>
      </c>
      <c r="EL32" s="102">
        <v>7</v>
      </c>
      <c r="EM32" s="102">
        <v>4</v>
      </c>
      <c r="EN32" s="103">
        <v>36</v>
      </c>
      <c r="EO32" s="104">
        <v>48</v>
      </c>
      <c r="EP32" s="101">
        <v>16</v>
      </c>
      <c r="EQ32" s="102">
        <v>15</v>
      </c>
      <c r="ER32" s="103">
        <v>31</v>
      </c>
      <c r="ES32" s="413">
        <v>0</v>
      </c>
      <c r="ET32" s="102">
        <v>25</v>
      </c>
      <c r="EU32" s="102">
        <v>17</v>
      </c>
      <c r="EV32" s="102">
        <v>25</v>
      </c>
      <c r="EW32" s="102">
        <v>11</v>
      </c>
      <c r="EX32" s="102">
        <v>11</v>
      </c>
      <c r="EY32" s="103">
        <v>89</v>
      </c>
      <c r="EZ32" s="104">
        <v>120</v>
      </c>
      <c r="FA32" s="101">
        <v>15</v>
      </c>
      <c r="FB32" s="102">
        <v>13</v>
      </c>
      <c r="FC32" s="103">
        <v>28</v>
      </c>
      <c r="FD32" s="413">
        <v>0</v>
      </c>
      <c r="FE32" s="102">
        <v>21</v>
      </c>
      <c r="FF32" s="102">
        <v>35</v>
      </c>
      <c r="FG32" s="102">
        <v>20</v>
      </c>
      <c r="FH32" s="102">
        <v>22</v>
      </c>
      <c r="FI32" s="102">
        <v>11</v>
      </c>
      <c r="FJ32" s="103">
        <v>109</v>
      </c>
      <c r="FK32" s="104">
        <v>137</v>
      </c>
      <c r="FL32" s="101">
        <v>5</v>
      </c>
      <c r="FM32" s="102">
        <v>13</v>
      </c>
      <c r="FN32" s="103">
        <v>18</v>
      </c>
      <c r="FO32" s="413">
        <v>0</v>
      </c>
      <c r="FP32" s="102">
        <v>28</v>
      </c>
      <c r="FQ32" s="102">
        <v>22</v>
      </c>
      <c r="FR32" s="102">
        <v>23</v>
      </c>
      <c r="FS32" s="102">
        <v>32</v>
      </c>
      <c r="FT32" s="102">
        <v>19</v>
      </c>
      <c r="FU32" s="103">
        <v>124</v>
      </c>
      <c r="FV32" s="104">
        <v>142</v>
      </c>
      <c r="FW32" s="101">
        <v>1</v>
      </c>
      <c r="FX32" s="102">
        <v>3</v>
      </c>
      <c r="FY32" s="103">
        <v>4</v>
      </c>
      <c r="FZ32" s="413">
        <v>0</v>
      </c>
      <c r="GA32" s="102">
        <v>0</v>
      </c>
      <c r="GB32" s="102">
        <v>1</v>
      </c>
      <c r="GC32" s="102">
        <v>2</v>
      </c>
      <c r="GD32" s="102">
        <v>1</v>
      </c>
      <c r="GE32" s="102">
        <v>1</v>
      </c>
      <c r="GF32" s="103">
        <v>5</v>
      </c>
      <c r="GG32" s="104">
        <v>9</v>
      </c>
      <c r="GH32" s="101">
        <v>45</v>
      </c>
      <c r="GI32" s="102">
        <v>59</v>
      </c>
      <c r="GJ32" s="103">
        <v>104</v>
      </c>
      <c r="GK32" s="413">
        <v>0</v>
      </c>
      <c r="GL32" s="102">
        <v>89</v>
      </c>
      <c r="GM32" s="102">
        <v>97</v>
      </c>
      <c r="GN32" s="102">
        <v>83</v>
      </c>
      <c r="GO32" s="102">
        <v>79</v>
      </c>
      <c r="GP32" s="102">
        <v>50</v>
      </c>
      <c r="GQ32" s="103">
        <v>398</v>
      </c>
      <c r="GR32" s="104">
        <v>502</v>
      </c>
      <c r="GS32" s="105">
        <v>69</v>
      </c>
      <c r="GT32" s="97">
        <v>75</v>
      </c>
      <c r="GU32" s="98">
        <v>144</v>
      </c>
      <c r="GV32" s="413">
        <v>0</v>
      </c>
      <c r="GW32" s="97">
        <v>132</v>
      </c>
      <c r="GX32" s="97">
        <v>147</v>
      </c>
      <c r="GY32" s="97">
        <v>126</v>
      </c>
      <c r="GZ32" s="97">
        <v>105</v>
      </c>
      <c r="HA32" s="97">
        <v>68</v>
      </c>
      <c r="HB32" s="99">
        <v>578</v>
      </c>
      <c r="HC32" s="100">
        <v>722</v>
      </c>
      <c r="HD32" s="101">
        <v>7</v>
      </c>
      <c r="HE32" s="102">
        <v>2</v>
      </c>
      <c r="HF32" s="103">
        <v>9</v>
      </c>
      <c r="HG32" s="416">
        <v>0</v>
      </c>
      <c r="HH32" s="102">
        <v>5</v>
      </c>
      <c r="HI32" s="102">
        <v>8</v>
      </c>
      <c r="HJ32" s="102">
        <v>4</v>
      </c>
      <c r="HK32" s="102">
        <v>4</v>
      </c>
      <c r="HL32" s="102">
        <v>4</v>
      </c>
      <c r="HM32" s="103">
        <v>25</v>
      </c>
      <c r="HN32" s="104">
        <v>34</v>
      </c>
      <c r="HO32" s="101">
        <v>4</v>
      </c>
      <c r="HP32" s="102">
        <v>8</v>
      </c>
      <c r="HQ32" s="103">
        <v>12</v>
      </c>
      <c r="HR32" s="413">
        <v>0</v>
      </c>
      <c r="HS32" s="102">
        <v>11</v>
      </c>
      <c r="HT32" s="102">
        <v>11</v>
      </c>
      <c r="HU32" s="102">
        <v>11</v>
      </c>
      <c r="HV32" s="102">
        <v>5</v>
      </c>
      <c r="HW32" s="102">
        <v>3</v>
      </c>
      <c r="HX32" s="103">
        <v>41</v>
      </c>
      <c r="HY32" s="104">
        <v>53</v>
      </c>
      <c r="HZ32" s="101">
        <v>4</v>
      </c>
      <c r="IA32" s="102">
        <v>10</v>
      </c>
      <c r="IB32" s="103">
        <v>14</v>
      </c>
      <c r="IC32" s="413">
        <v>0</v>
      </c>
      <c r="ID32" s="102">
        <v>19</v>
      </c>
      <c r="IE32" s="102">
        <v>19</v>
      </c>
      <c r="IF32" s="102">
        <v>13</v>
      </c>
      <c r="IG32" s="102">
        <v>12</v>
      </c>
      <c r="IH32" s="102">
        <v>8</v>
      </c>
      <c r="II32" s="103">
        <v>71</v>
      </c>
      <c r="IJ32" s="104">
        <v>85</v>
      </c>
      <c r="IK32" s="101">
        <v>27</v>
      </c>
      <c r="IL32" s="102">
        <v>24</v>
      </c>
      <c r="IM32" s="103">
        <v>51</v>
      </c>
      <c r="IN32" s="413">
        <v>0</v>
      </c>
      <c r="IO32" s="102">
        <v>35</v>
      </c>
      <c r="IP32" s="102">
        <v>26</v>
      </c>
      <c r="IQ32" s="102">
        <v>34</v>
      </c>
      <c r="IR32" s="102">
        <v>20</v>
      </c>
      <c r="IS32" s="102">
        <v>14</v>
      </c>
      <c r="IT32" s="103">
        <v>129</v>
      </c>
      <c r="IU32" s="104">
        <v>180</v>
      </c>
      <c r="IV32" s="101">
        <v>21</v>
      </c>
      <c r="IW32" s="102">
        <v>14</v>
      </c>
      <c r="IX32" s="103">
        <v>35</v>
      </c>
      <c r="IY32" s="413">
        <v>0</v>
      </c>
      <c r="IZ32" s="102">
        <v>29</v>
      </c>
      <c r="JA32" s="102">
        <v>44</v>
      </c>
      <c r="JB32" s="102">
        <v>35</v>
      </c>
      <c r="JC32" s="102">
        <v>27</v>
      </c>
      <c r="JD32" s="102">
        <v>13</v>
      </c>
      <c r="JE32" s="103">
        <v>148</v>
      </c>
      <c r="JF32" s="104">
        <v>183</v>
      </c>
      <c r="JG32" s="101">
        <v>6</v>
      </c>
      <c r="JH32" s="102">
        <v>17</v>
      </c>
      <c r="JI32" s="103">
        <v>23</v>
      </c>
      <c r="JJ32" s="413">
        <v>0</v>
      </c>
      <c r="JK32" s="102">
        <v>33</v>
      </c>
      <c r="JL32" s="102">
        <v>39</v>
      </c>
      <c r="JM32" s="102">
        <v>29</v>
      </c>
      <c r="JN32" s="102">
        <v>37</v>
      </c>
      <c r="JO32" s="102">
        <v>26</v>
      </c>
      <c r="JP32" s="103">
        <v>164</v>
      </c>
      <c r="JQ32" s="104">
        <v>187</v>
      </c>
      <c r="JR32" s="101">
        <v>3</v>
      </c>
      <c r="JS32" s="102">
        <v>5</v>
      </c>
      <c r="JT32" s="103">
        <v>8</v>
      </c>
      <c r="JU32" s="413">
        <v>0</v>
      </c>
      <c r="JV32" s="102">
        <v>2</v>
      </c>
      <c r="JW32" s="102">
        <v>2</v>
      </c>
      <c r="JX32" s="102">
        <v>3</v>
      </c>
      <c r="JY32" s="102">
        <v>1</v>
      </c>
      <c r="JZ32" s="102">
        <v>4</v>
      </c>
      <c r="KA32" s="103">
        <v>12</v>
      </c>
      <c r="KB32" s="104">
        <v>20</v>
      </c>
      <c r="KC32" s="101">
        <v>72</v>
      </c>
      <c r="KD32" s="102">
        <v>80</v>
      </c>
      <c r="KE32" s="103">
        <v>152</v>
      </c>
      <c r="KF32" s="413">
        <v>0</v>
      </c>
      <c r="KG32" s="102">
        <v>134</v>
      </c>
      <c r="KH32" s="102">
        <v>149</v>
      </c>
      <c r="KI32" s="102">
        <v>129</v>
      </c>
      <c r="KJ32" s="102">
        <v>106</v>
      </c>
      <c r="KK32" s="102">
        <v>72</v>
      </c>
      <c r="KL32" s="103">
        <v>590</v>
      </c>
      <c r="KM32" s="104">
        <v>742</v>
      </c>
    </row>
    <row r="33" spans="2:299" s="70" customFormat="1" ht="21" customHeight="1" x14ac:dyDescent="0.2">
      <c r="B33" s="106" t="s">
        <v>30</v>
      </c>
      <c r="C33" s="96">
        <v>31</v>
      </c>
      <c r="D33" s="97">
        <v>15</v>
      </c>
      <c r="E33" s="98">
        <v>46</v>
      </c>
      <c r="F33" s="413">
        <v>0</v>
      </c>
      <c r="G33" s="97">
        <v>42</v>
      </c>
      <c r="H33" s="97">
        <v>27</v>
      </c>
      <c r="I33" s="97">
        <v>24</v>
      </c>
      <c r="J33" s="97">
        <v>26</v>
      </c>
      <c r="K33" s="97">
        <v>13</v>
      </c>
      <c r="L33" s="99">
        <v>132</v>
      </c>
      <c r="M33" s="100">
        <v>178</v>
      </c>
      <c r="N33" s="101">
        <v>2</v>
      </c>
      <c r="O33" s="102">
        <v>2</v>
      </c>
      <c r="P33" s="103">
        <v>4</v>
      </c>
      <c r="Q33" s="413">
        <v>0</v>
      </c>
      <c r="R33" s="102">
        <v>1</v>
      </c>
      <c r="S33" s="102">
        <v>1</v>
      </c>
      <c r="T33" s="102">
        <v>0</v>
      </c>
      <c r="U33" s="102">
        <v>4</v>
      </c>
      <c r="V33" s="102">
        <v>2</v>
      </c>
      <c r="W33" s="103">
        <v>8</v>
      </c>
      <c r="X33" s="104">
        <v>12</v>
      </c>
      <c r="Y33" s="101">
        <v>7</v>
      </c>
      <c r="Z33" s="102">
        <v>3</v>
      </c>
      <c r="AA33" s="103">
        <v>10</v>
      </c>
      <c r="AB33" s="413">
        <v>0</v>
      </c>
      <c r="AC33" s="102">
        <v>4</v>
      </c>
      <c r="AD33" s="102">
        <v>6</v>
      </c>
      <c r="AE33" s="102">
        <v>3</v>
      </c>
      <c r="AF33" s="102">
        <v>2</v>
      </c>
      <c r="AG33" s="102">
        <v>1</v>
      </c>
      <c r="AH33" s="103">
        <v>16</v>
      </c>
      <c r="AI33" s="104">
        <v>26</v>
      </c>
      <c r="AJ33" s="101">
        <v>4</v>
      </c>
      <c r="AK33" s="102">
        <v>3</v>
      </c>
      <c r="AL33" s="103">
        <v>7</v>
      </c>
      <c r="AM33" s="413">
        <v>0</v>
      </c>
      <c r="AN33" s="102">
        <v>4</v>
      </c>
      <c r="AO33" s="102">
        <v>4</v>
      </c>
      <c r="AP33" s="102">
        <v>4</v>
      </c>
      <c r="AQ33" s="102">
        <v>7</v>
      </c>
      <c r="AR33" s="102">
        <v>3</v>
      </c>
      <c r="AS33" s="103">
        <v>22</v>
      </c>
      <c r="AT33" s="104">
        <v>29</v>
      </c>
      <c r="AU33" s="101">
        <v>10</v>
      </c>
      <c r="AV33" s="102">
        <v>1</v>
      </c>
      <c r="AW33" s="103">
        <v>11</v>
      </c>
      <c r="AX33" s="413">
        <v>0</v>
      </c>
      <c r="AY33" s="102">
        <v>14</v>
      </c>
      <c r="AZ33" s="102">
        <v>4</v>
      </c>
      <c r="BA33" s="102">
        <v>5</v>
      </c>
      <c r="BB33" s="102">
        <v>4</v>
      </c>
      <c r="BC33" s="102">
        <v>2</v>
      </c>
      <c r="BD33" s="103">
        <v>29</v>
      </c>
      <c r="BE33" s="104">
        <v>40</v>
      </c>
      <c r="BF33" s="101">
        <v>3</v>
      </c>
      <c r="BG33" s="102">
        <v>2</v>
      </c>
      <c r="BH33" s="103">
        <v>5</v>
      </c>
      <c r="BI33" s="413">
        <v>0</v>
      </c>
      <c r="BJ33" s="102">
        <v>11</v>
      </c>
      <c r="BK33" s="102">
        <v>7</v>
      </c>
      <c r="BL33" s="102">
        <v>6</v>
      </c>
      <c r="BM33" s="102">
        <v>3</v>
      </c>
      <c r="BN33" s="102">
        <v>1</v>
      </c>
      <c r="BO33" s="103">
        <v>28</v>
      </c>
      <c r="BP33" s="104">
        <v>33</v>
      </c>
      <c r="BQ33" s="101">
        <v>5</v>
      </c>
      <c r="BR33" s="102">
        <v>4</v>
      </c>
      <c r="BS33" s="103">
        <v>9</v>
      </c>
      <c r="BT33" s="413">
        <v>0</v>
      </c>
      <c r="BU33" s="102">
        <v>8</v>
      </c>
      <c r="BV33" s="102">
        <v>5</v>
      </c>
      <c r="BW33" s="102">
        <v>6</v>
      </c>
      <c r="BX33" s="102">
        <v>6</v>
      </c>
      <c r="BY33" s="102">
        <v>4</v>
      </c>
      <c r="BZ33" s="103">
        <v>29</v>
      </c>
      <c r="CA33" s="104">
        <v>38</v>
      </c>
      <c r="CB33" s="101">
        <v>1</v>
      </c>
      <c r="CC33" s="102">
        <v>1</v>
      </c>
      <c r="CD33" s="103">
        <v>2</v>
      </c>
      <c r="CE33" s="413">
        <v>0</v>
      </c>
      <c r="CF33" s="102">
        <v>1</v>
      </c>
      <c r="CG33" s="102">
        <v>4</v>
      </c>
      <c r="CH33" s="102">
        <v>0</v>
      </c>
      <c r="CI33" s="102">
        <v>0</v>
      </c>
      <c r="CJ33" s="102">
        <v>0</v>
      </c>
      <c r="CK33" s="103">
        <v>5</v>
      </c>
      <c r="CL33" s="104">
        <v>7</v>
      </c>
      <c r="CM33" s="101">
        <v>32</v>
      </c>
      <c r="CN33" s="102">
        <v>16</v>
      </c>
      <c r="CO33" s="103">
        <v>48</v>
      </c>
      <c r="CP33" s="413">
        <v>0</v>
      </c>
      <c r="CQ33" s="102">
        <v>43</v>
      </c>
      <c r="CR33" s="102">
        <v>31</v>
      </c>
      <c r="CS33" s="102">
        <v>24</v>
      </c>
      <c r="CT33" s="102">
        <v>26</v>
      </c>
      <c r="CU33" s="102">
        <v>13</v>
      </c>
      <c r="CV33" s="103">
        <v>137</v>
      </c>
      <c r="CW33" s="104">
        <v>185</v>
      </c>
      <c r="CX33" s="105">
        <v>42</v>
      </c>
      <c r="CY33" s="97">
        <v>28</v>
      </c>
      <c r="CZ33" s="98">
        <v>70</v>
      </c>
      <c r="DA33" s="413">
        <v>0</v>
      </c>
      <c r="DB33" s="97">
        <v>100</v>
      </c>
      <c r="DC33" s="97">
        <v>64</v>
      </c>
      <c r="DD33" s="97">
        <v>68</v>
      </c>
      <c r="DE33" s="97">
        <v>69</v>
      </c>
      <c r="DF33" s="97">
        <v>39</v>
      </c>
      <c r="DG33" s="99">
        <v>340</v>
      </c>
      <c r="DH33" s="100">
        <v>410</v>
      </c>
      <c r="DI33" s="101">
        <v>2</v>
      </c>
      <c r="DJ33" s="102">
        <v>0</v>
      </c>
      <c r="DK33" s="103">
        <v>2</v>
      </c>
      <c r="DL33" s="413">
        <v>0</v>
      </c>
      <c r="DM33" s="102">
        <v>1</v>
      </c>
      <c r="DN33" s="102">
        <v>1</v>
      </c>
      <c r="DO33" s="102">
        <v>0</v>
      </c>
      <c r="DP33" s="102">
        <v>0</v>
      </c>
      <c r="DQ33" s="102">
        <v>2</v>
      </c>
      <c r="DR33" s="103">
        <v>4</v>
      </c>
      <c r="DS33" s="104">
        <v>6</v>
      </c>
      <c r="DT33" s="101">
        <v>4</v>
      </c>
      <c r="DU33" s="102">
        <v>1</v>
      </c>
      <c r="DV33" s="103">
        <v>5</v>
      </c>
      <c r="DW33" s="413">
        <v>0</v>
      </c>
      <c r="DX33" s="102">
        <v>1</v>
      </c>
      <c r="DY33" s="102">
        <v>2</v>
      </c>
      <c r="DZ33" s="102">
        <v>1</v>
      </c>
      <c r="EA33" s="102">
        <v>3</v>
      </c>
      <c r="EB33" s="102">
        <v>3</v>
      </c>
      <c r="EC33" s="103">
        <v>10</v>
      </c>
      <c r="ED33" s="104">
        <v>15</v>
      </c>
      <c r="EE33" s="101">
        <v>9</v>
      </c>
      <c r="EF33" s="102">
        <v>4</v>
      </c>
      <c r="EG33" s="103">
        <v>13</v>
      </c>
      <c r="EH33" s="413">
        <v>0</v>
      </c>
      <c r="EI33" s="102">
        <v>6</v>
      </c>
      <c r="EJ33" s="102">
        <v>10</v>
      </c>
      <c r="EK33" s="102">
        <v>9</v>
      </c>
      <c r="EL33" s="102">
        <v>3</v>
      </c>
      <c r="EM33" s="102">
        <v>1</v>
      </c>
      <c r="EN33" s="103">
        <v>29</v>
      </c>
      <c r="EO33" s="104">
        <v>42</v>
      </c>
      <c r="EP33" s="101">
        <v>12</v>
      </c>
      <c r="EQ33" s="102">
        <v>8</v>
      </c>
      <c r="ER33" s="103">
        <v>20</v>
      </c>
      <c r="ES33" s="413">
        <v>0</v>
      </c>
      <c r="ET33" s="102">
        <v>29</v>
      </c>
      <c r="EU33" s="102">
        <v>13</v>
      </c>
      <c r="EV33" s="102">
        <v>12</v>
      </c>
      <c r="EW33" s="102">
        <v>9</v>
      </c>
      <c r="EX33" s="102">
        <v>8</v>
      </c>
      <c r="EY33" s="103">
        <v>71</v>
      </c>
      <c r="EZ33" s="104">
        <v>91</v>
      </c>
      <c r="FA33" s="101">
        <v>10</v>
      </c>
      <c r="FB33" s="102">
        <v>9</v>
      </c>
      <c r="FC33" s="103">
        <v>19</v>
      </c>
      <c r="FD33" s="413">
        <v>0</v>
      </c>
      <c r="FE33" s="102">
        <v>28</v>
      </c>
      <c r="FF33" s="102">
        <v>15</v>
      </c>
      <c r="FG33" s="102">
        <v>9</v>
      </c>
      <c r="FH33" s="102">
        <v>15</v>
      </c>
      <c r="FI33" s="102">
        <v>9</v>
      </c>
      <c r="FJ33" s="103">
        <v>76</v>
      </c>
      <c r="FK33" s="104">
        <v>95</v>
      </c>
      <c r="FL33" s="101">
        <v>5</v>
      </c>
      <c r="FM33" s="102">
        <v>6</v>
      </c>
      <c r="FN33" s="103">
        <v>11</v>
      </c>
      <c r="FO33" s="413">
        <v>0</v>
      </c>
      <c r="FP33" s="102">
        <v>35</v>
      </c>
      <c r="FQ33" s="102">
        <v>23</v>
      </c>
      <c r="FR33" s="102">
        <v>37</v>
      </c>
      <c r="FS33" s="102">
        <v>39</v>
      </c>
      <c r="FT33" s="102">
        <v>16</v>
      </c>
      <c r="FU33" s="103">
        <v>150</v>
      </c>
      <c r="FV33" s="104">
        <v>161</v>
      </c>
      <c r="FW33" s="101">
        <v>0</v>
      </c>
      <c r="FX33" s="102">
        <v>1</v>
      </c>
      <c r="FY33" s="103">
        <v>1</v>
      </c>
      <c r="FZ33" s="413">
        <v>0</v>
      </c>
      <c r="GA33" s="102">
        <v>1</v>
      </c>
      <c r="GB33" s="102">
        <v>0</v>
      </c>
      <c r="GC33" s="102">
        <v>2</v>
      </c>
      <c r="GD33" s="102">
        <v>2</v>
      </c>
      <c r="GE33" s="102">
        <v>0</v>
      </c>
      <c r="GF33" s="103">
        <v>5</v>
      </c>
      <c r="GG33" s="104">
        <v>6</v>
      </c>
      <c r="GH33" s="101">
        <v>42</v>
      </c>
      <c r="GI33" s="102">
        <v>29</v>
      </c>
      <c r="GJ33" s="103">
        <v>71</v>
      </c>
      <c r="GK33" s="413">
        <v>0</v>
      </c>
      <c r="GL33" s="102">
        <v>101</v>
      </c>
      <c r="GM33" s="102">
        <v>64</v>
      </c>
      <c r="GN33" s="102">
        <v>70</v>
      </c>
      <c r="GO33" s="102">
        <v>71</v>
      </c>
      <c r="GP33" s="102">
        <v>39</v>
      </c>
      <c r="GQ33" s="103">
        <v>345</v>
      </c>
      <c r="GR33" s="104">
        <v>416</v>
      </c>
      <c r="GS33" s="105">
        <v>73</v>
      </c>
      <c r="GT33" s="97">
        <v>43</v>
      </c>
      <c r="GU33" s="98">
        <v>116</v>
      </c>
      <c r="GV33" s="413">
        <v>0</v>
      </c>
      <c r="GW33" s="97">
        <v>142</v>
      </c>
      <c r="GX33" s="97">
        <v>91</v>
      </c>
      <c r="GY33" s="97">
        <v>92</v>
      </c>
      <c r="GZ33" s="97">
        <v>95</v>
      </c>
      <c r="HA33" s="97">
        <v>52</v>
      </c>
      <c r="HB33" s="99">
        <v>472</v>
      </c>
      <c r="HC33" s="100">
        <v>588</v>
      </c>
      <c r="HD33" s="101">
        <v>4</v>
      </c>
      <c r="HE33" s="102">
        <v>2</v>
      </c>
      <c r="HF33" s="103">
        <v>6</v>
      </c>
      <c r="HG33" s="416">
        <v>0</v>
      </c>
      <c r="HH33" s="102">
        <v>2</v>
      </c>
      <c r="HI33" s="102">
        <v>2</v>
      </c>
      <c r="HJ33" s="102">
        <v>0</v>
      </c>
      <c r="HK33" s="102">
        <v>4</v>
      </c>
      <c r="HL33" s="102">
        <v>4</v>
      </c>
      <c r="HM33" s="103">
        <v>12</v>
      </c>
      <c r="HN33" s="104">
        <v>18</v>
      </c>
      <c r="HO33" s="101">
        <v>11</v>
      </c>
      <c r="HP33" s="102">
        <v>4</v>
      </c>
      <c r="HQ33" s="103">
        <v>15</v>
      </c>
      <c r="HR33" s="413">
        <v>0</v>
      </c>
      <c r="HS33" s="102">
        <v>5</v>
      </c>
      <c r="HT33" s="102">
        <v>8</v>
      </c>
      <c r="HU33" s="102">
        <v>4</v>
      </c>
      <c r="HV33" s="102">
        <v>5</v>
      </c>
      <c r="HW33" s="102">
        <v>4</v>
      </c>
      <c r="HX33" s="103">
        <v>26</v>
      </c>
      <c r="HY33" s="104">
        <v>41</v>
      </c>
      <c r="HZ33" s="101">
        <v>13</v>
      </c>
      <c r="IA33" s="102">
        <v>7</v>
      </c>
      <c r="IB33" s="103">
        <v>20</v>
      </c>
      <c r="IC33" s="413">
        <v>0</v>
      </c>
      <c r="ID33" s="102">
        <v>10</v>
      </c>
      <c r="IE33" s="102">
        <v>14</v>
      </c>
      <c r="IF33" s="102">
        <v>13</v>
      </c>
      <c r="IG33" s="102">
        <v>10</v>
      </c>
      <c r="IH33" s="102">
        <v>4</v>
      </c>
      <c r="II33" s="103">
        <v>51</v>
      </c>
      <c r="IJ33" s="104">
        <v>71</v>
      </c>
      <c r="IK33" s="101">
        <v>22</v>
      </c>
      <c r="IL33" s="102">
        <v>9</v>
      </c>
      <c r="IM33" s="103">
        <v>31</v>
      </c>
      <c r="IN33" s="413">
        <v>0</v>
      </c>
      <c r="IO33" s="102">
        <v>43</v>
      </c>
      <c r="IP33" s="102">
        <v>17</v>
      </c>
      <c r="IQ33" s="102">
        <v>17</v>
      </c>
      <c r="IR33" s="102">
        <v>13</v>
      </c>
      <c r="IS33" s="102">
        <v>10</v>
      </c>
      <c r="IT33" s="103">
        <v>100</v>
      </c>
      <c r="IU33" s="104">
        <v>131</v>
      </c>
      <c r="IV33" s="101">
        <v>13</v>
      </c>
      <c r="IW33" s="102">
        <v>11</v>
      </c>
      <c r="IX33" s="103">
        <v>24</v>
      </c>
      <c r="IY33" s="413">
        <v>0</v>
      </c>
      <c r="IZ33" s="102">
        <v>39</v>
      </c>
      <c r="JA33" s="102">
        <v>22</v>
      </c>
      <c r="JB33" s="102">
        <v>15</v>
      </c>
      <c r="JC33" s="102">
        <v>18</v>
      </c>
      <c r="JD33" s="102">
        <v>10</v>
      </c>
      <c r="JE33" s="103">
        <v>104</v>
      </c>
      <c r="JF33" s="104">
        <v>128</v>
      </c>
      <c r="JG33" s="101">
        <v>10</v>
      </c>
      <c r="JH33" s="102">
        <v>10</v>
      </c>
      <c r="JI33" s="103">
        <v>20</v>
      </c>
      <c r="JJ33" s="413">
        <v>0</v>
      </c>
      <c r="JK33" s="102">
        <v>43</v>
      </c>
      <c r="JL33" s="102">
        <v>28</v>
      </c>
      <c r="JM33" s="102">
        <v>43</v>
      </c>
      <c r="JN33" s="102">
        <v>45</v>
      </c>
      <c r="JO33" s="102">
        <v>20</v>
      </c>
      <c r="JP33" s="103">
        <v>179</v>
      </c>
      <c r="JQ33" s="104">
        <v>199</v>
      </c>
      <c r="JR33" s="101">
        <v>1</v>
      </c>
      <c r="JS33" s="102">
        <v>2</v>
      </c>
      <c r="JT33" s="103">
        <v>3</v>
      </c>
      <c r="JU33" s="413">
        <v>0</v>
      </c>
      <c r="JV33" s="102">
        <v>2</v>
      </c>
      <c r="JW33" s="102">
        <v>4</v>
      </c>
      <c r="JX33" s="102">
        <v>2</v>
      </c>
      <c r="JY33" s="102">
        <v>2</v>
      </c>
      <c r="JZ33" s="102">
        <v>0</v>
      </c>
      <c r="KA33" s="103">
        <v>10</v>
      </c>
      <c r="KB33" s="104">
        <v>13</v>
      </c>
      <c r="KC33" s="101">
        <v>74</v>
      </c>
      <c r="KD33" s="102">
        <v>45</v>
      </c>
      <c r="KE33" s="103">
        <v>119</v>
      </c>
      <c r="KF33" s="413">
        <v>0</v>
      </c>
      <c r="KG33" s="102">
        <v>144</v>
      </c>
      <c r="KH33" s="102">
        <v>95</v>
      </c>
      <c r="KI33" s="102">
        <v>94</v>
      </c>
      <c r="KJ33" s="102">
        <v>97</v>
      </c>
      <c r="KK33" s="102">
        <v>52</v>
      </c>
      <c r="KL33" s="103">
        <v>482</v>
      </c>
      <c r="KM33" s="104">
        <v>601</v>
      </c>
    </row>
    <row r="34" spans="2:299" s="70" customFormat="1" ht="21" customHeight="1" x14ac:dyDescent="0.2">
      <c r="B34" s="106" t="s">
        <v>31</v>
      </c>
      <c r="C34" s="96">
        <v>24</v>
      </c>
      <c r="D34" s="97">
        <v>38</v>
      </c>
      <c r="E34" s="98">
        <v>62</v>
      </c>
      <c r="F34" s="413">
        <v>0</v>
      </c>
      <c r="G34" s="97">
        <v>54</v>
      </c>
      <c r="H34" s="97">
        <v>45</v>
      </c>
      <c r="I34" s="97">
        <v>46</v>
      </c>
      <c r="J34" s="97">
        <v>39</v>
      </c>
      <c r="K34" s="97">
        <v>14</v>
      </c>
      <c r="L34" s="99">
        <v>198</v>
      </c>
      <c r="M34" s="100">
        <v>260</v>
      </c>
      <c r="N34" s="101">
        <v>2</v>
      </c>
      <c r="O34" s="102">
        <v>3</v>
      </c>
      <c r="P34" s="103">
        <v>5</v>
      </c>
      <c r="Q34" s="413">
        <v>0</v>
      </c>
      <c r="R34" s="102">
        <v>0</v>
      </c>
      <c r="S34" s="102">
        <v>3</v>
      </c>
      <c r="T34" s="102">
        <v>4</v>
      </c>
      <c r="U34" s="102">
        <v>2</v>
      </c>
      <c r="V34" s="102">
        <v>1</v>
      </c>
      <c r="W34" s="103">
        <v>10</v>
      </c>
      <c r="X34" s="104">
        <v>15</v>
      </c>
      <c r="Y34" s="101">
        <v>1</v>
      </c>
      <c r="Z34" s="102">
        <v>4</v>
      </c>
      <c r="AA34" s="103">
        <v>5</v>
      </c>
      <c r="AB34" s="413">
        <v>0</v>
      </c>
      <c r="AC34" s="102">
        <v>8</v>
      </c>
      <c r="AD34" s="102">
        <v>5</v>
      </c>
      <c r="AE34" s="102">
        <v>7</v>
      </c>
      <c r="AF34" s="102">
        <v>5</v>
      </c>
      <c r="AG34" s="102">
        <v>3</v>
      </c>
      <c r="AH34" s="103">
        <v>28</v>
      </c>
      <c r="AI34" s="104">
        <v>33</v>
      </c>
      <c r="AJ34" s="101">
        <v>4</v>
      </c>
      <c r="AK34" s="102">
        <v>7</v>
      </c>
      <c r="AL34" s="103">
        <v>11</v>
      </c>
      <c r="AM34" s="413">
        <v>0</v>
      </c>
      <c r="AN34" s="102">
        <v>10</v>
      </c>
      <c r="AO34" s="102">
        <v>12</v>
      </c>
      <c r="AP34" s="102">
        <v>6</v>
      </c>
      <c r="AQ34" s="102">
        <v>8</v>
      </c>
      <c r="AR34" s="102">
        <v>5</v>
      </c>
      <c r="AS34" s="103">
        <v>41</v>
      </c>
      <c r="AT34" s="104">
        <v>52</v>
      </c>
      <c r="AU34" s="101">
        <v>6</v>
      </c>
      <c r="AV34" s="102">
        <v>8</v>
      </c>
      <c r="AW34" s="103">
        <v>14</v>
      </c>
      <c r="AX34" s="413">
        <v>0</v>
      </c>
      <c r="AY34" s="102">
        <v>12</v>
      </c>
      <c r="AZ34" s="102">
        <v>9</v>
      </c>
      <c r="BA34" s="102">
        <v>7</v>
      </c>
      <c r="BB34" s="102">
        <v>4</v>
      </c>
      <c r="BC34" s="102">
        <v>0</v>
      </c>
      <c r="BD34" s="103">
        <v>32</v>
      </c>
      <c r="BE34" s="104">
        <v>46</v>
      </c>
      <c r="BF34" s="101">
        <v>6</v>
      </c>
      <c r="BG34" s="102">
        <v>9</v>
      </c>
      <c r="BH34" s="103">
        <v>15</v>
      </c>
      <c r="BI34" s="413">
        <v>0</v>
      </c>
      <c r="BJ34" s="102">
        <v>16</v>
      </c>
      <c r="BK34" s="102">
        <v>10</v>
      </c>
      <c r="BL34" s="102">
        <v>10</v>
      </c>
      <c r="BM34" s="102">
        <v>11</v>
      </c>
      <c r="BN34" s="102">
        <v>2</v>
      </c>
      <c r="BO34" s="103">
        <v>49</v>
      </c>
      <c r="BP34" s="104">
        <v>64</v>
      </c>
      <c r="BQ34" s="101">
        <v>5</v>
      </c>
      <c r="BR34" s="102">
        <v>7</v>
      </c>
      <c r="BS34" s="103">
        <v>12</v>
      </c>
      <c r="BT34" s="413">
        <v>0</v>
      </c>
      <c r="BU34" s="102">
        <v>8</v>
      </c>
      <c r="BV34" s="102">
        <v>6</v>
      </c>
      <c r="BW34" s="102">
        <v>12</v>
      </c>
      <c r="BX34" s="102">
        <v>9</v>
      </c>
      <c r="BY34" s="102">
        <v>3</v>
      </c>
      <c r="BZ34" s="103">
        <v>38</v>
      </c>
      <c r="CA34" s="104">
        <v>50</v>
      </c>
      <c r="CB34" s="101">
        <v>0</v>
      </c>
      <c r="CC34" s="102">
        <v>3</v>
      </c>
      <c r="CD34" s="103">
        <v>3</v>
      </c>
      <c r="CE34" s="413">
        <v>0</v>
      </c>
      <c r="CF34" s="102">
        <v>1</v>
      </c>
      <c r="CG34" s="102">
        <v>0</v>
      </c>
      <c r="CH34" s="102">
        <v>1</v>
      </c>
      <c r="CI34" s="102">
        <v>1</v>
      </c>
      <c r="CJ34" s="102">
        <v>1</v>
      </c>
      <c r="CK34" s="103">
        <v>4</v>
      </c>
      <c r="CL34" s="104">
        <v>7</v>
      </c>
      <c r="CM34" s="101">
        <v>24</v>
      </c>
      <c r="CN34" s="102">
        <v>41</v>
      </c>
      <c r="CO34" s="103">
        <v>65</v>
      </c>
      <c r="CP34" s="413">
        <v>0</v>
      </c>
      <c r="CQ34" s="102">
        <v>55</v>
      </c>
      <c r="CR34" s="102">
        <v>45</v>
      </c>
      <c r="CS34" s="102">
        <v>47</v>
      </c>
      <c r="CT34" s="102">
        <v>40</v>
      </c>
      <c r="CU34" s="102">
        <v>15</v>
      </c>
      <c r="CV34" s="103">
        <v>202</v>
      </c>
      <c r="CW34" s="104">
        <v>267</v>
      </c>
      <c r="CX34" s="105">
        <v>56</v>
      </c>
      <c r="CY34" s="97">
        <v>89</v>
      </c>
      <c r="CZ34" s="98">
        <v>145</v>
      </c>
      <c r="DA34" s="413">
        <v>0</v>
      </c>
      <c r="DB34" s="97">
        <v>108</v>
      </c>
      <c r="DC34" s="97">
        <v>92</v>
      </c>
      <c r="DD34" s="97">
        <v>76</v>
      </c>
      <c r="DE34" s="97">
        <v>58</v>
      </c>
      <c r="DF34" s="97">
        <v>38</v>
      </c>
      <c r="DG34" s="99">
        <v>372</v>
      </c>
      <c r="DH34" s="100">
        <v>517</v>
      </c>
      <c r="DI34" s="101">
        <v>2</v>
      </c>
      <c r="DJ34" s="102">
        <v>0</v>
      </c>
      <c r="DK34" s="103">
        <v>2</v>
      </c>
      <c r="DL34" s="413">
        <v>0</v>
      </c>
      <c r="DM34" s="102">
        <v>1</v>
      </c>
      <c r="DN34" s="102">
        <v>2</v>
      </c>
      <c r="DO34" s="102">
        <v>1</v>
      </c>
      <c r="DP34" s="102">
        <v>1</v>
      </c>
      <c r="DQ34" s="102">
        <v>2</v>
      </c>
      <c r="DR34" s="103">
        <v>7</v>
      </c>
      <c r="DS34" s="104">
        <v>9</v>
      </c>
      <c r="DT34" s="101">
        <v>2</v>
      </c>
      <c r="DU34" s="102">
        <v>3</v>
      </c>
      <c r="DV34" s="103">
        <v>5</v>
      </c>
      <c r="DW34" s="413">
        <v>0</v>
      </c>
      <c r="DX34" s="102">
        <v>7</v>
      </c>
      <c r="DY34" s="102">
        <v>6</v>
      </c>
      <c r="DZ34" s="102">
        <v>6</v>
      </c>
      <c r="EA34" s="102">
        <v>2</v>
      </c>
      <c r="EB34" s="102">
        <v>4</v>
      </c>
      <c r="EC34" s="103">
        <v>25</v>
      </c>
      <c r="ED34" s="104">
        <v>30</v>
      </c>
      <c r="EE34" s="101">
        <v>6</v>
      </c>
      <c r="EF34" s="102">
        <v>7</v>
      </c>
      <c r="EG34" s="103">
        <v>13</v>
      </c>
      <c r="EH34" s="413">
        <v>0</v>
      </c>
      <c r="EI34" s="102">
        <v>16</v>
      </c>
      <c r="EJ34" s="102">
        <v>8</v>
      </c>
      <c r="EK34" s="102">
        <v>5</v>
      </c>
      <c r="EL34" s="102">
        <v>5</v>
      </c>
      <c r="EM34" s="102">
        <v>3</v>
      </c>
      <c r="EN34" s="103">
        <v>37</v>
      </c>
      <c r="EO34" s="104">
        <v>50</v>
      </c>
      <c r="EP34" s="101">
        <v>15</v>
      </c>
      <c r="EQ34" s="102">
        <v>32</v>
      </c>
      <c r="ER34" s="103">
        <v>47</v>
      </c>
      <c r="ES34" s="413">
        <v>0</v>
      </c>
      <c r="ET34" s="102">
        <v>16</v>
      </c>
      <c r="EU34" s="102">
        <v>16</v>
      </c>
      <c r="EV34" s="102">
        <v>14</v>
      </c>
      <c r="EW34" s="102">
        <v>5</v>
      </c>
      <c r="EX34" s="102">
        <v>4</v>
      </c>
      <c r="EY34" s="103">
        <v>55</v>
      </c>
      <c r="EZ34" s="104">
        <v>102</v>
      </c>
      <c r="FA34" s="101">
        <v>21</v>
      </c>
      <c r="FB34" s="102">
        <v>23</v>
      </c>
      <c r="FC34" s="103">
        <v>44</v>
      </c>
      <c r="FD34" s="413">
        <v>0</v>
      </c>
      <c r="FE34" s="102">
        <v>31</v>
      </c>
      <c r="FF34" s="102">
        <v>24</v>
      </c>
      <c r="FG34" s="102">
        <v>21</v>
      </c>
      <c r="FH34" s="102">
        <v>11</v>
      </c>
      <c r="FI34" s="102">
        <v>9</v>
      </c>
      <c r="FJ34" s="103">
        <v>96</v>
      </c>
      <c r="FK34" s="104">
        <v>140</v>
      </c>
      <c r="FL34" s="101">
        <v>10</v>
      </c>
      <c r="FM34" s="102">
        <v>24</v>
      </c>
      <c r="FN34" s="103">
        <v>34</v>
      </c>
      <c r="FO34" s="413">
        <v>0</v>
      </c>
      <c r="FP34" s="102">
        <v>37</v>
      </c>
      <c r="FQ34" s="102">
        <v>36</v>
      </c>
      <c r="FR34" s="102">
        <v>29</v>
      </c>
      <c r="FS34" s="102">
        <v>34</v>
      </c>
      <c r="FT34" s="102">
        <v>16</v>
      </c>
      <c r="FU34" s="103">
        <v>152</v>
      </c>
      <c r="FV34" s="104">
        <v>186</v>
      </c>
      <c r="FW34" s="101">
        <v>0</v>
      </c>
      <c r="FX34" s="102">
        <v>0</v>
      </c>
      <c r="FY34" s="103">
        <v>0</v>
      </c>
      <c r="FZ34" s="413">
        <v>0</v>
      </c>
      <c r="GA34" s="102">
        <v>1</v>
      </c>
      <c r="GB34" s="102">
        <v>0</v>
      </c>
      <c r="GC34" s="102">
        <v>0</v>
      </c>
      <c r="GD34" s="102">
        <v>1</v>
      </c>
      <c r="GE34" s="102">
        <v>2</v>
      </c>
      <c r="GF34" s="103">
        <v>4</v>
      </c>
      <c r="GG34" s="104">
        <v>4</v>
      </c>
      <c r="GH34" s="101">
        <v>56</v>
      </c>
      <c r="GI34" s="102">
        <v>89</v>
      </c>
      <c r="GJ34" s="103">
        <v>145</v>
      </c>
      <c r="GK34" s="413">
        <v>0</v>
      </c>
      <c r="GL34" s="102">
        <v>109</v>
      </c>
      <c r="GM34" s="102">
        <v>92</v>
      </c>
      <c r="GN34" s="102">
        <v>76</v>
      </c>
      <c r="GO34" s="102">
        <v>59</v>
      </c>
      <c r="GP34" s="102">
        <v>40</v>
      </c>
      <c r="GQ34" s="103">
        <v>376</v>
      </c>
      <c r="GR34" s="104">
        <v>521</v>
      </c>
      <c r="GS34" s="105">
        <v>80</v>
      </c>
      <c r="GT34" s="97">
        <v>127</v>
      </c>
      <c r="GU34" s="98">
        <v>207</v>
      </c>
      <c r="GV34" s="413">
        <v>0</v>
      </c>
      <c r="GW34" s="97">
        <v>162</v>
      </c>
      <c r="GX34" s="97">
        <v>137</v>
      </c>
      <c r="GY34" s="97">
        <v>122</v>
      </c>
      <c r="GZ34" s="97">
        <v>97</v>
      </c>
      <c r="HA34" s="97">
        <v>52</v>
      </c>
      <c r="HB34" s="99">
        <v>570</v>
      </c>
      <c r="HC34" s="100">
        <v>777</v>
      </c>
      <c r="HD34" s="101">
        <v>4</v>
      </c>
      <c r="HE34" s="102">
        <v>3</v>
      </c>
      <c r="HF34" s="103">
        <v>7</v>
      </c>
      <c r="HG34" s="416">
        <v>0</v>
      </c>
      <c r="HH34" s="102">
        <v>1</v>
      </c>
      <c r="HI34" s="102">
        <v>5</v>
      </c>
      <c r="HJ34" s="102">
        <v>5</v>
      </c>
      <c r="HK34" s="102">
        <v>3</v>
      </c>
      <c r="HL34" s="102">
        <v>3</v>
      </c>
      <c r="HM34" s="103">
        <v>17</v>
      </c>
      <c r="HN34" s="104">
        <v>24</v>
      </c>
      <c r="HO34" s="101">
        <v>3</v>
      </c>
      <c r="HP34" s="102">
        <v>7</v>
      </c>
      <c r="HQ34" s="103">
        <v>10</v>
      </c>
      <c r="HR34" s="413">
        <v>0</v>
      </c>
      <c r="HS34" s="102">
        <v>15</v>
      </c>
      <c r="HT34" s="102">
        <v>11</v>
      </c>
      <c r="HU34" s="102">
        <v>13</v>
      </c>
      <c r="HV34" s="102">
        <v>7</v>
      </c>
      <c r="HW34" s="102">
        <v>7</v>
      </c>
      <c r="HX34" s="103">
        <v>53</v>
      </c>
      <c r="HY34" s="104">
        <v>63</v>
      </c>
      <c r="HZ34" s="101">
        <v>10</v>
      </c>
      <c r="IA34" s="102">
        <v>14</v>
      </c>
      <c r="IB34" s="103">
        <v>24</v>
      </c>
      <c r="IC34" s="413">
        <v>0</v>
      </c>
      <c r="ID34" s="102">
        <v>26</v>
      </c>
      <c r="IE34" s="102">
        <v>20</v>
      </c>
      <c r="IF34" s="102">
        <v>11</v>
      </c>
      <c r="IG34" s="102">
        <v>13</v>
      </c>
      <c r="IH34" s="102">
        <v>8</v>
      </c>
      <c r="II34" s="103">
        <v>78</v>
      </c>
      <c r="IJ34" s="104">
        <v>102</v>
      </c>
      <c r="IK34" s="101">
        <v>21</v>
      </c>
      <c r="IL34" s="102">
        <v>40</v>
      </c>
      <c r="IM34" s="103">
        <v>61</v>
      </c>
      <c r="IN34" s="413">
        <v>0</v>
      </c>
      <c r="IO34" s="102">
        <v>28</v>
      </c>
      <c r="IP34" s="102">
        <v>25</v>
      </c>
      <c r="IQ34" s="102">
        <v>21</v>
      </c>
      <c r="IR34" s="102">
        <v>9</v>
      </c>
      <c r="IS34" s="102">
        <v>4</v>
      </c>
      <c r="IT34" s="103">
        <v>87</v>
      </c>
      <c r="IU34" s="104">
        <v>148</v>
      </c>
      <c r="IV34" s="101">
        <v>27</v>
      </c>
      <c r="IW34" s="102">
        <v>32</v>
      </c>
      <c r="IX34" s="103">
        <v>59</v>
      </c>
      <c r="IY34" s="413">
        <v>0</v>
      </c>
      <c r="IZ34" s="102">
        <v>47</v>
      </c>
      <c r="JA34" s="102">
        <v>34</v>
      </c>
      <c r="JB34" s="102">
        <v>31</v>
      </c>
      <c r="JC34" s="102">
        <v>22</v>
      </c>
      <c r="JD34" s="102">
        <v>11</v>
      </c>
      <c r="JE34" s="103">
        <v>145</v>
      </c>
      <c r="JF34" s="104">
        <v>204</v>
      </c>
      <c r="JG34" s="101">
        <v>15</v>
      </c>
      <c r="JH34" s="102">
        <v>31</v>
      </c>
      <c r="JI34" s="103">
        <v>46</v>
      </c>
      <c r="JJ34" s="413">
        <v>0</v>
      </c>
      <c r="JK34" s="102">
        <v>45</v>
      </c>
      <c r="JL34" s="102">
        <v>42</v>
      </c>
      <c r="JM34" s="102">
        <v>41</v>
      </c>
      <c r="JN34" s="102">
        <v>43</v>
      </c>
      <c r="JO34" s="102">
        <v>19</v>
      </c>
      <c r="JP34" s="103">
        <v>190</v>
      </c>
      <c r="JQ34" s="104">
        <v>236</v>
      </c>
      <c r="JR34" s="101">
        <v>0</v>
      </c>
      <c r="JS34" s="102">
        <v>3</v>
      </c>
      <c r="JT34" s="103">
        <v>3</v>
      </c>
      <c r="JU34" s="413">
        <v>0</v>
      </c>
      <c r="JV34" s="102">
        <v>2</v>
      </c>
      <c r="JW34" s="102">
        <v>0</v>
      </c>
      <c r="JX34" s="102">
        <v>1</v>
      </c>
      <c r="JY34" s="102">
        <v>2</v>
      </c>
      <c r="JZ34" s="102">
        <v>3</v>
      </c>
      <c r="KA34" s="103">
        <v>8</v>
      </c>
      <c r="KB34" s="104">
        <v>11</v>
      </c>
      <c r="KC34" s="101">
        <v>80</v>
      </c>
      <c r="KD34" s="102">
        <v>130</v>
      </c>
      <c r="KE34" s="103">
        <v>210</v>
      </c>
      <c r="KF34" s="413">
        <v>0</v>
      </c>
      <c r="KG34" s="102">
        <v>164</v>
      </c>
      <c r="KH34" s="102">
        <v>137</v>
      </c>
      <c r="KI34" s="102">
        <v>123</v>
      </c>
      <c r="KJ34" s="102">
        <v>99</v>
      </c>
      <c r="KK34" s="102">
        <v>55</v>
      </c>
      <c r="KL34" s="103">
        <v>578</v>
      </c>
      <c r="KM34" s="104">
        <v>788</v>
      </c>
    </row>
    <row r="35" spans="2:299" s="70" customFormat="1" ht="21" customHeight="1" x14ac:dyDescent="0.2">
      <c r="B35" s="106" t="s">
        <v>32</v>
      </c>
      <c r="C35" s="96">
        <v>30</v>
      </c>
      <c r="D35" s="97">
        <v>34</v>
      </c>
      <c r="E35" s="98">
        <v>64</v>
      </c>
      <c r="F35" s="413">
        <v>0</v>
      </c>
      <c r="G35" s="97">
        <v>78</v>
      </c>
      <c r="H35" s="97">
        <v>57</v>
      </c>
      <c r="I35" s="97">
        <v>28</v>
      </c>
      <c r="J35" s="97">
        <v>38</v>
      </c>
      <c r="K35" s="97">
        <v>27</v>
      </c>
      <c r="L35" s="99">
        <v>228</v>
      </c>
      <c r="M35" s="100">
        <v>292</v>
      </c>
      <c r="N35" s="101">
        <v>5</v>
      </c>
      <c r="O35" s="102">
        <v>1</v>
      </c>
      <c r="P35" s="103">
        <v>6</v>
      </c>
      <c r="Q35" s="413">
        <v>0</v>
      </c>
      <c r="R35" s="102">
        <v>3</v>
      </c>
      <c r="S35" s="102">
        <v>3</v>
      </c>
      <c r="T35" s="102">
        <v>4</v>
      </c>
      <c r="U35" s="102">
        <v>2</v>
      </c>
      <c r="V35" s="102">
        <v>0</v>
      </c>
      <c r="W35" s="103">
        <v>12</v>
      </c>
      <c r="X35" s="104">
        <v>18</v>
      </c>
      <c r="Y35" s="101">
        <v>3</v>
      </c>
      <c r="Z35" s="102">
        <v>2</v>
      </c>
      <c r="AA35" s="103">
        <v>5</v>
      </c>
      <c r="AB35" s="413">
        <v>0</v>
      </c>
      <c r="AC35" s="102">
        <v>8</v>
      </c>
      <c r="AD35" s="102">
        <v>3</v>
      </c>
      <c r="AE35" s="102">
        <v>2</v>
      </c>
      <c r="AF35" s="102">
        <v>5</v>
      </c>
      <c r="AG35" s="102">
        <v>2</v>
      </c>
      <c r="AH35" s="103">
        <v>20</v>
      </c>
      <c r="AI35" s="104">
        <v>25</v>
      </c>
      <c r="AJ35" s="101">
        <v>2</v>
      </c>
      <c r="AK35" s="102">
        <v>2</v>
      </c>
      <c r="AL35" s="103">
        <v>4</v>
      </c>
      <c r="AM35" s="413">
        <v>0</v>
      </c>
      <c r="AN35" s="102">
        <v>14</v>
      </c>
      <c r="AO35" s="102">
        <v>9</v>
      </c>
      <c r="AP35" s="102">
        <v>2</v>
      </c>
      <c r="AQ35" s="102">
        <v>3</v>
      </c>
      <c r="AR35" s="102">
        <v>5</v>
      </c>
      <c r="AS35" s="103">
        <v>33</v>
      </c>
      <c r="AT35" s="104">
        <v>37</v>
      </c>
      <c r="AU35" s="101">
        <v>11</v>
      </c>
      <c r="AV35" s="102">
        <v>14</v>
      </c>
      <c r="AW35" s="103">
        <v>25</v>
      </c>
      <c r="AX35" s="413">
        <v>0</v>
      </c>
      <c r="AY35" s="102">
        <v>20</v>
      </c>
      <c r="AZ35" s="102">
        <v>16</v>
      </c>
      <c r="BA35" s="102">
        <v>8</v>
      </c>
      <c r="BB35" s="102">
        <v>7</v>
      </c>
      <c r="BC35" s="102">
        <v>9</v>
      </c>
      <c r="BD35" s="103">
        <v>60</v>
      </c>
      <c r="BE35" s="104">
        <v>85</v>
      </c>
      <c r="BF35" s="101">
        <v>2</v>
      </c>
      <c r="BG35" s="102">
        <v>10</v>
      </c>
      <c r="BH35" s="103">
        <v>12</v>
      </c>
      <c r="BI35" s="413">
        <v>0</v>
      </c>
      <c r="BJ35" s="102">
        <v>19</v>
      </c>
      <c r="BK35" s="102">
        <v>14</v>
      </c>
      <c r="BL35" s="102">
        <v>11</v>
      </c>
      <c r="BM35" s="102">
        <v>13</v>
      </c>
      <c r="BN35" s="102">
        <v>5</v>
      </c>
      <c r="BO35" s="103">
        <v>62</v>
      </c>
      <c r="BP35" s="104">
        <v>74</v>
      </c>
      <c r="BQ35" s="101">
        <v>7</v>
      </c>
      <c r="BR35" s="102">
        <v>5</v>
      </c>
      <c r="BS35" s="103">
        <v>12</v>
      </c>
      <c r="BT35" s="413">
        <v>0</v>
      </c>
      <c r="BU35" s="102">
        <v>14</v>
      </c>
      <c r="BV35" s="102">
        <v>12</v>
      </c>
      <c r="BW35" s="102">
        <v>1</v>
      </c>
      <c r="BX35" s="102">
        <v>8</v>
      </c>
      <c r="BY35" s="102">
        <v>6</v>
      </c>
      <c r="BZ35" s="103">
        <v>41</v>
      </c>
      <c r="CA35" s="104">
        <v>53</v>
      </c>
      <c r="CB35" s="101">
        <v>0</v>
      </c>
      <c r="CC35" s="102">
        <v>2</v>
      </c>
      <c r="CD35" s="103">
        <v>2</v>
      </c>
      <c r="CE35" s="413">
        <v>0</v>
      </c>
      <c r="CF35" s="102">
        <v>4</v>
      </c>
      <c r="CG35" s="102">
        <v>2</v>
      </c>
      <c r="CH35" s="102">
        <v>2</v>
      </c>
      <c r="CI35" s="102">
        <v>1</v>
      </c>
      <c r="CJ35" s="102">
        <v>4</v>
      </c>
      <c r="CK35" s="103">
        <v>13</v>
      </c>
      <c r="CL35" s="104">
        <v>15</v>
      </c>
      <c r="CM35" s="101">
        <v>30</v>
      </c>
      <c r="CN35" s="102">
        <v>36</v>
      </c>
      <c r="CO35" s="103">
        <v>66</v>
      </c>
      <c r="CP35" s="413">
        <v>0</v>
      </c>
      <c r="CQ35" s="102">
        <v>82</v>
      </c>
      <c r="CR35" s="102">
        <v>59</v>
      </c>
      <c r="CS35" s="102">
        <v>30</v>
      </c>
      <c r="CT35" s="102">
        <v>39</v>
      </c>
      <c r="CU35" s="102">
        <v>31</v>
      </c>
      <c r="CV35" s="103">
        <v>241</v>
      </c>
      <c r="CW35" s="104">
        <v>307</v>
      </c>
      <c r="CX35" s="105">
        <v>52</v>
      </c>
      <c r="CY35" s="97">
        <v>84</v>
      </c>
      <c r="CZ35" s="98">
        <v>136</v>
      </c>
      <c r="DA35" s="413">
        <v>0</v>
      </c>
      <c r="DB35" s="97">
        <v>141</v>
      </c>
      <c r="DC35" s="97">
        <v>93</v>
      </c>
      <c r="DD35" s="97">
        <v>75</v>
      </c>
      <c r="DE35" s="97">
        <v>85</v>
      </c>
      <c r="DF35" s="97">
        <v>46</v>
      </c>
      <c r="DG35" s="99">
        <v>440</v>
      </c>
      <c r="DH35" s="100">
        <v>576</v>
      </c>
      <c r="DI35" s="101">
        <v>1</v>
      </c>
      <c r="DJ35" s="102">
        <v>2</v>
      </c>
      <c r="DK35" s="103">
        <v>3</v>
      </c>
      <c r="DL35" s="413">
        <v>0</v>
      </c>
      <c r="DM35" s="102">
        <v>1</v>
      </c>
      <c r="DN35" s="102">
        <v>3</v>
      </c>
      <c r="DO35" s="102">
        <v>0</v>
      </c>
      <c r="DP35" s="102">
        <v>1</v>
      </c>
      <c r="DQ35" s="102">
        <v>1</v>
      </c>
      <c r="DR35" s="103">
        <v>6</v>
      </c>
      <c r="DS35" s="104">
        <v>9</v>
      </c>
      <c r="DT35" s="101">
        <v>6</v>
      </c>
      <c r="DU35" s="102">
        <v>2</v>
      </c>
      <c r="DV35" s="103">
        <v>8</v>
      </c>
      <c r="DW35" s="413">
        <v>0</v>
      </c>
      <c r="DX35" s="102">
        <v>5</v>
      </c>
      <c r="DY35" s="102">
        <v>5</v>
      </c>
      <c r="DZ35" s="102">
        <v>2</v>
      </c>
      <c r="EA35" s="102">
        <v>4</v>
      </c>
      <c r="EB35" s="102">
        <v>3</v>
      </c>
      <c r="EC35" s="103">
        <v>19</v>
      </c>
      <c r="ED35" s="104">
        <v>27</v>
      </c>
      <c r="EE35" s="101">
        <v>6</v>
      </c>
      <c r="EF35" s="102">
        <v>10</v>
      </c>
      <c r="EG35" s="103">
        <v>16</v>
      </c>
      <c r="EH35" s="413">
        <v>0</v>
      </c>
      <c r="EI35" s="102">
        <v>23</v>
      </c>
      <c r="EJ35" s="102">
        <v>5</v>
      </c>
      <c r="EK35" s="102">
        <v>9</v>
      </c>
      <c r="EL35" s="102">
        <v>2</v>
      </c>
      <c r="EM35" s="102">
        <v>4</v>
      </c>
      <c r="EN35" s="103">
        <v>43</v>
      </c>
      <c r="EO35" s="104">
        <v>59</v>
      </c>
      <c r="EP35" s="101">
        <v>21</v>
      </c>
      <c r="EQ35" s="102">
        <v>21</v>
      </c>
      <c r="ER35" s="103">
        <v>42</v>
      </c>
      <c r="ES35" s="413">
        <v>0</v>
      </c>
      <c r="ET35" s="102">
        <v>35</v>
      </c>
      <c r="EU35" s="102">
        <v>23</v>
      </c>
      <c r="EV35" s="102">
        <v>16</v>
      </c>
      <c r="EW35" s="102">
        <v>16</v>
      </c>
      <c r="EX35" s="102">
        <v>9</v>
      </c>
      <c r="EY35" s="103">
        <v>99</v>
      </c>
      <c r="EZ35" s="104">
        <v>141</v>
      </c>
      <c r="FA35" s="101">
        <v>11</v>
      </c>
      <c r="FB35" s="102">
        <v>25</v>
      </c>
      <c r="FC35" s="103">
        <v>36</v>
      </c>
      <c r="FD35" s="413">
        <v>0</v>
      </c>
      <c r="FE35" s="102">
        <v>37</v>
      </c>
      <c r="FF35" s="102">
        <v>25</v>
      </c>
      <c r="FG35" s="102">
        <v>22</v>
      </c>
      <c r="FH35" s="102">
        <v>20</v>
      </c>
      <c r="FI35" s="102">
        <v>12</v>
      </c>
      <c r="FJ35" s="103">
        <v>116</v>
      </c>
      <c r="FK35" s="104">
        <v>152</v>
      </c>
      <c r="FL35" s="101">
        <v>7</v>
      </c>
      <c r="FM35" s="102">
        <v>24</v>
      </c>
      <c r="FN35" s="103">
        <v>31</v>
      </c>
      <c r="FO35" s="413">
        <v>0</v>
      </c>
      <c r="FP35" s="102">
        <v>40</v>
      </c>
      <c r="FQ35" s="102">
        <v>32</v>
      </c>
      <c r="FR35" s="102">
        <v>26</v>
      </c>
      <c r="FS35" s="102">
        <v>42</v>
      </c>
      <c r="FT35" s="102">
        <v>17</v>
      </c>
      <c r="FU35" s="103">
        <v>157</v>
      </c>
      <c r="FV35" s="104">
        <v>188</v>
      </c>
      <c r="FW35" s="101">
        <v>1</v>
      </c>
      <c r="FX35" s="102">
        <v>2</v>
      </c>
      <c r="FY35" s="103">
        <v>3</v>
      </c>
      <c r="FZ35" s="413">
        <v>0</v>
      </c>
      <c r="GA35" s="102">
        <v>2</v>
      </c>
      <c r="GB35" s="102">
        <v>3</v>
      </c>
      <c r="GC35" s="102">
        <v>0</v>
      </c>
      <c r="GD35" s="102">
        <v>0</v>
      </c>
      <c r="GE35" s="102">
        <v>0</v>
      </c>
      <c r="GF35" s="103">
        <v>5</v>
      </c>
      <c r="GG35" s="104">
        <v>8</v>
      </c>
      <c r="GH35" s="101">
        <v>53</v>
      </c>
      <c r="GI35" s="102">
        <v>86</v>
      </c>
      <c r="GJ35" s="103">
        <v>139</v>
      </c>
      <c r="GK35" s="413">
        <v>0</v>
      </c>
      <c r="GL35" s="102">
        <v>143</v>
      </c>
      <c r="GM35" s="102">
        <v>96</v>
      </c>
      <c r="GN35" s="102">
        <v>75</v>
      </c>
      <c r="GO35" s="102">
        <v>85</v>
      </c>
      <c r="GP35" s="102">
        <v>46</v>
      </c>
      <c r="GQ35" s="103">
        <v>445</v>
      </c>
      <c r="GR35" s="104">
        <v>584</v>
      </c>
      <c r="GS35" s="105">
        <v>82</v>
      </c>
      <c r="GT35" s="97">
        <v>118</v>
      </c>
      <c r="GU35" s="98">
        <v>200</v>
      </c>
      <c r="GV35" s="413">
        <v>0</v>
      </c>
      <c r="GW35" s="97">
        <v>219</v>
      </c>
      <c r="GX35" s="97">
        <v>150</v>
      </c>
      <c r="GY35" s="97">
        <v>103</v>
      </c>
      <c r="GZ35" s="97">
        <v>123</v>
      </c>
      <c r="HA35" s="97">
        <v>73</v>
      </c>
      <c r="HB35" s="99">
        <v>668</v>
      </c>
      <c r="HC35" s="100">
        <v>868</v>
      </c>
      <c r="HD35" s="101">
        <v>6</v>
      </c>
      <c r="HE35" s="102">
        <v>3</v>
      </c>
      <c r="HF35" s="103">
        <v>9</v>
      </c>
      <c r="HG35" s="416">
        <v>0</v>
      </c>
      <c r="HH35" s="102">
        <v>4</v>
      </c>
      <c r="HI35" s="102">
        <v>6</v>
      </c>
      <c r="HJ35" s="102">
        <v>4</v>
      </c>
      <c r="HK35" s="102">
        <v>3</v>
      </c>
      <c r="HL35" s="102">
        <v>1</v>
      </c>
      <c r="HM35" s="103">
        <v>18</v>
      </c>
      <c r="HN35" s="104">
        <v>27</v>
      </c>
      <c r="HO35" s="101">
        <v>9</v>
      </c>
      <c r="HP35" s="102">
        <v>4</v>
      </c>
      <c r="HQ35" s="103">
        <v>13</v>
      </c>
      <c r="HR35" s="413">
        <v>0</v>
      </c>
      <c r="HS35" s="102">
        <v>13</v>
      </c>
      <c r="HT35" s="102">
        <v>8</v>
      </c>
      <c r="HU35" s="102">
        <v>4</v>
      </c>
      <c r="HV35" s="102">
        <v>9</v>
      </c>
      <c r="HW35" s="102">
        <v>5</v>
      </c>
      <c r="HX35" s="103">
        <v>39</v>
      </c>
      <c r="HY35" s="104">
        <v>52</v>
      </c>
      <c r="HZ35" s="101">
        <v>8</v>
      </c>
      <c r="IA35" s="102">
        <v>12</v>
      </c>
      <c r="IB35" s="103">
        <v>20</v>
      </c>
      <c r="IC35" s="413">
        <v>0</v>
      </c>
      <c r="ID35" s="102">
        <v>37</v>
      </c>
      <c r="IE35" s="102">
        <v>14</v>
      </c>
      <c r="IF35" s="102">
        <v>11</v>
      </c>
      <c r="IG35" s="102">
        <v>5</v>
      </c>
      <c r="IH35" s="102">
        <v>9</v>
      </c>
      <c r="II35" s="103">
        <v>76</v>
      </c>
      <c r="IJ35" s="104">
        <v>96</v>
      </c>
      <c r="IK35" s="101">
        <v>32</v>
      </c>
      <c r="IL35" s="102">
        <v>35</v>
      </c>
      <c r="IM35" s="103">
        <v>67</v>
      </c>
      <c r="IN35" s="413">
        <v>0</v>
      </c>
      <c r="IO35" s="102">
        <v>55</v>
      </c>
      <c r="IP35" s="102">
        <v>39</v>
      </c>
      <c r="IQ35" s="102">
        <v>24</v>
      </c>
      <c r="IR35" s="102">
        <v>23</v>
      </c>
      <c r="IS35" s="102">
        <v>18</v>
      </c>
      <c r="IT35" s="103">
        <v>159</v>
      </c>
      <c r="IU35" s="104">
        <v>226</v>
      </c>
      <c r="IV35" s="101">
        <v>13</v>
      </c>
      <c r="IW35" s="102">
        <v>35</v>
      </c>
      <c r="IX35" s="103">
        <v>48</v>
      </c>
      <c r="IY35" s="413">
        <v>0</v>
      </c>
      <c r="IZ35" s="102">
        <v>56</v>
      </c>
      <c r="JA35" s="102">
        <v>39</v>
      </c>
      <c r="JB35" s="102">
        <v>33</v>
      </c>
      <c r="JC35" s="102">
        <v>33</v>
      </c>
      <c r="JD35" s="102">
        <v>17</v>
      </c>
      <c r="JE35" s="103">
        <v>178</v>
      </c>
      <c r="JF35" s="104">
        <v>226</v>
      </c>
      <c r="JG35" s="101">
        <v>14</v>
      </c>
      <c r="JH35" s="102">
        <v>29</v>
      </c>
      <c r="JI35" s="103">
        <v>43</v>
      </c>
      <c r="JJ35" s="413">
        <v>0</v>
      </c>
      <c r="JK35" s="102">
        <v>54</v>
      </c>
      <c r="JL35" s="102">
        <v>44</v>
      </c>
      <c r="JM35" s="102">
        <v>27</v>
      </c>
      <c r="JN35" s="102">
        <v>50</v>
      </c>
      <c r="JO35" s="102">
        <v>23</v>
      </c>
      <c r="JP35" s="103">
        <v>198</v>
      </c>
      <c r="JQ35" s="104">
        <v>241</v>
      </c>
      <c r="JR35" s="101">
        <v>1</v>
      </c>
      <c r="JS35" s="102">
        <v>4</v>
      </c>
      <c r="JT35" s="103">
        <v>5</v>
      </c>
      <c r="JU35" s="413">
        <v>0</v>
      </c>
      <c r="JV35" s="102">
        <v>6</v>
      </c>
      <c r="JW35" s="102">
        <v>5</v>
      </c>
      <c r="JX35" s="102">
        <v>2</v>
      </c>
      <c r="JY35" s="102">
        <v>1</v>
      </c>
      <c r="JZ35" s="102">
        <v>4</v>
      </c>
      <c r="KA35" s="103">
        <v>18</v>
      </c>
      <c r="KB35" s="104">
        <v>23</v>
      </c>
      <c r="KC35" s="101">
        <v>83</v>
      </c>
      <c r="KD35" s="102">
        <v>122</v>
      </c>
      <c r="KE35" s="103">
        <v>205</v>
      </c>
      <c r="KF35" s="413">
        <v>0</v>
      </c>
      <c r="KG35" s="102">
        <v>225</v>
      </c>
      <c r="KH35" s="102">
        <v>155</v>
      </c>
      <c r="KI35" s="102">
        <v>105</v>
      </c>
      <c r="KJ35" s="102">
        <v>124</v>
      </c>
      <c r="KK35" s="102">
        <v>77</v>
      </c>
      <c r="KL35" s="103">
        <v>686</v>
      </c>
      <c r="KM35" s="104">
        <v>891</v>
      </c>
    </row>
    <row r="36" spans="2:299" s="70" customFormat="1" ht="21" customHeight="1" x14ac:dyDescent="0.2">
      <c r="B36" s="106" t="s">
        <v>33</v>
      </c>
      <c r="C36" s="96">
        <v>29</v>
      </c>
      <c r="D36" s="97">
        <v>32</v>
      </c>
      <c r="E36" s="98">
        <v>61</v>
      </c>
      <c r="F36" s="413">
        <v>0</v>
      </c>
      <c r="G36" s="97">
        <v>68</v>
      </c>
      <c r="H36" s="97">
        <v>44</v>
      </c>
      <c r="I36" s="97">
        <v>50</v>
      </c>
      <c r="J36" s="97">
        <v>26</v>
      </c>
      <c r="K36" s="97">
        <v>15</v>
      </c>
      <c r="L36" s="99">
        <v>203</v>
      </c>
      <c r="M36" s="100">
        <v>264</v>
      </c>
      <c r="N36" s="101">
        <v>2</v>
      </c>
      <c r="O36" s="102">
        <v>0</v>
      </c>
      <c r="P36" s="103">
        <v>2</v>
      </c>
      <c r="Q36" s="413">
        <v>0</v>
      </c>
      <c r="R36" s="102">
        <v>5</v>
      </c>
      <c r="S36" s="102">
        <v>2</v>
      </c>
      <c r="T36" s="102">
        <v>3</v>
      </c>
      <c r="U36" s="102">
        <v>1</v>
      </c>
      <c r="V36" s="102">
        <v>0</v>
      </c>
      <c r="W36" s="103">
        <v>11</v>
      </c>
      <c r="X36" s="104">
        <v>13</v>
      </c>
      <c r="Y36" s="101">
        <v>1</v>
      </c>
      <c r="Z36" s="102">
        <v>2</v>
      </c>
      <c r="AA36" s="103">
        <v>3</v>
      </c>
      <c r="AB36" s="413">
        <v>0</v>
      </c>
      <c r="AC36" s="102">
        <v>8</v>
      </c>
      <c r="AD36" s="102">
        <v>5</v>
      </c>
      <c r="AE36" s="102">
        <v>8</v>
      </c>
      <c r="AF36" s="102">
        <v>6</v>
      </c>
      <c r="AG36" s="102">
        <v>2</v>
      </c>
      <c r="AH36" s="103">
        <v>29</v>
      </c>
      <c r="AI36" s="104">
        <v>32</v>
      </c>
      <c r="AJ36" s="101">
        <v>7</v>
      </c>
      <c r="AK36" s="102">
        <v>5</v>
      </c>
      <c r="AL36" s="103">
        <v>12</v>
      </c>
      <c r="AM36" s="413">
        <v>0</v>
      </c>
      <c r="AN36" s="102">
        <v>7</v>
      </c>
      <c r="AO36" s="102">
        <v>10</v>
      </c>
      <c r="AP36" s="102">
        <v>12</v>
      </c>
      <c r="AQ36" s="102">
        <v>4</v>
      </c>
      <c r="AR36" s="102">
        <v>3</v>
      </c>
      <c r="AS36" s="103">
        <v>36</v>
      </c>
      <c r="AT36" s="104">
        <v>48</v>
      </c>
      <c r="AU36" s="101">
        <v>12</v>
      </c>
      <c r="AV36" s="102">
        <v>10</v>
      </c>
      <c r="AW36" s="103">
        <v>22</v>
      </c>
      <c r="AX36" s="413">
        <v>0</v>
      </c>
      <c r="AY36" s="102">
        <v>20</v>
      </c>
      <c r="AZ36" s="102">
        <v>11</v>
      </c>
      <c r="BA36" s="102">
        <v>12</v>
      </c>
      <c r="BB36" s="102">
        <v>6</v>
      </c>
      <c r="BC36" s="102">
        <v>3</v>
      </c>
      <c r="BD36" s="103">
        <v>52</v>
      </c>
      <c r="BE36" s="104">
        <v>74</v>
      </c>
      <c r="BF36" s="101">
        <v>4</v>
      </c>
      <c r="BG36" s="102">
        <v>10</v>
      </c>
      <c r="BH36" s="103">
        <v>14</v>
      </c>
      <c r="BI36" s="413">
        <v>0</v>
      </c>
      <c r="BJ36" s="102">
        <v>17</v>
      </c>
      <c r="BK36" s="102">
        <v>7</v>
      </c>
      <c r="BL36" s="102">
        <v>8</v>
      </c>
      <c r="BM36" s="102">
        <v>5</v>
      </c>
      <c r="BN36" s="102">
        <v>4</v>
      </c>
      <c r="BO36" s="103">
        <v>41</v>
      </c>
      <c r="BP36" s="104">
        <v>55</v>
      </c>
      <c r="BQ36" s="101">
        <v>3</v>
      </c>
      <c r="BR36" s="102">
        <v>5</v>
      </c>
      <c r="BS36" s="103">
        <v>8</v>
      </c>
      <c r="BT36" s="413">
        <v>0</v>
      </c>
      <c r="BU36" s="102">
        <v>11</v>
      </c>
      <c r="BV36" s="102">
        <v>9</v>
      </c>
      <c r="BW36" s="102">
        <v>7</v>
      </c>
      <c r="BX36" s="102">
        <v>4</v>
      </c>
      <c r="BY36" s="102">
        <v>3</v>
      </c>
      <c r="BZ36" s="103">
        <v>34</v>
      </c>
      <c r="CA36" s="104">
        <v>42</v>
      </c>
      <c r="CB36" s="101">
        <v>1</v>
      </c>
      <c r="CC36" s="102">
        <v>0</v>
      </c>
      <c r="CD36" s="103">
        <v>1</v>
      </c>
      <c r="CE36" s="413">
        <v>0</v>
      </c>
      <c r="CF36" s="102">
        <v>0</v>
      </c>
      <c r="CG36" s="102">
        <v>2</v>
      </c>
      <c r="CH36" s="102">
        <v>0</v>
      </c>
      <c r="CI36" s="102">
        <v>0</v>
      </c>
      <c r="CJ36" s="102">
        <v>0</v>
      </c>
      <c r="CK36" s="103">
        <v>2</v>
      </c>
      <c r="CL36" s="104">
        <v>3</v>
      </c>
      <c r="CM36" s="101">
        <v>30</v>
      </c>
      <c r="CN36" s="102">
        <v>32</v>
      </c>
      <c r="CO36" s="103">
        <v>62</v>
      </c>
      <c r="CP36" s="413">
        <v>0</v>
      </c>
      <c r="CQ36" s="102">
        <v>68</v>
      </c>
      <c r="CR36" s="102">
        <v>46</v>
      </c>
      <c r="CS36" s="102">
        <v>50</v>
      </c>
      <c r="CT36" s="102">
        <v>26</v>
      </c>
      <c r="CU36" s="102">
        <v>15</v>
      </c>
      <c r="CV36" s="103">
        <v>205</v>
      </c>
      <c r="CW36" s="104">
        <v>267</v>
      </c>
      <c r="CX36" s="105">
        <v>42</v>
      </c>
      <c r="CY36" s="97">
        <v>59</v>
      </c>
      <c r="CZ36" s="98">
        <v>101</v>
      </c>
      <c r="DA36" s="413">
        <v>0</v>
      </c>
      <c r="DB36" s="97">
        <v>148</v>
      </c>
      <c r="DC36" s="97">
        <v>83</v>
      </c>
      <c r="DD36" s="97">
        <v>84</v>
      </c>
      <c r="DE36" s="97">
        <v>72</v>
      </c>
      <c r="DF36" s="97">
        <v>57</v>
      </c>
      <c r="DG36" s="99">
        <v>444</v>
      </c>
      <c r="DH36" s="100">
        <v>545</v>
      </c>
      <c r="DI36" s="101">
        <v>0</v>
      </c>
      <c r="DJ36" s="102">
        <v>2</v>
      </c>
      <c r="DK36" s="103">
        <v>2</v>
      </c>
      <c r="DL36" s="413">
        <v>0</v>
      </c>
      <c r="DM36" s="102">
        <v>3</v>
      </c>
      <c r="DN36" s="102">
        <v>0</v>
      </c>
      <c r="DO36" s="102">
        <v>1</v>
      </c>
      <c r="DP36" s="102">
        <v>2</v>
      </c>
      <c r="DQ36" s="102">
        <v>1</v>
      </c>
      <c r="DR36" s="103">
        <v>7</v>
      </c>
      <c r="DS36" s="104">
        <v>9</v>
      </c>
      <c r="DT36" s="101">
        <v>4</v>
      </c>
      <c r="DU36" s="102">
        <v>4</v>
      </c>
      <c r="DV36" s="103">
        <v>8</v>
      </c>
      <c r="DW36" s="413">
        <v>0</v>
      </c>
      <c r="DX36" s="102">
        <v>2</v>
      </c>
      <c r="DY36" s="102">
        <v>4</v>
      </c>
      <c r="DZ36" s="102">
        <v>1</v>
      </c>
      <c r="EA36" s="102">
        <v>3</v>
      </c>
      <c r="EB36" s="102">
        <v>0</v>
      </c>
      <c r="EC36" s="103">
        <v>10</v>
      </c>
      <c r="ED36" s="104">
        <v>18</v>
      </c>
      <c r="EE36" s="101">
        <v>6</v>
      </c>
      <c r="EF36" s="102">
        <v>10</v>
      </c>
      <c r="EG36" s="103">
        <v>16</v>
      </c>
      <c r="EH36" s="413">
        <v>0</v>
      </c>
      <c r="EI36" s="102">
        <v>11</v>
      </c>
      <c r="EJ36" s="102">
        <v>7</v>
      </c>
      <c r="EK36" s="102">
        <v>8</v>
      </c>
      <c r="EL36" s="102">
        <v>9</v>
      </c>
      <c r="EM36" s="102">
        <v>6</v>
      </c>
      <c r="EN36" s="103">
        <v>41</v>
      </c>
      <c r="EO36" s="104">
        <v>57</v>
      </c>
      <c r="EP36" s="101">
        <v>7</v>
      </c>
      <c r="EQ36" s="102">
        <v>16</v>
      </c>
      <c r="ER36" s="103">
        <v>23</v>
      </c>
      <c r="ES36" s="413">
        <v>0</v>
      </c>
      <c r="ET36" s="102">
        <v>34</v>
      </c>
      <c r="EU36" s="102">
        <v>14</v>
      </c>
      <c r="EV36" s="102">
        <v>16</v>
      </c>
      <c r="EW36" s="102">
        <v>13</v>
      </c>
      <c r="EX36" s="102">
        <v>9</v>
      </c>
      <c r="EY36" s="103">
        <v>86</v>
      </c>
      <c r="EZ36" s="104">
        <v>109</v>
      </c>
      <c r="FA36" s="101">
        <v>17</v>
      </c>
      <c r="FB36" s="102">
        <v>12</v>
      </c>
      <c r="FC36" s="103">
        <v>29</v>
      </c>
      <c r="FD36" s="413">
        <v>0</v>
      </c>
      <c r="FE36" s="102">
        <v>49</v>
      </c>
      <c r="FF36" s="102">
        <v>24</v>
      </c>
      <c r="FG36" s="102">
        <v>21</v>
      </c>
      <c r="FH36" s="102">
        <v>16</v>
      </c>
      <c r="FI36" s="102">
        <v>16</v>
      </c>
      <c r="FJ36" s="103">
        <v>126</v>
      </c>
      <c r="FK36" s="104">
        <v>155</v>
      </c>
      <c r="FL36" s="101">
        <v>8</v>
      </c>
      <c r="FM36" s="102">
        <v>15</v>
      </c>
      <c r="FN36" s="103">
        <v>23</v>
      </c>
      <c r="FO36" s="413">
        <v>0</v>
      </c>
      <c r="FP36" s="102">
        <v>49</v>
      </c>
      <c r="FQ36" s="102">
        <v>34</v>
      </c>
      <c r="FR36" s="102">
        <v>37</v>
      </c>
      <c r="FS36" s="102">
        <v>29</v>
      </c>
      <c r="FT36" s="102">
        <v>25</v>
      </c>
      <c r="FU36" s="103">
        <v>174</v>
      </c>
      <c r="FV36" s="104">
        <v>197</v>
      </c>
      <c r="FW36" s="101">
        <v>0</v>
      </c>
      <c r="FX36" s="102">
        <v>0</v>
      </c>
      <c r="FY36" s="103">
        <v>0</v>
      </c>
      <c r="FZ36" s="413">
        <v>0</v>
      </c>
      <c r="GA36" s="102">
        <v>1</v>
      </c>
      <c r="GB36" s="102">
        <v>0</v>
      </c>
      <c r="GC36" s="102">
        <v>0</v>
      </c>
      <c r="GD36" s="102">
        <v>1</v>
      </c>
      <c r="GE36" s="102">
        <v>1</v>
      </c>
      <c r="GF36" s="103">
        <v>3</v>
      </c>
      <c r="GG36" s="104">
        <v>3</v>
      </c>
      <c r="GH36" s="101">
        <v>42</v>
      </c>
      <c r="GI36" s="102">
        <v>59</v>
      </c>
      <c r="GJ36" s="103">
        <v>101</v>
      </c>
      <c r="GK36" s="413">
        <v>0</v>
      </c>
      <c r="GL36" s="102">
        <v>149</v>
      </c>
      <c r="GM36" s="102">
        <v>83</v>
      </c>
      <c r="GN36" s="102">
        <v>84</v>
      </c>
      <c r="GO36" s="102">
        <v>73</v>
      </c>
      <c r="GP36" s="102">
        <v>58</v>
      </c>
      <c r="GQ36" s="103">
        <v>447</v>
      </c>
      <c r="GR36" s="104">
        <v>548</v>
      </c>
      <c r="GS36" s="105">
        <v>71</v>
      </c>
      <c r="GT36" s="97">
        <v>91</v>
      </c>
      <c r="GU36" s="98">
        <v>162</v>
      </c>
      <c r="GV36" s="413">
        <v>0</v>
      </c>
      <c r="GW36" s="97">
        <v>216</v>
      </c>
      <c r="GX36" s="97">
        <v>127</v>
      </c>
      <c r="GY36" s="97">
        <v>134</v>
      </c>
      <c r="GZ36" s="97">
        <v>98</v>
      </c>
      <c r="HA36" s="97">
        <v>72</v>
      </c>
      <c r="HB36" s="99">
        <v>647</v>
      </c>
      <c r="HC36" s="100">
        <v>809</v>
      </c>
      <c r="HD36" s="101">
        <v>2</v>
      </c>
      <c r="HE36" s="102">
        <v>2</v>
      </c>
      <c r="HF36" s="103">
        <v>4</v>
      </c>
      <c r="HG36" s="416">
        <v>0</v>
      </c>
      <c r="HH36" s="102">
        <v>8</v>
      </c>
      <c r="HI36" s="102">
        <v>2</v>
      </c>
      <c r="HJ36" s="102">
        <v>4</v>
      </c>
      <c r="HK36" s="102">
        <v>3</v>
      </c>
      <c r="HL36" s="102">
        <v>1</v>
      </c>
      <c r="HM36" s="103">
        <v>18</v>
      </c>
      <c r="HN36" s="104">
        <v>22</v>
      </c>
      <c r="HO36" s="101">
        <v>5</v>
      </c>
      <c r="HP36" s="102">
        <v>6</v>
      </c>
      <c r="HQ36" s="103">
        <v>11</v>
      </c>
      <c r="HR36" s="413">
        <v>0</v>
      </c>
      <c r="HS36" s="102">
        <v>10</v>
      </c>
      <c r="HT36" s="102">
        <v>9</v>
      </c>
      <c r="HU36" s="102">
        <v>9</v>
      </c>
      <c r="HV36" s="102">
        <v>9</v>
      </c>
      <c r="HW36" s="102">
        <v>2</v>
      </c>
      <c r="HX36" s="103">
        <v>39</v>
      </c>
      <c r="HY36" s="104">
        <v>50</v>
      </c>
      <c r="HZ36" s="101">
        <v>13</v>
      </c>
      <c r="IA36" s="102">
        <v>15</v>
      </c>
      <c r="IB36" s="103">
        <v>28</v>
      </c>
      <c r="IC36" s="413">
        <v>0</v>
      </c>
      <c r="ID36" s="102">
        <v>18</v>
      </c>
      <c r="IE36" s="102">
        <v>17</v>
      </c>
      <c r="IF36" s="102">
        <v>20</v>
      </c>
      <c r="IG36" s="102">
        <v>13</v>
      </c>
      <c r="IH36" s="102">
        <v>9</v>
      </c>
      <c r="II36" s="103">
        <v>77</v>
      </c>
      <c r="IJ36" s="104">
        <v>105</v>
      </c>
      <c r="IK36" s="101">
        <v>19</v>
      </c>
      <c r="IL36" s="102">
        <v>26</v>
      </c>
      <c r="IM36" s="103">
        <v>45</v>
      </c>
      <c r="IN36" s="413">
        <v>0</v>
      </c>
      <c r="IO36" s="102">
        <v>54</v>
      </c>
      <c r="IP36" s="102">
        <v>25</v>
      </c>
      <c r="IQ36" s="102">
        <v>28</v>
      </c>
      <c r="IR36" s="102">
        <v>19</v>
      </c>
      <c r="IS36" s="102">
        <v>12</v>
      </c>
      <c r="IT36" s="103">
        <v>138</v>
      </c>
      <c r="IU36" s="104">
        <v>183</v>
      </c>
      <c r="IV36" s="101">
        <v>21</v>
      </c>
      <c r="IW36" s="102">
        <v>22</v>
      </c>
      <c r="IX36" s="103">
        <v>43</v>
      </c>
      <c r="IY36" s="413">
        <v>0</v>
      </c>
      <c r="IZ36" s="102">
        <v>66</v>
      </c>
      <c r="JA36" s="102">
        <v>31</v>
      </c>
      <c r="JB36" s="102">
        <v>29</v>
      </c>
      <c r="JC36" s="102">
        <v>21</v>
      </c>
      <c r="JD36" s="102">
        <v>20</v>
      </c>
      <c r="JE36" s="103">
        <v>167</v>
      </c>
      <c r="JF36" s="104">
        <v>210</v>
      </c>
      <c r="JG36" s="101">
        <v>11</v>
      </c>
      <c r="JH36" s="102">
        <v>20</v>
      </c>
      <c r="JI36" s="103">
        <v>31</v>
      </c>
      <c r="JJ36" s="413">
        <v>0</v>
      </c>
      <c r="JK36" s="102">
        <v>60</v>
      </c>
      <c r="JL36" s="102">
        <v>43</v>
      </c>
      <c r="JM36" s="102">
        <v>44</v>
      </c>
      <c r="JN36" s="102">
        <v>33</v>
      </c>
      <c r="JO36" s="102">
        <v>28</v>
      </c>
      <c r="JP36" s="103">
        <v>208</v>
      </c>
      <c r="JQ36" s="104">
        <v>239</v>
      </c>
      <c r="JR36" s="101">
        <v>1</v>
      </c>
      <c r="JS36" s="102">
        <v>0</v>
      </c>
      <c r="JT36" s="103">
        <v>1</v>
      </c>
      <c r="JU36" s="413">
        <v>0</v>
      </c>
      <c r="JV36" s="102">
        <v>1</v>
      </c>
      <c r="JW36" s="102">
        <v>2</v>
      </c>
      <c r="JX36" s="102">
        <v>0</v>
      </c>
      <c r="JY36" s="102">
        <v>1</v>
      </c>
      <c r="JZ36" s="102">
        <v>1</v>
      </c>
      <c r="KA36" s="103">
        <v>5</v>
      </c>
      <c r="KB36" s="104">
        <v>6</v>
      </c>
      <c r="KC36" s="101">
        <v>72</v>
      </c>
      <c r="KD36" s="102">
        <v>91</v>
      </c>
      <c r="KE36" s="103">
        <v>163</v>
      </c>
      <c r="KF36" s="413">
        <v>0</v>
      </c>
      <c r="KG36" s="102">
        <v>217</v>
      </c>
      <c r="KH36" s="102">
        <v>129</v>
      </c>
      <c r="KI36" s="102">
        <v>134</v>
      </c>
      <c r="KJ36" s="102">
        <v>99</v>
      </c>
      <c r="KK36" s="102">
        <v>73</v>
      </c>
      <c r="KL36" s="103">
        <v>652</v>
      </c>
      <c r="KM36" s="104">
        <v>815</v>
      </c>
    </row>
    <row r="37" spans="2:299" s="70" customFormat="1" ht="21" customHeight="1" x14ac:dyDescent="0.2">
      <c r="B37" s="106" t="s">
        <v>34</v>
      </c>
      <c r="C37" s="96">
        <v>16</v>
      </c>
      <c r="D37" s="97">
        <v>17</v>
      </c>
      <c r="E37" s="98">
        <v>33</v>
      </c>
      <c r="F37" s="413">
        <v>0</v>
      </c>
      <c r="G37" s="97">
        <v>51</v>
      </c>
      <c r="H37" s="97">
        <v>36</v>
      </c>
      <c r="I37" s="97">
        <v>16</v>
      </c>
      <c r="J37" s="97">
        <v>28</v>
      </c>
      <c r="K37" s="97">
        <v>10</v>
      </c>
      <c r="L37" s="99">
        <v>141</v>
      </c>
      <c r="M37" s="100">
        <v>174</v>
      </c>
      <c r="N37" s="101">
        <v>0</v>
      </c>
      <c r="O37" s="102">
        <v>1</v>
      </c>
      <c r="P37" s="103">
        <v>1</v>
      </c>
      <c r="Q37" s="413">
        <v>0</v>
      </c>
      <c r="R37" s="102">
        <v>4</v>
      </c>
      <c r="S37" s="102">
        <v>0</v>
      </c>
      <c r="T37" s="102">
        <v>2</v>
      </c>
      <c r="U37" s="102">
        <v>2</v>
      </c>
      <c r="V37" s="102">
        <v>0</v>
      </c>
      <c r="W37" s="103">
        <v>8</v>
      </c>
      <c r="X37" s="104">
        <v>9</v>
      </c>
      <c r="Y37" s="101">
        <v>2</v>
      </c>
      <c r="Z37" s="102">
        <v>2</v>
      </c>
      <c r="AA37" s="103">
        <v>4</v>
      </c>
      <c r="AB37" s="413">
        <v>0</v>
      </c>
      <c r="AC37" s="102">
        <v>4</v>
      </c>
      <c r="AD37" s="102">
        <v>3</v>
      </c>
      <c r="AE37" s="102">
        <v>1</v>
      </c>
      <c r="AF37" s="102">
        <v>1</v>
      </c>
      <c r="AG37" s="102">
        <v>1</v>
      </c>
      <c r="AH37" s="103">
        <v>10</v>
      </c>
      <c r="AI37" s="104">
        <v>14</v>
      </c>
      <c r="AJ37" s="101">
        <v>3</v>
      </c>
      <c r="AK37" s="102">
        <v>2</v>
      </c>
      <c r="AL37" s="103">
        <v>5</v>
      </c>
      <c r="AM37" s="413">
        <v>0</v>
      </c>
      <c r="AN37" s="102">
        <v>4</v>
      </c>
      <c r="AO37" s="102">
        <v>4</v>
      </c>
      <c r="AP37" s="102">
        <v>2</v>
      </c>
      <c r="AQ37" s="102">
        <v>8</v>
      </c>
      <c r="AR37" s="102">
        <v>1</v>
      </c>
      <c r="AS37" s="103">
        <v>19</v>
      </c>
      <c r="AT37" s="104">
        <v>24</v>
      </c>
      <c r="AU37" s="101">
        <v>6</v>
      </c>
      <c r="AV37" s="102">
        <v>5</v>
      </c>
      <c r="AW37" s="103">
        <v>11</v>
      </c>
      <c r="AX37" s="413">
        <v>0</v>
      </c>
      <c r="AY37" s="102">
        <v>16</v>
      </c>
      <c r="AZ37" s="102">
        <v>10</v>
      </c>
      <c r="BA37" s="102">
        <v>3</v>
      </c>
      <c r="BB37" s="102">
        <v>6</v>
      </c>
      <c r="BC37" s="102">
        <v>4</v>
      </c>
      <c r="BD37" s="103">
        <v>39</v>
      </c>
      <c r="BE37" s="104">
        <v>50</v>
      </c>
      <c r="BF37" s="101">
        <v>3</v>
      </c>
      <c r="BG37" s="102">
        <v>5</v>
      </c>
      <c r="BH37" s="103">
        <v>8</v>
      </c>
      <c r="BI37" s="413">
        <v>0</v>
      </c>
      <c r="BJ37" s="102">
        <v>12</v>
      </c>
      <c r="BK37" s="102">
        <v>8</v>
      </c>
      <c r="BL37" s="102">
        <v>4</v>
      </c>
      <c r="BM37" s="102">
        <v>7</v>
      </c>
      <c r="BN37" s="102">
        <v>2</v>
      </c>
      <c r="BO37" s="103">
        <v>33</v>
      </c>
      <c r="BP37" s="104">
        <v>41</v>
      </c>
      <c r="BQ37" s="101">
        <v>2</v>
      </c>
      <c r="BR37" s="102">
        <v>2</v>
      </c>
      <c r="BS37" s="103">
        <v>4</v>
      </c>
      <c r="BT37" s="413">
        <v>0</v>
      </c>
      <c r="BU37" s="102">
        <v>11</v>
      </c>
      <c r="BV37" s="102">
        <v>11</v>
      </c>
      <c r="BW37" s="102">
        <v>4</v>
      </c>
      <c r="BX37" s="102">
        <v>4</v>
      </c>
      <c r="BY37" s="102">
        <v>2</v>
      </c>
      <c r="BZ37" s="103">
        <v>32</v>
      </c>
      <c r="CA37" s="104">
        <v>36</v>
      </c>
      <c r="CB37" s="101">
        <v>0</v>
      </c>
      <c r="CC37" s="102">
        <v>0</v>
      </c>
      <c r="CD37" s="103">
        <v>0</v>
      </c>
      <c r="CE37" s="413">
        <v>0</v>
      </c>
      <c r="CF37" s="102">
        <v>2</v>
      </c>
      <c r="CG37" s="102">
        <v>0</v>
      </c>
      <c r="CH37" s="102">
        <v>0</v>
      </c>
      <c r="CI37" s="102">
        <v>1</v>
      </c>
      <c r="CJ37" s="102">
        <v>1</v>
      </c>
      <c r="CK37" s="103">
        <v>4</v>
      </c>
      <c r="CL37" s="104">
        <v>4</v>
      </c>
      <c r="CM37" s="101">
        <v>16</v>
      </c>
      <c r="CN37" s="102">
        <v>17</v>
      </c>
      <c r="CO37" s="103">
        <v>33</v>
      </c>
      <c r="CP37" s="413">
        <v>0</v>
      </c>
      <c r="CQ37" s="102">
        <v>53</v>
      </c>
      <c r="CR37" s="102">
        <v>36</v>
      </c>
      <c r="CS37" s="102">
        <v>16</v>
      </c>
      <c r="CT37" s="102">
        <v>29</v>
      </c>
      <c r="CU37" s="102">
        <v>11</v>
      </c>
      <c r="CV37" s="103">
        <v>145</v>
      </c>
      <c r="CW37" s="104">
        <v>178</v>
      </c>
      <c r="CX37" s="105">
        <v>43</v>
      </c>
      <c r="CY37" s="97">
        <v>41</v>
      </c>
      <c r="CZ37" s="98">
        <v>84</v>
      </c>
      <c r="DA37" s="413">
        <v>0</v>
      </c>
      <c r="DB37" s="97">
        <v>109</v>
      </c>
      <c r="DC37" s="97">
        <v>52</v>
      </c>
      <c r="DD37" s="97">
        <v>33</v>
      </c>
      <c r="DE37" s="97">
        <v>45</v>
      </c>
      <c r="DF37" s="97">
        <v>32</v>
      </c>
      <c r="DG37" s="99">
        <v>271</v>
      </c>
      <c r="DH37" s="100">
        <v>355</v>
      </c>
      <c r="DI37" s="101">
        <v>0</v>
      </c>
      <c r="DJ37" s="102">
        <v>2</v>
      </c>
      <c r="DK37" s="103">
        <v>2</v>
      </c>
      <c r="DL37" s="413">
        <v>0</v>
      </c>
      <c r="DM37" s="102">
        <v>0</v>
      </c>
      <c r="DN37" s="102">
        <v>0</v>
      </c>
      <c r="DO37" s="102">
        <v>1</v>
      </c>
      <c r="DP37" s="102">
        <v>0</v>
      </c>
      <c r="DQ37" s="102">
        <v>2</v>
      </c>
      <c r="DR37" s="103">
        <v>3</v>
      </c>
      <c r="DS37" s="104">
        <v>5</v>
      </c>
      <c r="DT37" s="101">
        <v>2</v>
      </c>
      <c r="DU37" s="102">
        <v>0</v>
      </c>
      <c r="DV37" s="103">
        <v>2</v>
      </c>
      <c r="DW37" s="413">
        <v>0</v>
      </c>
      <c r="DX37" s="102">
        <v>2</v>
      </c>
      <c r="DY37" s="102">
        <v>1</v>
      </c>
      <c r="DZ37" s="102">
        <v>2</v>
      </c>
      <c r="EA37" s="102">
        <v>1</v>
      </c>
      <c r="EB37" s="102">
        <v>2</v>
      </c>
      <c r="EC37" s="103">
        <v>8</v>
      </c>
      <c r="ED37" s="104">
        <v>10</v>
      </c>
      <c r="EE37" s="101">
        <v>10</v>
      </c>
      <c r="EF37" s="102">
        <v>5</v>
      </c>
      <c r="EG37" s="103">
        <v>15</v>
      </c>
      <c r="EH37" s="413">
        <v>0</v>
      </c>
      <c r="EI37" s="102">
        <v>13</v>
      </c>
      <c r="EJ37" s="102">
        <v>3</v>
      </c>
      <c r="EK37" s="102">
        <v>6</v>
      </c>
      <c r="EL37" s="102">
        <v>2</v>
      </c>
      <c r="EM37" s="102">
        <v>2</v>
      </c>
      <c r="EN37" s="103">
        <v>26</v>
      </c>
      <c r="EO37" s="104">
        <v>41</v>
      </c>
      <c r="EP37" s="101">
        <v>6</v>
      </c>
      <c r="EQ37" s="102">
        <v>5</v>
      </c>
      <c r="ER37" s="103">
        <v>11</v>
      </c>
      <c r="ES37" s="413">
        <v>0</v>
      </c>
      <c r="ET37" s="102">
        <v>23</v>
      </c>
      <c r="EU37" s="102">
        <v>10</v>
      </c>
      <c r="EV37" s="102">
        <v>9</v>
      </c>
      <c r="EW37" s="102">
        <v>4</v>
      </c>
      <c r="EX37" s="102">
        <v>6</v>
      </c>
      <c r="EY37" s="103">
        <v>52</v>
      </c>
      <c r="EZ37" s="104">
        <v>63</v>
      </c>
      <c r="FA37" s="101">
        <v>17</v>
      </c>
      <c r="FB37" s="102">
        <v>18</v>
      </c>
      <c r="FC37" s="103">
        <v>35</v>
      </c>
      <c r="FD37" s="413">
        <v>0</v>
      </c>
      <c r="FE37" s="102">
        <v>37</v>
      </c>
      <c r="FF37" s="102">
        <v>16</v>
      </c>
      <c r="FG37" s="102">
        <v>6</v>
      </c>
      <c r="FH37" s="102">
        <v>12</v>
      </c>
      <c r="FI37" s="102">
        <v>4</v>
      </c>
      <c r="FJ37" s="103">
        <v>75</v>
      </c>
      <c r="FK37" s="104">
        <v>110</v>
      </c>
      <c r="FL37" s="101">
        <v>8</v>
      </c>
      <c r="FM37" s="102">
        <v>11</v>
      </c>
      <c r="FN37" s="103">
        <v>19</v>
      </c>
      <c r="FO37" s="413">
        <v>0</v>
      </c>
      <c r="FP37" s="102">
        <v>34</v>
      </c>
      <c r="FQ37" s="102">
        <v>22</v>
      </c>
      <c r="FR37" s="102">
        <v>9</v>
      </c>
      <c r="FS37" s="102">
        <v>26</v>
      </c>
      <c r="FT37" s="102">
        <v>16</v>
      </c>
      <c r="FU37" s="103">
        <v>107</v>
      </c>
      <c r="FV37" s="104">
        <v>126</v>
      </c>
      <c r="FW37" s="101">
        <v>0</v>
      </c>
      <c r="FX37" s="102">
        <v>0</v>
      </c>
      <c r="FY37" s="103">
        <v>0</v>
      </c>
      <c r="FZ37" s="413">
        <v>0</v>
      </c>
      <c r="GA37" s="102">
        <v>1</v>
      </c>
      <c r="GB37" s="102">
        <v>1</v>
      </c>
      <c r="GC37" s="102">
        <v>1</v>
      </c>
      <c r="GD37" s="102">
        <v>0</v>
      </c>
      <c r="GE37" s="102">
        <v>1</v>
      </c>
      <c r="GF37" s="103">
        <v>4</v>
      </c>
      <c r="GG37" s="104">
        <v>4</v>
      </c>
      <c r="GH37" s="101">
        <v>43</v>
      </c>
      <c r="GI37" s="102">
        <v>41</v>
      </c>
      <c r="GJ37" s="103">
        <v>84</v>
      </c>
      <c r="GK37" s="413">
        <v>0</v>
      </c>
      <c r="GL37" s="102">
        <v>110</v>
      </c>
      <c r="GM37" s="102">
        <v>53</v>
      </c>
      <c r="GN37" s="102">
        <v>34</v>
      </c>
      <c r="GO37" s="102">
        <v>45</v>
      </c>
      <c r="GP37" s="102">
        <v>33</v>
      </c>
      <c r="GQ37" s="103">
        <v>275</v>
      </c>
      <c r="GR37" s="104">
        <v>359</v>
      </c>
      <c r="GS37" s="105">
        <v>59</v>
      </c>
      <c r="GT37" s="97">
        <v>58</v>
      </c>
      <c r="GU37" s="98">
        <v>117</v>
      </c>
      <c r="GV37" s="413">
        <v>0</v>
      </c>
      <c r="GW37" s="97">
        <v>160</v>
      </c>
      <c r="GX37" s="97">
        <v>88</v>
      </c>
      <c r="GY37" s="97">
        <v>49</v>
      </c>
      <c r="GZ37" s="97">
        <v>73</v>
      </c>
      <c r="HA37" s="97">
        <v>42</v>
      </c>
      <c r="HB37" s="99">
        <v>412</v>
      </c>
      <c r="HC37" s="100">
        <v>529</v>
      </c>
      <c r="HD37" s="101">
        <v>0</v>
      </c>
      <c r="HE37" s="102">
        <v>3</v>
      </c>
      <c r="HF37" s="103">
        <v>3</v>
      </c>
      <c r="HG37" s="416">
        <v>0</v>
      </c>
      <c r="HH37" s="102">
        <v>4</v>
      </c>
      <c r="HI37" s="102">
        <v>0</v>
      </c>
      <c r="HJ37" s="102">
        <v>3</v>
      </c>
      <c r="HK37" s="102">
        <v>2</v>
      </c>
      <c r="HL37" s="102">
        <v>2</v>
      </c>
      <c r="HM37" s="103">
        <v>11</v>
      </c>
      <c r="HN37" s="104">
        <v>14</v>
      </c>
      <c r="HO37" s="101">
        <v>4</v>
      </c>
      <c r="HP37" s="102">
        <v>2</v>
      </c>
      <c r="HQ37" s="103">
        <v>6</v>
      </c>
      <c r="HR37" s="413">
        <v>0</v>
      </c>
      <c r="HS37" s="102">
        <v>6</v>
      </c>
      <c r="HT37" s="102">
        <v>4</v>
      </c>
      <c r="HU37" s="102">
        <v>3</v>
      </c>
      <c r="HV37" s="102">
        <v>2</v>
      </c>
      <c r="HW37" s="102">
        <v>3</v>
      </c>
      <c r="HX37" s="103">
        <v>18</v>
      </c>
      <c r="HY37" s="104">
        <v>24</v>
      </c>
      <c r="HZ37" s="101">
        <v>13</v>
      </c>
      <c r="IA37" s="102">
        <v>7</v>
      </c>
      <c r="IB37" s="103">
        <v>20</v>
      </c>
      <c r="IC37" s="413">
        <v>0</v>
      </c>
      <c r="ID37" s="102">
        <v>17</v>
      </c>
      <c r="IE37" s="102">
        <v>7</v>
      </c>
      <c r="IF37" s="102">
        <v>8</v>
      </c>
      <c r="IG37" s="102">
        <v>10</v>
      </c>
      <c r="IH37" s="102">
        <v>3</v>
      </c>
      <c r="II37" s="103">
        <v>45</v>
      </c>
      <c r="IJ37" s="104">
        <v>65</v>
      </c>
      <c r="IK37" s="101">
        <v>12</v>
      </c>
      <c r="IL37" s="102">
        <v>10</v>
      </c>
      <c r="IM37" s="103">
        <v>22</v>
      </c>
      <c r="IN37" s="413">
        <v>0</v>
      </c>
      <c r="IO37" s="102">
        <v>39</v>
      </c>
      <c r="IP37" s="102">
        <v>20</v>
      </c>
      <c r="IQ37" s="102">
        <v>12</v>
      </c>
      <c r="IR37" s="102">
        <v>10</v>
      </c>
      <c r="IS37" s="102">
        <v>10</v>
      </c>
      <c r="IT37" s="103">
        <v>91</v>
      </c>
      <c r="IU37" s="104">
        <v>113</v>
      </c>
      <c r="IV37" s="101">
        <v>20</v>
      </c>
      <c r="IW37" s="102">
        <v>23</v>
      </c>
      <c r="IX37" s="103">
        <v>43</v>
      </c>
      <c r="IY37" s="413">
        <v>0</v>
      </c>
      <c r="IZ37" s="102">
        <v>49</v>
      </c>
      <c r="JA37" s="102">
        <v>24</v>
      </c>
      <c r="JB37" s="102">
        <v>10</v>
      </c>
      <c r="JC37" s="102">
        <v>19</v>
      </c>
      <c r="JD37" s="102">
        <v>6</v>
      </c>
      <c r="JE37" s="103">
        <v>108</v>
      </c>
      <c r="JF37" s="104">
        <v>151</v>
      </c>
      <c r="JG37" s="101">
        <v>10</v>
      </c>
      <c r="JH37" s="102">
        <v>13</v>
      </c>
      <c r="JI37" s="103">
        <v>23</v>
      </c>
      <c r="JJ37" s="413">
        <v>0</v>
      </c>
      <c r="JK37" s="102">
        <v>45</v>
      </c>
      <c r="JL37" s="102">
        <v>33</v>
      </c>
      <c r="JM37" s="102">
        <v>13</v>
      </c>
      <c r="JN37" s="102">
        <v>30</v>
      </c>
      <c r="JO37" s="102">
        <v>18</v>
      </c>
      <c r="JP37" s="103">
        <v>139</v>
      </c>
      <c r="JQ37" s="104">
        <v>162</v>
      </c>
      <c r="JR37" s="101">
        <v>0</v>
      </c>
      <c r="JS37" s="102">
        <v>0</v>
      </c>
      <c r="JT37" s="103">
        <v>0</v>
      </c>
      <c r="JU37" s="413">
        <v>0</v>
      </c>
      <c r="JV37" s="102">
        <v>3</v>
      </c>
      <c r="JW37" s="102">
        <v>1</v>
      </c>
      <c r="JX37" s="102">
        <v>1</v>
      </c>
      <c r="JY37" s="102">
        <v>1</v>
      </c>
      <c r="JZ37" s="102">
        <v>2</v>
      </c>
      <c r="KA37" s="103">
        <v>8</v>
      </c>
      <c r="KB37" s="104">
        <v>8</v>
      </c>
      <c r="KC37" s="101">
        <v>59</v>
      </c>
      <c r="KD37" s="102">
        <v>58</v>
      </c>
      <c r="KE37" s="103">
        <v>117</v>
      </c>
      <c r="KF37" s="413">
        <v>0</v>
      </c>
      <c r="KG37" s="102">
        <v>163</v>
      </c>
      <c r="KH37" s="102">
        <v>89</v>
      </c>
      <c r="KI37" s="102">
        <v>50</v>
      </c>
      <c r="KJ37" s="102">
        <v>74</v>
      </c>
      <c r="KK37" s="102">
        <v>44</v>
      </c>
      <c r="KL37" s="103">
        <v>420</v>
      </c>
      <c r="KM37" s="104">
        <v>537</v>
      </c>
    </row>
    <row r="38" spans="2:299" s="70" customFormat="1" ht="21" customHeight="1" x14ac:dyDescent="0.2">
      <c r="B38" s="106" t="s">
        <v>35</v>
      </c>
      <c r="C38" s="96">
        <v>61</v>
      </c>
      <c r="D38" s="97">
        <v>58</v>
      </c>
      <c r="E38" s="98">
        <v>119</v>
      </c>
      <c r="F38" s="413">
        <v>0</v>
      </c>
      <c r="G38" s="97">
        <v>150</v>
      </c>
      <c r="H38" s="97">
        <v>89</v>
      </c>
      <c r="I38" s="97">
        <v>59</v>
      </c>
      <c r="J38" s="97">
        <v>53</v>
      </c>
      <c r="K38" s="97">
        <v>28</v>
      </c>
      <c r="L38" s="99">
        <v>379</v>
      </c>
      <c r="M38" s="100">
        <v>498</v>
      </c>
      <c r="N38" s="101">
        <v>3</v>
      </c>
      <c r="O38" s="102">
        <v>1</v>
      </c>
      <c r="P38" s="103">
        <v>4</v>
      </c>
      <c r="Q38" s="413">
        <v>0</v>
      </c>
      <c r="R38" s="102">
        <v>13</v>
      </c>
      <c r="S38" s="102">
        <v>8</v>
      </c>
      <c r="T38" s="102">
        <v>5</v>
      </c>
      <c r="U38" s="102">
        <v>2</v>
      </c>
      <c r="V38" s="102">
        <v>3</v>
      </c>
      <c r="W38" s="103">
        <v>31</v>
      </c>
      <c r="X38" s="104">
        <v>35</v>
      </c>
      <c r="Y38" s="101">
        <v>3</v>
      </c>
      <c r="Z38" s="102">
        <v>4</v>
      </c>
      <c r="AA38" s="103">
        <v>7</v>
      </c>
      <c r="AB38" s="413">
        <v>0</v>
      </c>
      <c r="AC38" s="102">
        <v>10</v>
      </c>
      <c r="AD38" s="102">
        <v>5</v>
      </c>
      <c r="AE38" s="102">
        <v>7</v>
      </c>
      <c r="AF38" s="102">
        <v>1</v>
      </c>
      <c r="AG38" s="102">
        <v>4</v>
      </c>
      <c r="AH38" s="103">
        <v>27</v>
      </c>
      <c r="AI38" s="104">
        <v>34</v>
      </c>
      <c r="AJ38" s="101">
        <v>11</v>
      </c>
      <c r="AK38" s="102">
        <v>13</v>
      </c>
      <c r="AL38" s="103">
        <v>24</v>
      </c>
      <c r="AM38" s="413">
        <v>0</v>
      </c>
      <c r="AN38" s="102">
        <v>22</v>
      </c>
      <c r="AO38" s="102">
        <v>13</v>
      </c>
      <c r="AP38" s="102">
        <v>12</v>
      </c>
      <c r="AQ38" s="102">
        <v>13</v>
      </c>
      <c r="AR38" s="102">
        <v>6</v>
      </c>
      <c r="AS38" s="103">
        <v>66</v>
      </c>
      <c r="AT38" s="104">
        <v>90</v>
      </c>
      <c r="AU38" s="101">
        <v>16</v>
      </c>
      <c r="AV38" s="102">
        <v>21</v>
      </c>
      <c r="AW38" s="103">
        <v>37</v>
      </c>
      <c r="AX38" s="413">
        <v>0</v>
      </c>
      <c r="AY38" s="102">
        <v>48</v>
      </c>
      <c r="AZ38" s="102">
        <v>22</v>
      </c>
      <c r="BA38" s="102">
        <v>6</v>
      </c>
      <c r="BB38" s="102">
        <v>12</v>
      </c>
      <c r="BC38" s="102">
        <v>4</v>
      </c>
      <c r="BD38" s="103">
        <v>92</v>
      </c>
      <c r="BE38" s="104">
        <v>129</v>
      </c>
      <c r="BF38" s="101">
        <v>15</v>
      </c>
      <c r="BG38" s="102">
        <v>14</v>
      </c>
      <c r="BH38" s="103">
        <v>29</v>
      </c>
      <c r="BI38" s="413">
        <v>0</v>
      </c>
      <c r="BJ38" s="102">
        <v>35</v>
      </c>
      <c r="BK38" s="102">
        <v>24</v>
      </c>
      <c r="BL38" s="102">
        <v>14</v>
      </c>
      <c r="BM38" s="102">
        <v>8</v>
      </c>
      <c r="BN38" s="102">
        <v>4</v>
      </c>
      <c r="BO38" s="103">
        <v>85</v>
      </c>
      <c r="BP38" s="104">
        <v>114</v>
      </c>
      <c r="BQ38" s="101">
        <v>13</v>
      </c>
      <c r="BR38" s="102">
        <v>5</v>
      </c>
      <c r="BS38" s="103">
        <v>18</v>
      </c>
      <c r="BT38" s="413">
        <v>0</v>
      </c>
      <c r="BU38" s="102">
        <v>22</v>
      </c>
      <c r="BV38" s="102">
        <v>17</v>
      </c>
      <c r="BW38" s="102">
        <v>15</v>
      </c>
      <c r="BX38" s="102">
        <v>17</v>
      </c>
      <c r="BY38" s="102">
        <v>7</v>
      </c>
      <c r="BZ38" s="103">
        <v>78</v>
      </c>
      <c r="CA38" s="104">
        <v>96</v>
      </c>
      <c r="CB38" s="101">
        <v>0</v>
      </c>
      <c r="CC38" s="102">
        <v>2</v>
      </c>
      <c r="CD38" s="103">
        <v>2</v>
      </c>
      <c r="CE38" s="413">
        <v>0</v>
      </c>
      <c r="CF38" s="102">
        <v>5</v>
      </c>
      <c r="CG38" s="102">
        <v>3</v>
      </c>
      <c r="CH38" s="102">
        <v>1</v>
      </c>
      <c r="CI38" s="102">
        <v>4</v>
      </c>
      <c r="CJ38" s="102">
        <v>0</v>
      </c>
      <c r="CK38" s="103">
        <v>13</v>
      </c>
      <c r="CL38" s="104">
        <v>15</v>
      </c>
      <c r="CM38" s="101">
        <v>61</v>
      </c>
      <c r="CN38" s="102">
        <v>60</v>
      </c>
      <c r="CO38" s="103">
        <v>121</v>
      </c>
      <c r="CP38" s="413">
        <v>0</v>
      </c>
      <c r="CQ38" s="102">
        <v>155</v>
      </c>
      <c r="CR38" s="102">
        <v>92</v>
      </c>
      <c r="CS38" s="102">
        <v>60</v>
      </c>
      <c r="CT38" s="102">
        <v>57</v>
      </c>
      <c r="CU38" s="102">
        <v>28</v>
      </c>
      <c r="CV38" s="103">
        <v>392</v>
      </c>
      <c r="CW38" s="104">
        <v>513</v>
      </c>
      <c r="CX38" s="105">
        <v>151</v>
      </c>
      <c r="CY38" s="97">
        <v>173</v>
      </c>
      <c r="CZ38" s="98">
        <v>324</v>
      </c>
      <c r="DA38" s="413">
        <v>0</v>
      </c>
      <c r="DB38" s="97">
        <v>314</v>
      </c>
      <c r="DC38" s="97">
        <v>176</v>
      </c>
      <c r="DD38" s="97">
        <v>157</v>
      </c>
      <c r="DE38" s="97">
        <v>165</v>
      </c>
      <c r="DF38" s="97">
        <v>102</v>
      </c>
      <c r="DG38" s="99">
        <v>914</v>
      </c>
      <c r="DH38" s="100">
        <v>1238</v>
      </c>
      <c r="DI38" s="101">
        <v>2</v>
      </c>
      <c r="DJ38" s="102">
        <v>6</v>
      </c>
      <c r="DK38" s="103">
        <v>8</v>
      </c>
      <c r="DL38" s="413">
        <v>0</v>
      </c>
      <c r="DM38" s="102">
        <v>5</v>
      </c>
      <c r="DN38" s="102">
        <v>4</v>
      </c>
      <c r="DO38" s="102">
        <v>3</v>
      </c>
      <c r="DP38" s="102">
        <v>5</v>
      </c>
      <c r="DQ38" s="102">
        <v>2</v>
      </c>
      <c r="DR38" s="103">
        <v>19</v>
      </c>
      <c r="DS38" s="104">
        <v>27</v>
      </c>
      <c r="DT38" s="101">
        <v>14</v>
      </c>
      <c r="DU38" s="102">
        <v>12</v>
      </c>
      <c r="DV38" s="103">
        <v>26</v>
      </c>
      <c r="DW38" s="413">
        <v>0</v>
      </c>
      <c r="DX38" s="102">
        <v>11</v>
      </c>
      <c r="DY38" s="102">
        <v>8</v>
      </c>
      <c r="DZ38" s="102">
        <v>8</v>
      </c>
      <c r="EA38" s="102">
        <v>8</v>
      </c>
      <c r="EB38" s="102">
        <v>5</v>
      </c>
      <c r="EC38" s="103">
        <v>40</v>
      </c>
      <c r="ED38" s="104">
        <v>66</v>
      </c>
      <c r="EE38" s="101">
        <v>24</v>
      </c>
      <c r="EF38" s="102">
        <v>28</v>
      </c>
      <c r="EG38" s="103">
        <v>52</v>
      </c>
      <c r="EH38" s="413">
        <v>0</v>
      </c>
      <c r="EI38" s="102">
        <v>33</v>
      </c>
      <c r="EJ38" s="102">
        <v>15</v>
      </c>
      <c r="EK38" s="102">
        <v>6</v>
      </c>
      <c r="EL38" s="102">
        <v>6</v>
      </c>
      <c r="EM38" s="102">
        <v>10</v>
      </c>
      <c r="EN38" s="103">
        <v>70</v>
      </c>
      <c r="EO38" s="104">
        <v>122</v>
      </c>
      <c r="EP38" s="101">
        <v>50</v>
      </c>
      <c r="EQ38" s="102">
        <v>43</v>
      </c>
      <c r="ER38" s="103">
        <v>93</v>
      </c>
      <c r="ES38" s="413">
        <v>0</v>
      </c>
      <c r="ET38" s="102">
        <v>61</v>
      </c>
      <c r="EU38" s="102">
        <v>37</v>
      </c>
      <c r="EV38" s="102">
        <v>32</v>
      </c>
      <c r="EW38" s="102">
        <v>25</v>
      </c>
      <c r="EX38" s="102">
        <v>18</v>
      </c>
      <c r="EY38" s="103">
        <v>173</v>
      </c>
      <c r="EZ38" s="104">
        <v>266</v>
      </c>
      <c r="FA38" s="101">
        <v>38</v>
      </c>
      <c r="FB38" s="102">
        <v>55</v>
      </c>
      <c r="FC38" s="103">
        <v>93</v>
      </c>
      <c r="FD38" s="413">
        <v>0</v>
      </c>
      <c r="FE38" s="102">
        <v>110</v>
      </c>
      <c r="FF38" s="102">
        <v>41</v>
      </c>
      <c r="FG38" s="102">
        <v>35</v>
      </c>
      <c r="FH38" s="102">
        <v>48</v>
      </c>
      <c r="FI38" s="102">
        <v>26</v>
      </c>
      <c r="FJ38" s="103">
        <v>260</v>
      </c>
      <c r="FK38" s="104">
        <v>353</v>
      </c>
      <c r="FL38" s="101">
        <v>23</v>
      </c>
      <c r="FM38" s="102">
        <v>29</v>
      </c>
      <c r="FN38" s="103">
        <v>52</v>
      </c>
      <c r="FO38" s="413">
        <v>0</v>
      </c>
      <c r="FP38" s="102">
        <v>94</v>
      </c>
      <c r="FQ38" s="102">
        <v>71</v>
      </c>
      <c r="FR38" s="102">
        <v>73</v>
      </c>
      <c r="FS38" s="102">
        <v>73</v>
      </c>
      <c r="FT38" s="102">
        <v>41</v>
      </c>
      <c r="FU38" s="103">
        <v>352</v>
      </c>
      <c r="FV38" s="104">
        <v>404</v>
      </c>
      <c r="FW38" s="101">
        <v>0</v>
      </c>
      <c r="FX38" s="102">
        <v>1</v>
      </c>
      <c r="FY38" s="103">
        <v>1</v>
      </c>
      <c r="FZ38" s="413">
        <v>0</v>
      </c>
      <c r="GA38" s="102">
        <v>2</v>
      </c>
      <c r="GB38" s="102">
        <v>3</v>
      </c>
      <c r="GC38" s="102">
        <v>0</v>
      </c>
      <c r="GD38" s="102">
        <v>1</v>
      </c>
      <c r="GE38" s="102">
        <v>1</v>
      </c>
      <c r="GF38" s="103">
        <v>7</v>
      </c>
      <c r="GG38" s="104">
        <v>8</v>
      </c>
      <c r="GH38" s="101">
        <v>151</v>
      </c>
      <c r="GI38" s="102">
        <v>174</v>
      </c>
      <c r="GJ38" s="103">
        <v>325</v>
      </c>
      <c r="GK38" s="413">
        <v>0</v>
      </c>
      <c r="GL38" s="102">
        <v>316</v>
      </c>
      <c r="GM38" s="102">
        <v>179</v>
      </c>
      <c r="GN38" s="102">
        <v>157</v>
      </c>
      <c r="GO38" s="102">
        <v>166</v>
      </c>
      <c r="GP38" s="102">
        <v>103</v>
      </c>
      <c r="GQ38" s="103">
        <v>921</v>
      </c>
      <c r="GR38" s="104">
        <v>1246</v>
      </c>
      <c r="GS38" s="105">
        <v>212</v>
      </c>
      <c r="GT38" s="97">
        <v>231</v>
      </c>
      <c r="GU38" s="98">
        <v>443</v>
      </c>
      <c r="GV38" s="413">
        <v>0</v>
      </c>
      <c r="GW38" s="97">
        <v>464</v>
      </c>
      <c r="GX38" s="97">
        <v>265</v>
      </c>
      <c r="GY38" s="97">
        <v>216</v>
      </c>
      <c r="GZ38" s="97">
        <v>218</v>
      </c>
      <c r="HA38" s="97">
        <v>130</v>
      </c>
      <c r="HB38" s="99">
        <v>1293</v>
      </c>
      <c r="HC38" s="100">
        <v>1736</v>
      </c>
      <c r="HD38" s="101">
        <v>5</v>
      </c>
      <c r="HE38" s="102">
        <v>7</v>
      </c>
      <c r="HF38" s="103">
        <v>12</v>
      </c>
      <c r="HG38" s="416">
        <v>0</v>
      </c>
      <c r="HH38" s="102">
        <v>18</v>
      </c>
      <c r="HI38" s="102">
        <v>12</v>
      </c>
      <c r="HJ38" s="102">
        <v>8</v>
      </c>
      <c r="HK38" s="102">
        <v>7</v>
      </c>
      <c r="HL38" s="102">
        <v>5</v>
      </c>
      <c r="HM38" s="103">
        <v>50</v>
      </c>
      <c r="HN38" s="104">
        <v>62</v>
      </c>
      <c r="HO38" s="101">
        <v>17</v>
      </c>
      <c r="HP38" s="102">
        <v>16</v>
      </c>
      <c r="HQ38" s="103">
        <v>33</v>
      </c>
      <c r="HR38" s="413">
        <v>0</v>
      </c>
      <c r="HS38" s="102">
        <v>21</v>
      </c>
      <c r="HT38" s="102">
        <v>13</v>
      </c>
      <c r="HU38" s="102">
        <v>15</v>
      </c>
      <c r="HV38" s="102">
        <v>9</v>
      </c>
      <c r="HW38" s="102">
        <v>9</v>
      </c>
      <c r="HX38" s="103">
        <v>67</v>
      </c>
      <c r="HY38" s="104">
        <v>100</v>
      </c>
      <c r="HZ38" s="101">
        <v>35</v>
      </c>
      <c r="IA38" s="102">
        <v>41</v>
      </c>
      <c r="IB38" s="103">
        <v>76</v>
      </c>
      <c r="IC38" s="413">
        <v>0</v>
      </c>
      <c r="ID38" s="102">
        <v>55</v>
      </c>
      <c r="IE38" s="102">
        <v>28</v>
      </c>
      <c r="IF38" s="102">
        <v>18</v>
      </c>
      <c r="IG38" s="102">
        <v>19</v>
      </c>
      <c r="IH38" s="102">
        <v>16</v>
      </c>
      <c r="II38" s="103">
        <v>136</v>
      </c>
      <c r="IJ38" s="104">
        <v>212</v>
      </c>
      <c r="IK38" s="101">
        <v>66</v>
      </c>
      <c r="IL38" s="102">
        <v>64</v>
      </c>
      <c r="IM38" s="103">
        <v>130</v>
      </c>
      <c r="IN38" s="413">
        <v>0</v>
      </c>
      <c r="IO38" s="102">
        <v>109</v>
      </c>
      <c r="IP38" s="102">
        <v>59</v>
      </c>
      <c r="IQ38" s="102">
        <v>38</v>
      </c>
      <c r="IR38" s="102">
        <v>37</v>
      </c>
      <c r="IS38" s="102">
        <v>22</v>
      </c>
      <c r="IT38" s="103">
        <v>265</v>
      </c>
      <c r="IU38" s="104">
        <v>395</v>
      </c>
      <c r="IV38" s="101">
        <v>53</v>
      </c>
      <c r="IW38" s="102">
        <v>69</v>
      </c>
      <c r="IX38" s="103">
        <v>122</v>
      </c>
      <c r="IY38" s="413">
        <v>0</v>
      </c>
      <c r="IZ38" s="102">
        <v>145</v>
      </c>
      <c r="JA38" s="102">
        <v>65</v>
      </c>
      <c r="JB38" s="102">
        <v>49</v>
      </c>
      <c r="JC38" s="102">
        <v>56</v>
      </c>
      <c r="JD38" s="102">
        <v>30</v>
      </c>
      <c r="JE38" s="103">
        <v>345</v>
      </c>
      <c r="JF38" s="104">
        <v>467</v>
      </c>
      <c r="JG38" s="101">
        <v>36</v>
      </c>
      <c r="JH38" s="102">
        <v>34</v>
      </c>
      <c r="JI38" s="103">
        <v>70</v>
      </c>
      <c r="JJ38" s="413">
        <v>0</v>
      </c>
      <c r="JK38" s="102">
        <v>116</v>
      </c>
      <c r="JL38" s="102">
        <v>88</v>
      </c>
      <c r="JM38" s="102">
        <v>88</v>
      </c>
      <c r="JN38" s="102">
        <v>90</v>
      </c>
      <c r="JO38" s="102">
        <v>48</v>
      </c>
      <c r="JP38" s="103">
        <v>430</v>
      </c>
      <c r="JQ38" s="104">
        <v>500</v>
      </c>
      <c r="JR38" s="101">
        <v>0</v>
      </c>
      <c r="JS38" s="102">
        <v>3</v>
      </c>
      <c r="JT38" s="103">
        <v>3</v>
      </c>
      <c r="JU38" s="413">
        <v>0</v>
      </c>
      <c r="JV38" s="102">
        <v>7</v>
      </c>
      <c r="JW38" s="102">
        <v>6</v>
      </c>
      <c r="JX38" s="102">
        <v>1</v>
      </c>
      <c r="JY38" s="102">
        <v>5</v>
      </c>
      <c r="JZ38" s="102">
        <v>1</v>
      </c>
      <c r="KA38" s="103">
        <v>20</v>
      </c>
      <c r="KB38" s="104">
        <v>23</v>
      </c>
      <c r="KC38" s="101">
        <v>212</v>
      </c>
      <c r="KD38" s="102">
        <v>234</v>
      </c>
      <c r="KE38" s="103">
        <v>446</v>
      </c>
      <c r="KF38" s="413">
        <v>0</v>
      </c>
      <c r="KG38" s="102">
        <v>471</v>
      </c>
      <c r="KH38" s="102">
        <v>271</v>
      </c>
      <c r="KI38" s="102">
        <v>217</v>
      </c>
      <c r="KJ38" s="102">
        <v>223</v>
      </c>
      <c r="KK38" s="102">
        <v>131</v>
      </c>
      <c r="KL38" s="103">
        <v>1313</v>
      </c>
      <c r="KM38" s="104">
        <v>1759</v>
      </c>
    </row>
    <row r="39" spans="2:299" s="70" customFormat="1" ht="21" customHeight="1" x14ac:dyDescent="0.2">
      <c r="B39" s="106" t="s">
        <v>36</v>
      </c>
      <c r="C39" s="96">
        <v>66</v>
      </c>
      <c r="D39" s="97">
        <v>86</v>
      </c>
      <c r="E39" s="98">
        <v>152</v>
      </c>
      <c r="F39" s="413">
        <v>0</v>
      </c>
      <c r="G39" s="97">
        <v>169</v>
      </c>
      <c r="H39" s="97">
        <v>151</v>
      </c>
      <c r="I39" s="97">
        <v>120</v>
      </c>
      <c r="J39" s="97">
        <v>85</v>
      </c>
      <c r="K39" s="97">
        <v>56</v>
      </c>
      <c r="L39" s="99">
        <v>581</v>
      </c>
      <c r="M39" s="100">
        <v>733</v>
      </c>
      <c r="N39" s="101">
        <v>3</v>
      </c>
      <c r="O39" s="102">
        <v>5</v>
      </c>
      <c r="P39" s="103">
        <v>8</v>
      </c>
      <c r="Q39" s="413">
        <v>0</v>
      </c>
      <c r="R39" s="102">
        <v>10</v>
      </c>
      <c r="S39" s="102">
        <v>13</v>
      </c>
      <c r="T39" s="102">
        <v>10</v>
      </c>
      <c r="U39" s="102">
        <v>5</v>
      </c>
      <c r="V39" s="102">
        <v>6</v>
      </c>
      <c r="W39" s="103">
        <v>44</v>
      </c>
      <c r="X39" s="104">
        <v>52</v>
      </c>
      <c r="Y39" s="101">
        <v>5</v>
      </c>
      <c r="Z39" s="102">
        <v>11</v>
      </c>
      <c r="AA39" s="103">
        <v>16</v>
      </c>
      <c r="AB39" s="413">
        <v>0</v>
      </c>
      <c r="AC39" s="102">
        <v>18</v>
      </c>
      <c r="AD39" s="102">
        <v>24</v>
      </c>
      <c r="AE39" s="102">
        <v>13</v>
      </c>
      <c r="AF39" s="102">
        <v>13</v>
      </c>
      <c r="AG39" s="102">
        <v>6</v>
      </c>
      <c r="AH39" s="103">
        <v>74</v>
      </c>
      <c r="AI39" s="104">
        <v>90</v>
      </c>
      <c r="AJ39" s="101">
        <v>20</v>
      </c>
      <c r="AK39" s="102">
        <v>9</v>
      </c>
      <c r="AL39" s="103">
        <v>29</v>
      </c>
      <c r="AM39" s="413">
        <v>0</v>
      </c>
      <c r="AN39" s="102">
        <v>34</v>
      </c>
      <c r="AO39" s="102">
        <v>28</v>
      </c>
      <c r="AP39" s="102">
        <v>26</v>
      </c>
      <c r="AQ39" s="102">
        <v>13</v>
      </c>
      <c r="AR39" s="102">
        <v>12</v>
      </c>
      <c r="AS39" s="103">
        <v>113</v>
      </c>
      <c r="AT39" s="104">
        <v>142</v>
      </c>
      <c r="AU39" s="101">
        <v>18</v>
      </c>
      <c r="AV39" s="102">
        <v>27</v>
      </c>
      <c r="AW39" s="103">
        <v>45</v>
      </c>
      <c r="AX39" s="413">
        <v>0</v>
      </c>
      <c r="AY39" s="102">
        <v>44</v>
      </c>
      <c r="AZ39" s="102">
        <v>36</v>
      </c>
      <c r="BA39" s="102">
        <v>34</v>
      </c>
      <c r="BB39" s="102">
        <v>27</v>
      </c>
      <c r="BC39" s="102">
        <v>14</v>
      </c>
      <c r="BD39" s="103">
        <v>155</v>
      </c>
      <c r="BE39" s="104">
        <v>200</v>
      </c>
      <c r="BF39" s="101">
        <v>13</v>
      </c>
      <c r="BG39" s="102">
        <v>21</v>
      </c>
      <c r="BH39" s="103">
        <v>34</v>
      </c>
      <c r="BI39" s="413">
        <v>0</v>
      </c>
      <c r="BJ39" s="102">
        <v>43</v>
      </c>
      <c r="BK39" s="102">
        <v>31</v>
      </c>
      <c r="BL39" s="102">
        <v>16</v>
      </c>
      <c r="BM39" s="102">
        <v>16</v>
      </c>
      <c r="BN39" s="102">
        <v>11</v>
      </c>
      <c r="BO39" s="103">
        <v>117</v>
      </c>
      <c r="BP39" s="104">
        <v>151</v>
      </c>
      <c r="BQ39" s="101">
        <v>7</v>
      </c>
      <c r="BR39" s="102">
        <v>13</v>
      </c>
      <c r="BS39" s="103">
        <v>20</v>
      </c>
      <c r="BT39" s="413">
        <v>0</v>
      </c>
      <c r="BU39" s="102">
        <v>20</v>
      </c>
      <c r="BV39" s="102">
        <v>19</v>
      </c>
      <c r="BW39" s="102">
        <v>21</v>
      </c>
      <c r="BX39" s="102">
        <v>11</v>
      </c>
      <c r="BY39" s="102">
        <v>7</v>
      </c>
      <c r="BZ39" s="103">
        <v>78</v>
      </c>
      <c r="CA39" s="104">
        <v>98</v>
      </c>
      <c r="CB39" s="101">
        <v>2</v>
      </c>
      <c r="CC39" s="102">
        <v>2</v>
      </c>
      <c r="CD39" s="103">
        <v>4</v>
      </c>
      <c r="CE39" s="413">
        <v>0</v>
      </c>
      <c r="CF39" s="102">
        <v>5</v>
      </c>
      <c r="CG39" s="102">
        <v>4</v>
      </c>
      <c r="CH39" s="102">
        <v>9</v>
      </c>
      <c r="CI39" s="102">
        <v>8</v>
      </c>
      <c r="CJ39" s="102">
        <v>2</v>
      </c>
      <c r="CK39" s="103">
        <v>28</v>
      </c>
      <c r="CL39" s="104">
        <v>32</v>
      </c>
      <c r="CM39" s="101">
        <v>68</v>
      </c>
      <c r="CN39" s="102">
        <v>88</v>
      </c>
      <c r="CO39" s="103">
        <v>156</v>
      </c>
      <c r="CP39" s="413">
        <v>0</v>
      </c>
      <c r="CQ39" s="102">
        <v>174</v>
      </c>
      <c r="CR39" s="102">
        <v>155</v>
      </c>
      <c r="CS39" s="102">
        <v>129</v>
      </c>
      <c r="CT39" s="102">
        <v>93</v>
      </c>
      <c r="CU39" s="102">
        <v>58</v>
      </c>
      <c r="CV39" s="103">
        <v>609</v>
      </c>
      <c r="CW39" s="104">
        <v>765</v>
      </c>
      <c r="CX39" s="105">
        <v>100</v>
      </c>
      <c r="CY39" s="97">
        <v>195</v>
      </c>
      <c r="CZ39" s="98">
        <v>295</v>
      </c>
      <c r="DA39" s="413">
        <v>0</v>
      </c>
      <c r="DB39" s="97">
        <v>253</v>
      </c>
      <c r="DC39" s="97">
        <v>232</v>
      </c>
      <c r="DD39" s="97">
        <v>190</v>
      </c>
      <c r="DE39" s="97">
        <v>164</v>
      </c>
      <c r="DF39" s="97">
        <v>130</v>
      </c>
      <c r="DG39" s="99">
        <v>969</v>
      </c>
      <c r="DH39" s="100">
        <v>1264</v>
      </c>
      <c r="DI39" s="101">
        <v>2</v>
      </c>
      <c r="DJ39" s="102">
        <v>3</v>
      </c>
      <c r="DK39" s="103">
        <v>5</v>
      </c>
      <c r="DL39" s="413">
        <v>0</v>
      </c>
      <c r="DM39" s="102">
        <v>6</v>
      </c>
      <c r="DN39" s="102">
        <v>5</v>
      </c>
      <c r="DO39" s="102">
        <v>6</v>
      </c>
      <c r="DP39" s="102">
        <v>4</v>
      </c>
      <c r="DQ39" s="102">
        <v>2</v>
      </c>
      <c r="DR39" s="103">
        <v>23</v>
      </c>
      <c r="DS39" s="104">
        <v>28</v>
      </c>
      <c r="DT39" s="101">
        <v>3</v>
      </c>
      <c r="DU39" s="102">
        <v>24</v>
      </c>
      <c r="DV39" s="103">
        <v>27</v>
      </c>
      <c r="DW39" s="413">
        <v>0</v>
      </c>
      <c r="DX39" s="102">
        <v>20</v>
      </c>
      <c r="DY39" s="102">
        <v>15</v>
      </c>
      <c r="DZ39" s="102">
        <v>10</v>
      </c>
      <c r="EA39" s="102">
        <v>14</v>
      </c>
      <c r="EB39" s="102">
        <v>11</v>
      </c>
      <c r="EC39" s="103">
        <v>70</v>
      </c>
      <c r="ED39" s="104">
        <v>97</v>
      </c>
      <c r="EE39" s="101">
        <v>24</v>
      </c>
      <c r="EF39" s="102">
        <v>32</v>
      </c>
      <c r="EG39" s="103">
        <v>56</v>
      </c>
      <c r="EH39" s="413">
        <v>0</v>
      </c>
      <c r="EI39" s="102">
        <v>32</v>
      </c>
      <c r="EJ39" s="102">
        <v>32</v>
      </c>
      <c r="EK39" s="102">
        <v>20</v>
      </c>
      <c r="EL39" s="102">
        <v>27</v>
      </c>
      <c r="EM39" s="102">
        <v>15</v>
      </c>
      <c r="EN39" s="103">
        <v>126</v>
      </c>
      <c r="EO39" s="104">
        <v>182</v>
      </c>
      <c r="EP39" s="101">
        <v>41</v>
      </c>
      <c r="EQ39" s="102">
        <v>57</v>
      </c>
      <c r="ER39" s="103">
        <v>98</v>
      </c>
      <c r="ES39" s="413">
        <v>0</v>
      </c>
      <c r="ET39" s="102">
        <v>74</v>
      </c>
      <c r="EU39" s="102">
        <v>58</v>
      </c>
      <c r="EV39" s="102">
        <v>37</v>
      </c>
      <c r="EW39" s="102">
        <v>27</v>
      </c>
      <c r="EX39" s="102">
        <v>27</v>
      </c>
      <c r="EY39" s="103">
        <v>223</v>
      </c>
      <c r="EZ39" s="104">
        <v>321</v>
      </c>
      <c r="FA39" s="101">
        <v>21</v>
      </c>
      <c r="FB39" s="102">
        <v>57</v>
      </c>
      <c r="FC39" s="103">
        <v>78</v>
      </c>
      <c r="FD39" s="413">
        <v>0</v>
      </c>
      <c r="FE39" s="102">
        <v>67</v>
      </c>
      <c r="FF39" s="102">
        <v>56</v>
      </c>
      <c r="FG39" s="102">
        <v>52</v>
      </c>
      <c r="FH39" s="102">
        <v>35</v>
      </c>
      <c r="FI39" s="102">
        <v>34</v>
      </c>
      <c r="FJ39" s="103">
        <v>244</v>
      </c>
      <c r="FK39" s="104">
        <v>322</v>
      </c>
      <c r="FL39" s="101">
        <v>9</v>
      </c>
      <c r="FM39" s="102">
        <v>22</v>
      </c>
      <c r="FN39" s="103">
        <v>31</v>
      </c>
      <c r="FO39" s="413">
        <v>0</v>
      </c>
      <c r="FP39" s="102">
        <v>54</v>
      </c>
      <c r="FQ39" s="102">
        <v>66</v>
      </c>
      <c r="FR39" s="102">
        <v>65</v>
      </c>
      <c r="FS39" s="102">
        <v>57</v>
      </c>
      <c r="FT39" s="102">
        <v>41</v>
      </c>
      <c r="FU39" s="103">
        <v>283</v>
      </c>
      <c r="FV39" s="104">
        <v>314</v>
      </c>
      <c r="FW39" s="101">
        <v>1</v>
      </c>
      <c r="FX39" s="102">
        <v>3</v>
      </c>
      <c r="FY39" s="103">
        <v>4</v>
      </c>
      <c r="FZ39" s="413">
        <v>0</v>
      </c>
      <c r="GA39" s="102">
        <v>3</v>
      </c>
      <c r="GB39" s="102">
        <v>3</v>
      </c>
      <c r="GC39" s="102">
        <v>2</v>
      </c>
      <c r="GD39" s="102">
        <v>6</v>
      </c>
      <c r="GE39" s="102">
        <v>4</v>
      </c>
      <c r="GF39" s="103">
        <v>18</v>
      </c>
      <c r="GG39" s="104">
        <v>22</v>
      </c>
      <c r="GH39" s="101">
        <v>101</v>
      </c>
      <c r="GI39" s="102">
        <v>198</v>
      </c>
      <c r="GJ39" s="103">
        <v>299</v>
      </c>
      <c r="GK39" s="413">
        <v>0</v>
      </c>
      <c r="GL39" s="102">
        <v>256</v>
      </c>
      <c r="GM39" s="102">
        <v>235</v>
      </c>
      <c r="GN39" s="102">
        <v>192</v>
      </c>
      <c r="GO39" s="102">
        <v>170</v>
      </c>
      <c r="GP39" s="102">
        <v>134</v>
      </c>
      <c r="GQ39" s="103">
        <v>987</v>
      </c>
      <c r="GR39" s="104">
        <v>1286</v>
      </c>
      <c r="GS39" s="105">
        <v>166</v>
      </c>
      <c r="GT39" s="97">
        <v>281</v>
      </c>
      <c r="GU39" s="98">
        <v>447</v>
      </c>
      <c r="GV39" s="413">
        <v>0</v>
      </c>
      <c r="GW39" s="97">
        <v>422</v>
      </c>
      <c r="GX39" s="97">
        <v>383</v>
      </c>
      <c r="GY39" s="97">
        <v>310</v>
      </c>
      <c r="GZ39" s="97">
        <v>249</v>
      </c>
      <c r="HA39" s="97">
        <v>186</v>
      </c>
      <c r="HB39" s="99">
        <v>1550</v>
      </c>
      <c r="HC39" s="100">
        <v>1997</v>
      </c>
      <c r="HD39" s="101">
        <v>5</v>
      </c>
      <c r="HE39" s="102">
        <v>8</v>
      </c>
      <c r="HF39" s="103">
        <v>13</v>
      </c>
      <c r="HG39" s="416">
        <v>0</v>
      </c>
      <c r="HH39" s="102">
        <v>16</v>
      </c>
      <c r="HI39" s="102">
        <v>18</v>
      </c>
      <c r="HJ39" s="102">
        <v>16</v>
      </c>
      <c r="HK39" s="102">
        <v>9</v>
      </c>
      <c r="HL39" s="102">
        <v>8</v>
      </c>
      <c r="HM39" s="103">
        <v>67</v>
      </c>
      <c r="HN39" s="104">
        <v>80</v>
      </c>
      <c r="HO39" s="101">
        <v>8</v>
      </c>
      <c r="HP39" s="102">
        <v>35</v>
      </c>
      <c r="HQ39" s="103">
        <v>43</v>
      </c>
      <c r="HR39" s="413">
        <v>0</v>
      </c>
      <c r="HS39" s="102">
        <v>38</v>
      </c>
      <c r="HT39" s="102">
        <v>39</v>
      </c>
      <c r="HU39" s="102">
        <v>23</v>
      </c>
      <c r="HV39" s="102">
        <v>27</v>
      </c>
      <c r="HW39" s="102">
        <v>17</v>
      </c>
      <c r="HX39" s="103">
        <v>144</v>
      </c>
      <c r="HY39" s="104">
        <v>187</v>
      </c>
      <c r="HZ39" s="101">
        <v>44</v>
      </c>
      <c r="IA39" s="102">
        <v>41</v>
      </c>
      <c r="IB39" s="103">
        <v>85</v>
      </c>
      <c r="IC39" s="413">
        <v>0</v>
      </c>
      <c r="ID39" s="102">
        <v>66</v>
      </c>
      <c r="IE39" s="102">
        <v>60</v>
      </c>
      <c r="IF39" s="102">
        <v>46</v>
      </c>
      <c r="IG39" s="102">
        <v>40</v>
      </c>
      <c r="IH39" s="102">
        <v>27</v>
      </c>
      <c r="II39" s="103">
        <v>239</v>
      </c>
      <c r="IJ39" s="104">
        <v>324</v>
      </c>
      <c r="IK39" s="101">
        <v>59</v>
      </c>
      <c r="IL39" s="102">
        <v>84</v>
      </c>
      <c r="IM39" s="103">
        <v>143</v>
      </c>
      <c r="IN39" s="413">
        <v>0</v>
      </c>
      <c r="IO39" s="102">
        <v>118</v>
      </c>
      <c r="IP39" s="102">
        <v>94</v>
      </c>
      <c r="IQ39" s="102">
        <v>71</v>
      </c>
      <c r="IR39" s="102">
        <v>54</v>
      </c>
      <c r="IS39" s="102">
        <v>41</v>
      </c>
      <c r="IT39" s="103">
        <v>378</v>
      </c>
      <c r="IU39" s="104">
        <v>521</v>
      </c>
      <c r="IV39" s="101">
        <v>34</v>
      </c>
      <c r="IW39" s="102">
        <v>78</v>
      </c>
      <c r="IX39" s="103">
        <v>112</v>
      </c>
      <c r="IY39" s="413">
        <v>0</v>
      </c>
      <c r="IZ39" s="102">
        <v>110</v>
      </c>
      <c r="JA39" s="102">
        <v>87</v>
      </c>
      <c r="JB39" s="102">
        <v>68</v>
      </c>
      <c r="JC39" s="102">
        <v>51</v>
      </c>
      <c r="JD39" s="102">
        <v>45</v>
      </c>
      <c r="JE39" s="103">
        <v>361</v>
      </c>
      <c r="JF39" s="104">
        <v>473</v>
      </c>
      <c r="JG39" s="101">
        <v>16</v>
      </c>
      <c r="JH39" s="102">
        <v>35</v>
      </c>
      <c r="JI39" s="103">
        <v>51</v>
      </c>
      <c r="JJ39" s="413">
        <v>0</v>
      </c>
      <c r="JK39" s="102">
        <v>74</v>
      </c>
      <c r="JL39" s="102">
        <v>85</v>
      </c>
      <c r="JM39" s="102">
        <v>86</v>
      </c>
      <c r="JN39" s="102">
        <v>68</v>
      </c>
      <c r="JO39" s="102">
        <v>48</v>
      </c>
      <c r="JP39" s="103">
        <v>361</v>
      </c>
      <c r="JQ39" s="104">
        <v>412</v>
      </c>
      <c r="JR39" s="101">
        <v>3</v>
      </c>
      <c r="JS39" s="102">
        <v>5</v>
      </c>
      <c r="JT39" s="103">
        <v>8</v>
      </c>
      <c r="JU39" s="413">
        <v>0</v>
      </c>
      <c r="JV39" s="102">
        <v>8</v>
      </c>
      <c r="JW39" s="102">
        <v>7</v>
      </c>
      <c r="JX39" s="102">
        <v>11</v>
      </c>
      <c r="JY39" s="102">
        <v>14</v>
      </c>
      <c r="JZ39" s="102">
        <v>6</v>
      </c>
      <c r="KA39" s="103">
        <v>46</v>
      </c>
      <c r="KB39" s="104">
        <v>54</v>
      </c>
      <c r="KC39" s="101">
        <v>169</v>
      </c>
      <c r="KD39" s="102">
        <v>286</v>
      </c>
      <c r="KE39" s="103">
        <v>455</v>
      </c>
      <c r="KF39" s="413">
        <v>0</v>
      </c>
      <c r="KG39" s="102">
        <v>430</v>
      </c>
      <c r="KH39" s="102">
        <v>390</v>
      </c>
      <c r="KI39" s="102">
        <v>321</v>
      </c>
      <c r="KJ39" s="102">
        <v>263</v>
      </c>
      <c r="KK39" s="102">
        <v>192</v>
      </c>
      <c r="KL39" s="103">
        <v>1596</v>
      </c>
      <c r="KM39" s="104">
        <v>2051</v>
      </c>
    </row>
    <row r="40" spans="2:299" s="70" customFormat="1" ht="21" customHeight="1" thickBot="1" x14ac:dyDescent="0.25">
      <c r="B40" s="108" t="s">
        <v>37</v>
      </c>
      <c r="C40" s="109">
        <v>1</v>
      </c>
      <c r="D40" s="110">
        <v>1</v>
      </c>
      <c r="E40" s="111">
        <v>2</v>
      </c>
      <c r="F40" s="414">
        <v>0</v>
      </c>
      <c r="G40" s="110">
        <v>9</v>
      </c>
      <c r="H40" s="110">
        <v>10</v>
      </c>
      <c r="I40" s="110">
        <v>8</v>
      </c>
      <c r="J40" s="110">
        <v>3</v>
      </c>
      <c r="K40" s="110">
        <v>5</v>
      </c>
      <c r="L40" s="112">
        <v>35</v>
      </c>
      <c r="M40" s="113">
        <v>37</v>
      </c>
      <c r="N40" s="114">
        <v>1</v>
      </c>
      <c r="O40" s="115">
        <v>1</v>
      </c>
      <c r="P40" s="116">
        <v>2</v>
      </c>
      <c r="Q40" s="414">
        <v>0</v>
      </c>
      <c r="R40" s="115">
        <v>0</v>
      </c>
      <c r="S40" s="115">
        <v>0</v>
      </c>
      <c r="T40" s="115">
        <v>0</v>
      </c>
      <c r="U40" s="115">
        <v>1</v>
      </c>
      <c r="V40" s="115">
        <v>0</v>
      </c>
      <c r="W40" s="116">
        <v>1</v>
      </c>
      <c r="X40" s="117">
        <v>3</v>
      </c>
      <c r="Y40" s="114">
        <v>0</v>
      </c>
      <c r="Z40" s="115">
        <v>0</v>
      </c>
      <c r="AA40" s="116">
        <v>0</v>
      </c>
      <c r="AB40" s="414">
        <v>0</v>
      </c>
      <c r="AC40" s="115">
        <v>0</v>
      </c>
      <c r="AD40" s="115">
        <v>1</v>
      </c>
      <c r="AE40" s="115">
        <v>3</v>
      </c>
      <c r="AF40" s="115">
        <v>0</v>
      </c>
      <c r="AG40" s="115">
        <v>1</v>
      </c>
      <c r="AH40" s="116">
        <v>5</v>
      </c>
      <c r="AI40" s="117">
        <v>5</v>
      </c>
      <c r="AJ40" s="114">
        <v>0</v>
      </c>
      <c r="AK40" s="115">
        <v>0</v>
      </c>
      <c r="AL40" s="116">
        <v>0</v>
      </c>
      <c r="AM40" s="414">
        <v>0</v>
      </c>
      <c r="AN40" s="115">
        <v>2</v>
      </c>
      <c r="AO40" s="115">
        <v>3</v>
      </c>
      <c r="AP40" s="115">
        <v>2</v>
      </c>
      <c r="AQ40" s="115">
        <v>0</v>
      </c>
      <c r="AR40" s="115">
        <v>0</v>
      </c>
      <c r="AS40" s="116">
        <v>7</v>
      </c>
      <c r="AT40" s="117">
        <v>7</v>
      </c>
      <c r="AU40" s="114">
        <v>0</v>
      </c>
      <c r="AV40" s="115">
        <v>0</v>
      </c>
      <c r="AW40" s="116">
        <v>0</v>
      </c>
      <c r="AX40" s="414">
        <v>0</v>
      </c>
      <c r="AY40" s="115">
        <v>4</v>
      </c>
      <c r="AZ40" s="115">
        <v>2</v>
      </c>
      <c r="BA40" s="115">
        <v>1</v>
      </c>
      <c r="BB40" s="115">
        <v>1</v>
      </c>
      <c r="BC40" s="115">
        <v>0</v>
      </c>
      <c r="BD40" s="116">
        <v>8</v>
      </c>
      <c r="BE40" s="117">
        <v>8</v>
      </c>
      <c r="BF40" s="114">
        <v>0</v>
      </c>
      <c r="BG40" s="115">
        <v>0</v>
      </c>
      <c r="BH40" s="116">
        <v>0</v>
      </c>
      <c r="BI40" s="414">
        <v>0</v>
      </c>
      <c r="BJ40" s="115">
        <v>1</v>
      </c>
      <c r="BK40" s="115">
        <v>2</v>
      </c>
      <c r="BL40" s="115">
        <v>2</v>
      </c>
      <c r="BM40" s="115">
        <v>1</v>
      </c>
      <c r="BN40" s="115">
        <v>2</v>
      </c>
      <c r="BO40" s="116">
        <v>8</v>
      </c>
      <c r="BP40" s="117">
        <v>8</v>
      </c>
      <c r="BQ40" s="114">
        <v>0</v>
      </c>
      <c r="BR40" s="115">
        <v>0</v>
      </c>
      <c r="BS40" s="116">
        <v>0</v>
      </c>
      <c r="BT40" s="414">
        <v>0</v>
      </c>
      <c r="BU40" s="115">
        <v>2</v>
      </c>
      <c r="BV40" s="115">
        <v>2</v>
      </c>
      <c r="BW40" s="115">
        <v>0</v>
      </c>
      <c r="BX40" s="115">
        <v>0</v>
      </c>
      <c r="BY40" s="115">
        <v>2</v>
      </c>
      <c r="BZ40" s="116">
        <v>6</v>
      </c>
      <c r="CA40" s="117">
        <v>6</v>
      </c>
      <c r="CB40" s="114">
        <v>0</v>
      </c>
      <c r="CC40" s="115">
        <v>0</v>
      </c>
      <c r="CD40" s="116">
        <v>0</v>
      </c>
      <c r="CE40" s="414">
        <v>0</v>
      </c>
      <c r="CF40" s="115">
        <v>0</v>
      </c>
      <c r="CG40" s="115">
        <v>1</v>
      </c>
      <c r="CH40" s="115">
        <v>0</v>
      </c>
      <c r="CI40" s="115">
        <v>2</v>
      </c>
      <c r="CJ40" s="115">
        <v>0</v>
      </c>
      <c r="CK40" s="116">
        <v>3</v>
      </c>
      <c r="CL40" s="117">
        <v>3</v>
      </c>
      <c r="CM40" s="114">
        <v>1</v>
      </c>
      <c r="CN40" s="115">
        <v>1</v>
      </c>
      <c r="CO40" s="116">
        <v>2</v>
      </c>
      <c r="CP40" s="414">
        <v>0</v>
      </c>
      <c r="CQ40" s="115">
        <v>9</v>
      </c>
      <c r="CR40" s="115">
        <v>11</v>
      </c>
      <c r="CS40" s="115">
        <v>8</v>
      </c>
      <c r="CT40" s="115">
        <v>5</v>
      </c>
      <c r="CU40" s="115">
        <v>5</v>
      </c>
      <c r="CV40" s="116">
        <v>38</v>
      </c>
      <c r="CW40" s="117">
        <v>40</v>
      </c>
      <c r="CX40" s="118">
        <v>15</v>
      </c>
      <c r="CY40" s="110">
        <v>3</v>
      </c>
      <c r="CZ40" s="111">
        <v>18</v>
      </c>
      <c r="DA40" s="414">
        <v>0</v>
      </c>
      <c r="DB40" s="110">
        <v>22</v>
      </c>
      <c r="DC40" s="110">
        <v>18</v>
      </c>
      <c r="DD40" s="110">
        <v>26</v>
      </c>
      <c r="DE40" s="110">
        <v>19</v>
      </c>
      <c r="DF40" s="110">
        <v>15</v>
      </c>
      <c r="DG40" s="112">
        <v>100</v>
      </c>
      <c r="DH40" s="113">
        <v>118</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0</v>
      </c>
      <c r="EB40" s="115">
        <v>2</v>
      </c>
      <c r="EC40" s="116">
        <v>3</v>
      </c>
      <c r="ED40" s="117">
        <v>5</v>
      </c>
      <c r="EE40" s="114">
        <v>1</v>
      </c>
      <c r="EF40" s="115">
        <v>1</v>
      </c>
      <c r="EG40" s="116">
        <v>2</v>
      </c>
      <c r="EH40" s="414">
        <v>0</v>
      </c>
      <c r="EI40" s="115">
        <v>1</v>
      </c>
      <c r="EJ40" s="115">
        <v>3</v>
      </c>
      <c r="EK40" s="115">
        <v>3</v>
      </c>
      <c r="EL40" s="115">
        <v>2</v>
      </c>
      <c r="EM40" s="115">
        <v>0</v>
      </c>
      <c r="EN40" s="116">
        <v>9</v>
      </c>
      <c r="EO40" s="117">
        <v>11</v>
      </c>
      <c r="EP40" s="114">
        <v>6</v>
      </c>
      <c r="EQ40" s="115">
        <v>1</v>
      </c>
      <c r="ER40" s="116">
        <v>7</v>
      </c>
      <c r="ES40" s="414">
        <v>0</v>
      </c>
      <c r="ET40" s="115">
        <v>5</v>
      </c>
      <c r="EU40" s="115">
        <v>3</v>
      </c>
      <c r="EV40" s="115">
        <v>3</v>
      </c>
      <c r="EW40" s="115">
        <v>3</v>
      </c>
      <c r="EX40" s="115">
        <v>5</v>
      </c>
      <c r="EY40" s="116">
        <v>19</v>
      </c>
      <c r="EZ40" s="117">
        <v>26</v>
      </c>
      <c r="FA40" s="114">
        <v>4</v>
      </c>
      <c r="FB40" s="115">
        <v>0</v>
      </c>
      <c r="FC40" s="116">
        <v>4</v>
      </c>
      <c r="FD40" s="414">
        <v>0</v>
      </c>
      <c r="FE40" s="115">
        <v>8</v>
      </c>
      <c r="FF40" s="115">
        <v>5</v>
      </c>
      <c r="FG40" s="115">
        <v>11</v>
      </c>
      <c r="FH40" s="115">
        <v>5</v>
      </c>
      <c r="FI40" s="115">
        <v>4</v>
      </c>
      <c r="FJ40" s="116">
        <v>33</v>
      </c>
      <c r="FK40" s="117">
        <v>37</v>
      </c>
      <c r="FL40" s="114">
        <v>2</v>
      </c>
      <c r="FM40" s="115">
        <v>1</v>
      </c>
      <c r="FN40" s="116">
        <v>3</v>
      </c>
      <c r="FO40" s="414">
        <v>0</v>
      </c>
      <c r="FP40" s="115">
        <v>8</v>
      </c>
      <c r="FQ40" s="115">
        <v>7</v>
      </c>
      <c r="FR40" s="115">
        <v>8</v>
      </c>
      <c r="FS40" s="115">
        <v>9</v>
      </c>
      <c r="FT40" s="115">
        <v>3</v>
      </c>
      <c r="FU40" s="116">
        <v>35</v>
      </c>
      <c r="FV40" s="117">
        <v>38</v>
      </c>
      <c r="FW40" s="114">
        <v>0</v>
      </c>
      <c r="FX40" s="115">
        <v>0</v>
      </c>
      <c r="FY40" s="116">
        <v>0</v>
      </c>
      <c r="FZ40" s="414">
        <v>0</v>
      </c>
      <c r="GA40" s="115">
        <v>0</v>
      </c>
      <c r="GB40" s="115">
        <v>1</v>
      </c>
      <c r="GC40" s="115">
        <v>0</v>
      </c>
      <c r="GD40" s="115">
        <v>0</v>
      </c>
      <c r="GE40" s="115">
        <v>0</v>
      </c>
      <c r="GF40" s="116">
        <v>1</v>
      </c>
      <c r="GG40" s="117">
        <v>1</v>
      </c>
      <c r="GH40" s="114">
        <v>15</v>
      </c>
      <c r="GI40" s="115">
        <v>3</v>
      </c>
      <c r="GJ40" s="116">
        <v>18</v>
      </c>
      <c r="GK40" s="414">
        <v>0</v>
      </c>
      <c r="GL40" s="115">
        <v>22</v>
      </c>
      <c r="GM40" s="115">
        <v>19</v>
      </c>
      <c r="GN40" s="115">
        <v>26</v>
      </c>
      <c r="GO40" s="115">
        <v>19</v>
      </c>
      <c r="GP40" s="115">
        <v>15</v>
      </c>
      <c r="GQ40" s="116">
        <v>101</v>
      </c>
      <c r="GR40" s="117">
        <v>119</v>
      </c>
      <c r="GS40" s="118">
        <v>16</v>
      </c>
      <c r="GT40" s="110">
        <v>4</v>
      </c>
      <c r="GU40" s="111">
        <v>20</v>
      </c>
      <c r="GV40" s="414">
        <v>0</v>
      </c>
      <c r="GW40" s="110">
        <v>31</v>
      </c>
      <c r="GX40" s="110">
        <v>28</v>
      </c>
      <c r="GY40" s="110">
        <v>34</v>
      </c>
      <c r="GZ40" s="110">
        <v>22</v>
      </c>
      <c r="HA40" s="110">
        <v>20</v>
      </c>
      <c r="HB40" s="112">
        <v>135</v>
      </c>
      <c r="HC40" s="113">
        <v>155</v>
      </c>
      <c r="HD40" s="114">
        <v>1</v>
      </c>
      <c r="HE40" s="115">
        <v>1</v>
      </c>
      <c r="HF40" s="116">
        <v>2</v>
      </c>
      <c r="HG40" s="417">
        <v>0</v>
      </c>
      <c r="HH40" s="115">
        <v>0</v>
      </c>
      <c r="HI40" s="115">
        <v>0</v>
      </c>
      <c r="HJ40" s="115">
        <v>0</v>
      </c>
      <c r="HK40" s="115">
        <v>1</v>
      </c>
      <c r="HL40" s="115">
        <v>1</v>
      </c>
      <c r="HM40" s="116">
        <v>2</v>
      </c>
      <c r="HN40" s="117">
        <v>4</v>
      </c>
      <c r="HO40" s="114">
        <v>2</v>
      </c>
      <c r="HP40" s="115">
        <v>0</v>
      </c>
      <c r="HQ40" s="116">
        <v>2</v>
      </c>
      <c r="HR40" s="414">
        <v>0</v>
      </c>
      <c r="HS40" s="115">
        <v>0</v>
      </c>
      <c r="HT40" s="115">
        <v>1</v>
      </c>
      <c r="HU40" s="115">
        <v>4</v>
      </c>
      <c r="HV40" s="115">
        <v>0</v>
      </c>
      <c r="HW40" s="115">
        <v>3</v>
      </c>
      <c r="HX40" s="116">
        <v>8</v>
      </c>
      <c r="HY40" s="117">
        <v>10</v>
      </c>
      <c r="HZ40" s="114">
        <v>1</v>
      </c>
      <c r="IA40" s="115">
        <v>1</v>
      </c>
      <c r="IB40" s="116">
        <v>2</v>
      </c>
      <c r="IC40" s="414">
        <v>0</v>
      </c>
      <c r="ID40" s="115">
        <v>3</v>
      </c>
      <c r="IE40" s="115">
        <v>6</v>
      </c>
      <c r="IF40" s="115">
        <v>5</v>
      </c>
      <c r="IG40" s="115">
        <v>2</v>
      </c>
      <c r="IH40" s="115">
        <v>0</v>
      </c>
      <c r="II40" s="116">
        <v>16</v>
      </c>
      <c r="IJ40" s="117">
        <v>18</v>
      </c>
      <c r="IK40" s="114">
        <v>6</v>
      </c>
      <c r="IL40" s="115">
        <v>1</v>
      </c>
      <c r="IM40" s="116">
        <v>7</v>
      </c>
      <c r="IN40" s="414">
        <v>0</v>
      </c>
      <c r="IO40" s="115">
        <v>9</v>
      </c>
      <c r="IP40" s="115">
        <v>5</v>
      </c>
      <c r="IQ40" s="115">
        <v>4</v>
      </c>
      <c r="IR40" s="115">
        <v>4</v>
      </c>
      <c r="IS40" s="115">
        <v>5</v>
      </c>
      <c r="IT40" s="116">
        <v>27</v>
      </c>
      <c r="IU40" s="117">
        <v>34</v>
      </c>
      <c r="IV40" s="114">
        <v>4</v>
      </c>
      <c r="IW40" s="115">
        <v>0</v>
      </c>
      <c r="IX40" s="116">
        <v>4</v>
      </c>
      <c r="IY40" s="414">
        <v>0</v>
      </c>
      <c r="IZ40" s="115">
        <v>9</v>
      </c>
      <c r="JA40" s="115">
        <v>7</v>
      </c>
      <c r="JB40" s="115">
        <v>13</v>
      </c>
      <c r="JC40" s="115">
        <v>6</v>
      </c>
      <c r="JD40" s="115">
        <v>6</v>
      </c>
      <c r="JE40" s="116">
        <v>41</v>
      </c>
      <c r="JF40" s="117">
        <v>45</v>
      </c>
      <c r="JG40" s="114">
        <v>2</v>
      </c>
      <c r="JH40" s="115">
        <v>1</v>
      </c>
      <c r="JI40" s="116">
        <v>3</v>
      </c>
      <c r="JJ40" s="414">
        <v>0</v>
      </c>
      <c r="JK40" s="115">
        <v>10</v>
      </c>
      <c r="JL40" s="115">
        <v>9</v>
      </c>
      <c r="JM40" s="115">
        <v>8</v>
      </c>
      <c r="JN40" s="115">
        <v>9</v>
      </c>
      <c r="JO40" s="115">
        <v>5</v>
      </c>
      <c r="JP40" s="116">
        <v>41</v>
      </c>
      <c r="JQ40" s="117">
        <v>44</v>
      </c>
      <c r="JR40" s="114">
        <v>0</v>
      </c>
      <c r="JS40" s="115">
        <v>0</v>
      </c>
      <c r="JT40" s="116">
        <v>0</v>
      </c>
      <c r="JU40" s="414">
        <v>0</v>
      </c>
      <c r="JV40" s="115">
        <v>0</v>
      </c>
      <c r="JW40" s="115">
        <v>2</v>
      </c>
      <c r="JX40" s="115">
        <v>0</v>
      </c>
      <c r="JY40" s="115">
        <v>2</v>
      </c>
      <c r="JZ40" s="115">
        <v>0</v>
      </c>
      <c r="KA40" s="116">
        <v>4</v>
      </c>
      <c r="KB40" s="117">
        <v>4</v>
      </c>
      <c r="KC40" s="114">
        <v>16</v>
      </c>
      <c r="KD40" s="115">
        <v>4</v>
      </c>
      <c r="KE40" s="116">
        <v>20</v>
      </c>
      <c r="KF40" s="414">
        <v>0</v>
      </c>
      <c r="KG40" s="115">
        <v>31</v>
      </c>
      <c r="KH40" s="115">
        <v>30</v>
      </c>
      <c r="KI40" s="115">
        <v>34</v>
      </c>
      <c r="KJ40" s="115">
        <v>24</v>
      </c>
      <c r="KK40" s="115">
        <v>20</v>
      </c>
      <c r="KL40" s="116">
        <v>139</v>
      </c>
      <c r="KM40" s="117">
        <v>159</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8</v>
      </c>
      <c r="H1" s="445">
        <f>IF(G1&lt;3,G1-2+12,G1-2)</f>
        <v>6</v>
      </c>
      <c r="I1" s="445"/>
    </row>
    <row r="2" spans="2:43" ht="24" customHeight="1" thickBot="1" x14ac:dyDescent="0.25">
      <c r="B2" s="10" t="s">
        <v>155</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6</v>
      </c>
      <c r="G6" s="212">
        <v>73</v>
      </c>
      <c r="H6" s="212">
        <v>450</v>
      </c>
      <c r="I6" s="212">
        <v>675</v>
      </c>
      <c r="J6" s="213">
        <v>331</v>
      </c>
      <c r="K6" s="236">
        <v>1545</v>
      </c>
      <c r="L6" s="237">
        <v>1545</v>
      </c>
      <c r="M6" s="211">
        <v>0</v>
      </c>
      <c r="N6" s="213">
        <v>0</v>
      </c>
      <c r="O6" s="236">
        <v>0</v>
      </c>
      <c r="P6" s="216">
        <v>79</v>
      </c>
      <c r="Q6" s="212">
        <v>171</v>
      </c>
      <c r="R6" s="212">
        <v>279</v>
      </c>
      <c r="S6" s="212">
        <v>316</v>
      </c>
      <c r="T6" s="213">
        <v>159</v>
      </c>
      <c r="U6" s="236">
        <v>1004</v>
      </c>
      <c r="V6" s="215">
        <v>1004</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1</v>
      </c>
      <c r="AM6" s="212">
        <v>16</v>
      </c>
      <c r="AN6" s="213">
        <v>14</v>
      </c>
      <c r="AO6" s="236">
        <v>32</v>
      </c>
      <c r="AP6" s="238">
        <v>32</v>
      </c>
      <c r="AQ6" s="239"/>
    </row>
    <row r="7" spans="2:43" ht="21" customHeight="1" x14ac:dyDescent="0.2">
      <c r="B7" s="95" t="s">
        <v>5</v>
      </c>
      <c r="C7" s="217">
        <v>0</v>
      </c>
      <c r="D7" s="219">
        <v>0</v>
      </c>
      <c r="E7" s="219">
        <v>0</v>
      </c>
      <c r="F7" s="220">
        <v>10</v>
      </c>
      <c r="G7" s="218">
        <v>58</v>
      </c>
      <c r="H7" s="218">
        <v>217</v>
      </c>
      <c r="I7" s="218">
        <v>303</v>
      </c>
      <c r="J7" s="219">
        <v>143</v>
      </c>
      <c r="K7" s="240">
        <v>731</v>
      </c>
      <c r="L7" s="241">
        <v>731</v>
      </c>
      <c r="M7" s="217">
        <v>0</v>
      </c>
      <c r="N7" s="219">
        <v>0</v>
      </c>
      <c r="O7" s="240">
        <v>0</v>
      </c>
      <c r="P7" s="222">
        <v>41</v>
      </c>
      <c r="Q7" s="218">
        <v>93</v>
      </c>
      <c r="R7" s="218">
        <v>127</v>
      </c>
      <c r="S7" s="218">
        <v>160</v>
      </c>
      <c r="T7" s="219">
        <v>78</v>
      </c>
      <c r="U7" s="240">
        <v>499</v>
      </c>
      <c r="V7" s="221">
        <v>499</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5</v>
      </c>
      <c r="AN7" s="219">
        <v>5</v>
      </c>
      <c r="AO7" s="240">
        <v>10</v>
      </c>
      <c r="AP7" s="242">
        <v>10</v>
      </c>
      <c r="AQ7" s="239"/>
    </row>
    <row r="8" spans="2:43" ht="21" customHeight="1" x14ac:dyDescent="0.2">
      <c r="B8" s="106" t="s">
        <v>6</v>
      </c>
      <c r="C8" s="217">
        <v>0</v>
      </c>
      <c r="D8" s="219">
        <v>0</v>
      </c>
      <c r="E8" s="219">
        <v>0</v>
      </c>
      <c r="F8" s="220">
        <v>2</v>
      </c>
      <c r="G8" s="218">
        <v>7</v>
      </c>
      <c r="H8" s="218">
        <v>52</v>
      </c>
      <c r="I8" s="218">
        <v>73</v>
      </c>
      <c r="J8" s="219">
        <v>38</v>
      </c>
      <c r="K8" s="240">
        <v>172</v>
      </c>
      <c r="L8" s="241">
        <v>172</v>
      </c>
      <c r="M8" s="217">
        <v>0</v>
      </c>
      <c r="N8" s="219">
        <v>0</v>
      </c>
      <c r="O8" s="240">
        <v>0</v>
      </c>
      <c r="P8" s="222">
        <v>9</v>
      </c>
      <c r="Q8" s="218">
        <v>15</v>
      </c>
      <c r="R8" s="218">
        <v>37</v>
      </c>
      <c r="S8" s="218">
        <v>37</v>
      </c>
      <c r="T8" s="219">
        <v>24</v>
      </c>
      <c r="U8" s="240">
        <v>122</v>
      </c>
      <c r="V8" s="221">
        <v>122</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0</v>
      </c>
      <c r="AN8" s="219">
        <v>0</v>
      </c>
      <c r="AO8" s="240">
        <v>0</v>
      </c>
      <c r="AP8" s="242">
        <v>0</v>
      </c>
      <c r="AQ8" s="239"/>
    </row>
    <row r="9" spans="2:43" ht="21" customHeight="1" x14ac:dyDescent="0.2">
      <c r="B9" s="106" t="s">
        <v>14</v>
      </c>
      <c r="C9" s="217">
        <v>0</v>
      </c>
      <c r="D9" s="219">
        <v>0</v>
      </c>
      <c r="E9" s="219">
        <v>0</v>
      </c>
      <c r="F9" s="220">
        <v>0</v>
      </c>
      <c r="G9" s="218">
        <v>1</v>
      </c>
      <c r="H9" s="218">
        <v>31</v>
      </c>
      <c r="I9" s="218">
        <v>51</v>
      </c>
      <c r="J9" s="219">
        <v>23</v>
      </c>
      <c r="K9" s="240">
        <v>106</v>
      </c>
      <c r="L9" s="241">
        <v>106</v>
      </c>
      <c r="M9" s="217">
        <v>0</v>
      </c>
      <c r="N9" s="219">
        <v>0</v>
      </c>
      <c r="O9" s="240">
        <v>0</v>
      </c>
      <c r="P9" s="222">
        <v>0</v>
      </c>
      <c r="Q9" s="218">
        <v>10</v>
      </c>
      <c r="R9" s="218">
        <v>14</v>
      </c>
      <c r="S9" s="218">
        <v>18</v>
      </c>
      <c r="T9" s="219">
        <v>7</v>
      </c>
      <c r="U9" s="240">
        <v>49</v>
      </c>
      <c r="V9" s="221">
        <v>49</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4</v>
      </c>
      <c r="AN9" s="219">
        <v>5</v>
      </c>
      <c r="AO9" s="240">
        <v>9</v>
      </c>
      <c r="AP9" s="242">
        <v>9</v>
      </c>
      <c r="AQ9" s="239"/>
    </row>
    <row r="10" spans="2:43" ht="21" customHeight="1" x14ac:dyDescent="0.2">
      <c r="B10" s="106" t="s">
        <v>7</v>
      </c>
      <c r="C10" s="217">
        <v>0</v>
      </c>
      <c r="D10" s="219">
        <v>0</v>
      </c>
      <c r="E10" s="219">
        <v>0</v>
      </c>
      <c r="F10" s="220">
        <v>1</v>
      </c>
      <c r="G10" s="218">
        <v>1</v>
      </c>
      <c r="H10" s="218">
        <v>28</v>
      </c>
      <c r="I10" s="218">
        <v>50</v>
      </c>
      <c r="J10" s="219">
        <v>24</v>
      </c>
      <c r="K10" s="240">
        <v>104</v>
      </c>
      <c r="L10" s="241">
        <v>104</v>
      </c>
      <c r="M10" s="217">
        <v>0</v>
      </c>
      <c r="N10" s="219">
        <v>0</v>
      </c>
      <c r="O10" s="240">
        <v>0</v>
      </c>
      <c r="P10" s="222">
        <v>11</v>
      </c>
      <c r="Q10" s="218">
        <v>8</v>
      </c>
      <c r="R10" s="218">
        <v>11</v>
      </c>
      <c r="S10" s="218">
        <v>14</v>
      </c>
      <c r="T10" s="219">
        <v>6</v>
      </c>
      <c r="U10" s="240">
        <v>50</v>
      </c>
      <c r="V10" s="221">
        <v>50</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1</v>
      </c>
      <c r="AM10" s="218">
        <v>1</v>
      </c>
      <c r="AN10" s="219">
        <v>0</v>
      </c>
      <c r="AO10" s="240">
        <v>2</v>
      </c>
      <c r="AP10" s="242">
        <v>2</v>
      </c>
      <c r="AQ10" s="239"/>
    </row>
    <row r="11" spans="2:43" ht="21" customHeight="1" x14ac:dyDescent="0.2">
      <c r="B11" s="106" t="s">
        <v>8</v>
      </c>
      <c r="C11" s="217">
        <v>0</v>
      </c>
      <c r="D11" s="219">
        <v>0</v>
      </c>
      <c r="E11" s="219">
        <v>0</v>
      </c>
      <c r="F11" s="220">
        <v>1</v>
      </c>
      <c r="G11" s="218">
        <v>2</v>
      </c>
      <c r="H11" s="218">
        <v>12</v>
      </c>
      <c r="I11" s="218">
        <v>8</v>
      </c>
      <c r="J11" s="219">
        <v>9</v>
      </c>
      <c r="K11" s="240">
        <v>32</v>
      </c>
      <c r="L11" s="241">
        <v>32</v>
      </c>
      <c r="M11" s="217">
        <v>0</v>
      </c>
      <c r="N11" s="219">
        <v>0</v>
      </c>
      <c r="O11" s="240">
        <v>0</v>
      </c>
      <c r="P11" s="222">
        <v>0</v>
      </c>
      <c r="Q11" s="218">
        <v>2</v>
      </c>
      <c r="R11" s="218">
        <v>8</v>
      </c>
      <c r="S11" s="218">
        <v>4</v>
      </c>
      <c r="T11" s="219">
        <v>4</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1</v>
      </c>
      <c r="AN11" s="219">
        <v>0</v>
      </c>
      <c r="AO11" s="240">
        <v>1</v>
      </c>
      <c r="AP11" s="242">
        <v>1</v>
      </c>
      <c r="AQ11" s="239"/>
    </row>
    <row r="12" spans="2:43" ht="21" customHeight="1" x14ac:dyDescent="0.2">
      <c r="B12" s="106" t="s">
        <v>9</v>
      </c>
      <c r="C12" s="217">
        <v>0</v>
      </c>
      <c r="D12" s="219">
        <v>0</v>
      </c>
      <c r="E12" s="219">
        <v>0</v>
      </c>
      <c r="F12" s="220">
        <v>0</v>
      </c>
      <c r="G12" s="218">
        <v>0</v>
      </c>
      <c r="H12" s="218">
        <v>12</v>
      </c>
      <c r="I12" s="218">
        <v>26</v>
      </c>
      <c r="J12" s="219">
        <v>8</v>
      </c>
      <c r="K12" s="240">
        <v>46</v>
      </c>
      <c r="L12" s="241">
        <v>46</v>
      </c>
      <c r="M12" s="217">
        <v>0</v>
      </c>
      <c r="N12" s="219">
        <v>0</v>
      </c>
      <c r="O12" s="240">
        <v>0</v>
      </c>
      <c r="P12" s="222">
        <v>0</v>
      </c>
      <c r="Q12" s="218">
        <v>5</v>
      </c>
      <c r="R12" s="218">
        <v>12</v>
      </c>
      <c r="S12" s="218">
        <v>6</v>
      </c>
      <c r="T12" s="219">
        <v>2</v>
      </c>
      <c r="U12" s="240">
        <v>25</v>
      </c>
      <c r="V12" s="221">
        <v>25</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0</v>
      </c>
      <c r="H13" s="218">
        <v>18</v>
      </c>
      <c r="I13" s="218">
        <v>34</v>
      </c>
      <c r="J13" s="219">
        <v>13</v>
      </c>
      <c r="K13" s="240">
        <v>66</v>
      </c>
      <c r="L13" s="241">
        <v>66</v>
      </c>
      <c r="M13" s="217">
        <v>0</v>
      </c>
      <c r="N13" s="219">
        <v>0</v>
      </c>
      <c r="O13" s="240">
        <v>0</v>
      </c>
      <c r="P13" s="222">
        <v>2</v>
      </c>
      <c r="Q13" s="218">
        <v>7</v>
      </c>
      <c r="R13" s="218">
        <v>5</v>
      </c>
      <c r="S13" s="218">
        <v>9</v>
      </c>
      <c r="T13" s="219">
        <v>8</v>
      </c>
      <c r="U13" s="240">
        <v>31</v>
      </c>
      <c r="V13" s="221">
        <v>31</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0</v>
      </c>
      <c r="AN13" s="219">
        <v>1</v>
      </c>
      <c r="AO13" s="240">
        <v>1</v>
      </c>
      <c r="AP13" s="242">
        <v>1</v>
      </c>
      <c r="AQ13" s="239"/>
    </row>
    <row r="14" spans="2:43" ht="21" customHeight="1" x14ac:dyDescent="0.2">
      <c r="B14" s="106" t="s">
        <v>11</v>
      </c>
      <c r="C14" s="217">
        <v>0</v>
      </c>
      <c r="D14" s="219">
        <v>0</v>
      </c>
      <c r="E14" s="219">
        <v>0</v>
      </c>
      <c r="F14" s="220">
        <v>0</v>
      </c>
      <c r="G14" s="218">
        <v>0</v>
      </c>
      <c r="H14" s="218">
        <v>6</v>
      </c>
      <c r="I14" s="218">
        <v>17</v>
      </c>
      <c r="J14" s="219">
        <v>3</v>
      </c>
      <c r="K14" s="240">
        <v>26</v>
      </c>
      <c r="L14" s="241">
        <v>26</v>
      </c>
      <c r="M14" s="217">
        <v>0</v>
      </c>
      <c r="N14" s="219">
        <v>0</v>
      </c>
      <c r="O14" s="240">
        <v>0</v>
      </c>
      <c r="P14" s="222">
        <v>1</v>
      </c>
      <c r="Q14" s="218">
        <v>2</v>
      </c>
      <c r="R14" s="218">
        <v>6</v>
      </c>
      <c r="S14" s="218">
        <v>6</v>
      </c>
      <c r="T14" s="219">
        <v>7</v>
      </c>
      <c r="U14" s="240">
        <v>22</v>
      </c>
      <c r="V14" s="221">
        <v>22</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10</v>
      </c>
      <c r="I15" s="218">
        <v>8</v>
      </c>
      <c r="J15" s="219">
        <v>6</v>
      </c>
      <c r="K15" s="240">
        <v>24</v>
      </c>
      <c r="L15" s="241">
        <v>24</v>
      </c>
      <c r="M15" s="217">
        <v>0</v>
      </c>
      <c r="N15" s="219">
        <v>0</v>
      </c>
      <c r="O15" s="240">
        <v>0</v>
      </c>
      <c r="P15" s="222">
        <v>1</v>
      </c>
      <c r="Q15" s="218">
        <v>3</v>
      </c>
      <c r="R15" s="218">
        <v>10</v>
      </c>
      <c r="S15" s="218">
        <v>11</v>
      </c>
      <c r="T15" s="219">
        <v>3</v>
      </c>
      <c r="U15" s="240">
        <v>28</v>
      </c>
      <c r="V15" s="221">
        <v>28</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0</v>
      </c>
      <c r="H16" s="218">
        <v>6</v>
      </c>
      <c r="I16" s="218">
        <v>10</v>
      </c>
      <c r="J16" s="219">
        <v>4</v>
      </c>
      <c r="K16" s="240">
        <v>20</v>
      </c>
      <c r="L16" s="241">
        <v>20</v>
      </c>
      <c r="M16" s="217">
        <v>0</v>
      </c>
      <c r="N16" s="219">
        <v>0</v>
      </c>
      <c r="O16" s="240">
        <v>0</v>
      </c>
      <c r="P16" s="222">
        <v>0</v>
      </c>
      <c r="Q16" s="218">
        <v>0</v>
      </c>
      <c r="R16" s="218">
        <v>5</v>
      </c>
      <c r="S16" s="218">
        <v>1</v>
      </c>
      <c r="T16" s="219">
        <v>1</v>
      </c>
      <c r="U16" s="240">
        <v>7</v>
      </c>
      <c r="V16" s="221">
        <v>7</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3</v>
      </c>
      <c r="J17" s="219">
        <v>2</v>
      </c>
      <c r="K17" s="240">
        <v>17</v>
      </c>
      <c r="L17" s="241">
        <v>17</v>
      </c>
      <c r="M17" s="217">
        <v>0</v>
      </c>
      <c r="N17" s="219">
        <v>0</v>
      </c>
      <c r="O17" s="240">
        <v>0</v>
      </c>
      <c r="P17" s="222">
        <v>0</v>
      </c>
      <c r="Q17" s="218">
        <v>3</v>
      </c>
      <c r="R17" s="218">
        <v>2</v>
      </c>
      <c r="S17" s="218">
        <v>4</v>
      </c>
      <c r="T17" s="219">
        <v>1</v>
      </c>
      <c r="U17" s="240">
        <v>10</v>
      </c>
      <c r="V17" s="221">
        <v>10</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1</v>
      </c>
      <c r="H18" s="218">
        <v>5</v>
      </c>
      <c r="I18" s="218">
        <v>9</v>
      </c>
      <c r="J18" s="219">
        <v>6</v>
      </c>
      <c r="K18" s="240">
        <v>21</v>
      </c>
      <c r="L18" s="241">
        <v>21</v>
      </c>
      <c r="M18" s="217">
        <v>0</v>
      </c>
      <c r="N18" s="219">
        <v>0</v>
      </c>
      <c r="O18" s="240">
        <v>0</v>
      </c>
      <c r="P18" s="222">
        <v>3</v>
      </c>
      <c r="Q18" s="218">
        <v>2</v>
      </c>
      <c r="R18" s="218">
        <v>5</v>
      </c>
      <c r="S18" s="218">
        <v>6</v>
      </c>
      <c r="T18" s="219">
        <v>0</v>
      </c>
      <c r="U18" s="240">
        <v>16</v>
      </c>
      <c r="V18" s="221">
        <v>16</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8</v>
      </c>
      <c r="I19" s="218">
        <v>11</v>
      </c>
      <c r="J19" s="219">
        <v>9</v>
      </c>
      <c r="K19" s="240">
        <v>28</v>
      </c>
      <c r="L19" s="241">
        <v>28</v>
      </c>
      <c r="M19" s="217">
        <v>0</v>
      </c>
      <c r="N19" s="219">
        <v>0</v>
      </c>
      <c r="O19" s="240">
        <v>0</v>
      </c>
      <c r="P19" s="222">
        <v>1</v>
      </c>
      <c r="Q19" s="218">
        <v>2</v>
      </c>
      <c r="R19" s="218">
        <v>5</v>
      </c>
      <c r="S19" s="218">
        <v>6</v>
      </c>
      <c r="T19" s="219">
        <v>3</v>
      </c>
      <c r="U19" s="240">
        <v>17</v>
      </c>
      <c r="V19" s="221">
        <v>17</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9</v>
      </c>
      <c r="I20" s="218">
        <v>16</v>
      </c>
      <c r="J20" s="219">
        <v>5</v>
      </c>
      <c r="K20" s="240">
        <v>30</v>
      </c>
      <c r="L20" s="241">
        <v>30</v>
      </c>
      <c r="M20" s="217">
        <v>0</v>
      </c>
      <c r="N20" s="219">
        <v>0</v>
      </c>
      <c r="O20" s="240">
        <v>0</v>
      </c>
      <c r="P20" s="222">
        <v>0</v>
      </c>
      <c r="Q20" s="218">
        <v>6</v>
      </c>
      <c r="R20" s="218">
        <v>9</v>
      </c>
      <c r="S20" s="218">
        <v>7</v>
      </c>
      <c r="T20" s="219">
        <v>1</v>
      </c>
      <c r="U20" s="240">
        <v>23</v>
      </c>
      <c r="V20" s="221">
        <v>23</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1</v>
      </c>
      <c r="AN20" s="219">
        <v>1</v>
      </c>
      <c r="AO20" s="240">
        <v>2</v>
      </c>
      <c r="AP20" s="242">
        <v>2</v>
      </c>
      <c r="AQ20" s="239"/>
    </row>
    <row r="21" spans="2:43" ht="21" customHeight="1" x14ac:dyDescent="0.2">
      <c r="B21" s="106" t="s">
        <v>19</v>
      </c>
      <c r="C21" s="217">
        <v>0</v>
      </c>
      <c r="D21" s="219">
        <v>0</v>
      </c>
      <c r="E21" s="219">
        <v>0</v>
      </c>
      <c r="F21" s="220">
        <v>0</v>
      </c>
      <c r="G21" s="218">
        <v>0</v>
      </c>
      <c r="H21" s="218">
        <v>5</v>
      </c>
      <c r="I21" s="218">
        <v>3</v>
      </c>
      <c r="J21" s="219">
        <v>5</v>
      </c>
      <c r="K21" s="240">
        <v>13</v>
      </c>
      <c r="L21" s="241">
        <v>13</v>
      </c>
      <c r="M21" s="217">
        <v>0</v>
      </c>
      <c r="N21" s="219">
        <v>0</v>
      </c>
      <c r="O21" s="240">
        <v>0</v>
      </c>
      <c r="P21" s="222">
        <v>2</v>
      </c>
      <c r="Q21" s="218">
        <v>2</v>
      </c>
      <c r="R21" s="218">
        <v>3</v>
      </c>
      <c r="S21" s="218">
        <v>6</v>
      </c>
      <c r="T21" s="219">
        <v>3</v>
      </c>
      <c r="U21" s="240">
        <v>16</v>
      </c>
      <c r="V21" s="221">
        <v>16</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5</v>
      </c>
      <c r="I22" s="218">
        <v>9</v>
      </c>
      <c r="J22" s="219">
        <v>7</v>
      </c>
      <c r="K22" s="240">
        <v>23</v>
      </c>
      <c r="L22" s="241">
        <v>23</v>
      </c>
      <c r="M22" s="217">
        <v>0</v>
      </c>
      <c r="N22" s="219">
        <v>0</v>
      </c>
      <c r="O22" s="240">
        <v>0</v>
      </c>
      <c r="P22" s="222">
        <v>1</v>
      </c>
      <c r="Q22" s="218">
        <v>0</v>
      </c>
      <c r="R22" s="218">
        <v>0</v>
      </c>
      <c r="S22" s="218">
        <v>3</v>
      </c>
      <c r="T22" s="219">
        <v>0</v>
      </c>
      <c r="U22" s="240">
        <v>4</v>
      </c>
      <c r="V22" s="221">
        <v>4</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6</v>
      </c>
      <c r="I23" s="218">
        <v>7</v>
      </c>
      <c r="J23" s="219">
        <v>9</v>
      </c>
      <c r="K23" s="240">
        <v>22</v>
      </c>
      <c r="L23" s="241">
        <v>22</v>
      </c>
      <c r="M23" s="217">
        <v>0</v>
      </c>
      <c r="N23" s="219">
        <v>0</v>
      </c>
      <c r="O23" s="240">
        <v>0</v>
      </c>
      <c r="P23" s="222">
        <v>0</v>
      </c>
      <c r="Q23" s="218">
        <v>1</v>
      </c>
      <c r="R23" s="218">
        <v>3</v>
      </c>
      <c r="S23" s="218">
        <v>0</v>
      </c>
      <c r="T23" s="219">
        <v>0</v>
      </c>
      <c r="U23" s="240">
        <v>4</v>
      </c>
      <c r="V23" s="221">
        <v>4</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0</v>
      </c>
      <c r="AO23" s="240">
        <v>0</v>
      </c>
      <c r="AP23" s="242">
        <v>0</v>
      </c>
      <c r="AQ23" s="239"/>
    </row>
    <row r="24" spans="2:43" ht="21" customHeight="1" x14ac:dyDescent="0.2">
      <c r="B24" s="106" t="s">
        <v>22</v>
      </c>
      <c r="C24" s="217">
        <v>0</v>
      </c>
      <c r="D24" s="219">
        <v>0</v>
      </c>
      <c r="E24" s="219">
        <v>0</v>
      </c>
      <c r="F24" s="220">
        <v>0</v>
      </c>
      <c r="G24" s="218">
        <v>0</v>
      </c>
      <c r="H24" s="218">
        <v>4</v>
      </c>
      <c r="I24" s="218">
        <v>3</v>
      </c>
      <c r="J24" s="219">
        <v>3</v>
      </c>
      <c r="K24" s="240">
        <v>10</v>
      </c>
      <c r="L24" s="241">
        <v>10</v>
      </c>
      <c r="M24" s="217">
        <v>0</v>
      </c>
      <c r="N24" s="219">
        <v>0</v>
      </c>
      <c r="O24" s="240">
        <v>0</v>
      </c>
      <c r="P24" s="222">
        <v>0</v>
      </c>
      <c r="Q24" s="218">
        <v>2</v>
      </c>
      <c r="R24" s="218">
        <v>2</v>
      </c>
      <c r="S24" s="218">
        <v>2</v>
      </c>
      <c r="T24" s="219">
        <v>1</v>
      </c>
      <c r="U24" s="240">
        <v>7</v>
      </c>
      <c r="V24" s="221">
        <v>7</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6</v>
      </c>
      <c r="I25" s="218">
        <v>6</v>
      </c>
      <c r="J25" s="219">
        <v>2</v>
      </c>
      <c r="K25" s="240">
        <v>14</v>
      </c>
      <c r="L25" s="241">
        <v>14</v>
      </c>
      <c r="M25" s="217">
        <v>0</v>
      </c>
      <c r="N25" s="219">
        <v>0</v>
      </c>
      <c r="O25" s="240">
        <v>0</v>
      </c>
      <c r="P25" s="222">
        <v>0</v>
      </c>
      <c r="Q25" s="218">
        <v>0</v>
      </c>
      <c r="R25" s="218">
        <v>2</v>
      </c>
      <c r="S25" s="218">
        <v>3</v>
      </c>
      <c r="T25" s="219">
        <v>2</v>
      </c>
      <c r="U25" s="240">
        <v>7</v>
      </c>
      <c r="V25" s="221">
        <v>7</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6</v>
      </c>
      <c r="J26" s="219">
        <v>3</v>
      </c>
      <c r="K26" s="240">
        <v>10</v>
      </c>
      <c r="L26" s="241">
        <v>10</v>
      </c>
      <c r="M26" s="217">
        <v>0</v>
      </c>
      <c r="N26" s="219">
        <v>0</v>
      </c>
      <c r="O26" s="240">
        <v>0</v>
      </c>
      <c r="P26" s="222">
        <v>1</v>
      </c>
      <c r="Q26" s="218">
        <v>1</v>
      </c>
      <c r="R26" s="218">
        <v>4</v>
      </c>
      <c r="S26" s="218">
        <v>3</v>
      </c>
      <c r="T26" s="219">
        <v>0</v>
      </c>
      <c r="U26" s="240">
        <v>9</v>
      </c>
      <c r="V26" s="221">
        <v>9</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2</v>
      </c>
      <c r="I27" s="218">
        <v>1</v>
      </c>
      <c r="J27" s="219">
        <v>2</v>
      </c>
      <c r="K27" s="240">
        <v>6</v>
      </c>
      <c r="L27" s="241">
        <v>6</v>
      </c>
      <c r="M27" s="217">
        <v>0</v>
      </c>
      <c r="N27" s="219">
        <v>0</v>
      </c>
      <c r="O27" s="240">
        <v>0</v>
      </c>
      <c r="P27" s="222">
        <v>1</v>
      </c>
      <c r="Q27" s="218">
        <v>2</v>
      </c>
      <c r="R27" s="218">
        <v>1</v>
      </c>
      <c r="S27" s="218">
        <v>1</v>
      </c>
      <c r="T27" s="219">
        <v>1</v>
      </c>
      <c r="U27" s="240">
        <v>6</v>
      </c>
      <c r="V27" s="221">
        <v>6</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1</v>
      </c>
      <c r="J28" s="219">
        <v>1</v>
      </c>
      <c r="K28" s="240">
        <v>3</v>
      </c>
      <c r="L28" s="241">
        <v>3</v>
      </c>
      <c r="M28" s="217">
        <v>0</v>
      </c>
      <c r="N28" s="219">
        <v>0</v>
      </c>
      <c r="O28" s="240">
        <v>0</v>
      </c>
      <c r="P28" s="222">
        <v>1</v>
      </c>
      <c r="Q28" s="218">
        <v>0</v>
      </c>
      <c r="R28" s="218">
        <v>3</v>
      </c>
      <c r="S28" s="218">
        <v>0</v>
      </c>
      <c r="T28" s="219">
        <v>1</v>
      </c>
      <c r="U28" s="240">
        <v>5</v>
      </c>
      <c r="V28" s="221">
        <v>5</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0</v>
      </c>
      <c r="I29" s="218">
        <v>2</v>
      </c>
      <c r="J29" s="219">
        <v>1</v>
      </c>
      <c r="K29" s="240">
        <v>4</v>
      </c>
      <c r="L29" s="241">
        <v>4</v>
      </c>
      <c r="M29" s="217">
        <v>0</v>
      </c>
      <c r="N29" s="219">
        <v>0</v>
      </c>
      <c r="O29" s="240">
        <v>0</v>
      </c>
      <c r="P29" s="222">
        <v>1</v>
      </c>
      <c r="Q29" s="218">
        <v>3</v>
      </c>
      <c r="R29" s="218">
        <v>1</v>
      </c>
      <c r="S29" s="218">
        <v>4</v>
      </c>
      <c r="T29" s="219">
        <v>0</v>
      </c>
      <c r="U29" s="240">
        <v>9</v>
      </c>
      <c r="V29" s="221">
        <v>9</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1</v>
      </c>
      <c r="Q32" s="218">
        <v>1</v>
      </c>
      <c r="R32" s="218">
        <v>0</v>
      </c>
      <c r="S32" s="218">
        <v>2</v>
      </c>
      <c r="T32" s="219">
        <v>0</v>
      </c>
      <c r="U32" s="240">
        <v>4</v>
      </c>
      <c r="V32" s="221">
        <v>4</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1</v>
      </c>
      <c r="AN32" s="219">
        <v>0</v>
      </c>
      <c r="AO32" s="240">
        <v>1</v>
      </c>
      <c r="AP32" s="242">
        <v>1</v>
      </c>
      <c r="AQ32" s="239"/>
    </row>
    <row r="33" spans="2:43" ht="21" customHeight="1" x14ac:dyDescent="0.2">
      <c r="B33" s="106" t="s">
        <v>31</v>
      </c>
      <c r="C33" s="217">
        <v>0</v>
      </c>
      <c r="D33" s="219">
        <v>0</v>
      </c>
      <c r="E33" s="219">
        <v>0</v>
      </c>
      <c r="F33" s="220">
        <v>0</v>
      </c>
      <c r="G33" s="218">
        <v>0</v>
      </c>
      <c r="H33" s="218">
        <v>2</v>
      </c>
      <c r="I33" s="218">
        <v>0</v>
      </c>
      <c r="J33" s="219">
        <v>0</v>
      </c>
      <c r="K33" s="240">
        <v>2</v>
      </c>
      <c r="L33" s="241">
        <v>2</v>
      </c>
      <c r="M33" s="217">
        <v>0</v>
      </c>
      <c r="N33" s="219">
        <v>0</v>
      </c>
      <c r="O33" s="240">
        <v>0</v>
      </c>
      <c r="P33" s="222">
        <v>1</v>
      </c>
      <c r="Q33" s="218">
        <v>0</v>
      </c>
      <c r="R33" s="218">
        <v>0</v>
      </c>
      <c r="S33" s="218">
        <v>0</v>
      </c>
      <c r="T33" s="219">
        <v>0</v>
      </c>
      <c r="U33" s="240">
        <v>1</v>
      </c>
      <c r="V33" s="221">
        <v>1</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3</v>
      </c>
      <c r="J34" s="219">
        <v>1</v>
      </c>
      <c r="K34" s="240">
        <v>4</v>
      </c>
      <c r="L34" s="241">
        <v>4</v>
      </c>
      <c r="M34" s="217">
        <v>0</v>
      </c>
      <c r="N34" s="219">
        <v>0</v>
      </c>
      <c r="O34" s="240">
        <v>0</v>
      </c>
      <c r="P34" s="222">
        <v>0</v>
      </c>
      <c r="Q34" s="218">
        <v>0</v>
      </c>
      <c r="R34" s="218">
        <v>0</v>
      </c>
      <c r="S34" s="218">
        <v>2</v>
      </c>
      <c r="T34" s="219">
        <v>1</v>
      </c>
      <c r="U34" s="240">
        <v>3</v>
      </c>
      <c r="V34" s="221">
        <v>3</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1</v>
      </c>
      <c r="K37" s="240">
        <v>2</v>
      </c>
      <c r="L37" s="241">
        <v>2</v>
      </c>
      <c r="M37" s="217">
        <v>0</v>
      </c>
      <c r="N37" s="219">
        <v>0</v>
      </c>
      <c r="O37" s="240">
        <v>0</v>
      </c>
      <c r="P37" s="222">
        <v>1</v>
      </c>
      <c r="Q37" s="218">
        <v>1</v>
      </c>
      <c r="R37" s="218">
        <v>3</v>
      </c>
      <c r="S37" s="218">
        <v>0</v>
      </c>
      <c r="T37" s="219">
        <v>1</v>
      </c>
      <c r="U37" s="240">
        <v>6</v>
      </c>
      <c r="V37" s="221">
        <v>6</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0</v>
      </c>
      <c r="K38" s="240">
        <v>1</v>
      </c>
      <c r="L38" s="241">
        <v>1</v>
      </c>
      <c r="M38" s="217">
        <v>0</v>
      </c>
      <c r="N38" s="219">
        <v>0</v>
      </c>
      <c r="O38" s="240">
        <v>0</v>
      </c>
      <c r="P38" s="222">
        <v>0</v>
      </c>
      <c r="Q38" s="218">
        <v>0</v>
      </c>
      <c r="R38" s="218">
        <v>0</v>
      </c>
      <c r="S38" s="218">
        <v>1</v>
      </c>
      <c r="T38" s="219">
        <v>2</v>
      </c>
      <c r="U38" s="240">
        <v>3</v>
      </c>
      <c r="V38" s="221">
        <v>3</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1</v>
      </c>
      <c r="AN38" s="219">
        <v>0</v>
      </c>
      <c r="AO38" s="240">
        <v>1</v>
      </c>
      <c r="AP38" s="242">
        <v>1</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8</v>
      </c>
      <c r="H1" s="528">
        <f>IF(G1&lt;3,G1-2+12,G1-2)</f>
        <v>6</v>
      </c>
      <c r="I1" s="528"/>
    </row>
    <row r="2" spans="2:43" ht="24" customHeight="1" thickBot="1" x14ac:dyDescent="0.25">
      <c r="B2" s="10" t="s">
        <v>156</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4</v>
      </c>
      <c r="G6" s="212">
        <v>43</v>
      </c>
      <c r="H6" s="212">
        <v>302</v>
      </c>
      <c r="I6" s="212">
        <v>419</v>
      </c>
      <c r="J6" s="213">
        <v>277</v>
      </c>
      <c r="K6" s="236">
        <v>1055</v>
      </c>
      <c r="L6" s="237">
        <v>1055</v>
      </c>
      <c r="M6" s="211">
        <v>0</v>
      </c>
      <c r="N6" s="213">
        <v>0</v>
      </c>
      <c r="O6" s="236">
        <v>0</v>
      </c>
      <c r="P6" s="216">
        <v>64</v>
      </c>
      <c r="Q6" s="212">
        <v>138</v>
      </c>
      <c r="R6" s="212">
        <v>208</v>
      </c>
      <c r="S6" s="212">
        <v>269</v>
      </c>
      <c r="T6" s="213">
        <v>116</v>
      </c>
      <c r="U6" s="236">
        <v>795</v>
      </c>
      <c r="V6" s="215">
        <v>795</v>
      </c>
      <c r="W6" s="216">
        <v>0</v>
      </c>
      <c r="X6" s="213">
        <v>0</v>
      </c>
      <c r="Y6" s="213">
        <v>0</v>
      </c>
      <c r="Z6" s="214">
        <v>0</v>
      </c>
      <c r="AA6" s="212">
        <v>0</v>
      </c>
      <c r="AB6" s="212">
        <v>0</v>
      </c>
      <c r="AC6" s="212">
        <v>0</v>
      </c>
      <c r="AD6" s="213">
        <v>0</v>
      </c>
      <c r="AE6" s="236">
        <v>0</v>
      </c>
      <c r="AF6" s="237">
        <v>0</v>
      </c>
      <c r="AG6" s="211">
        <v>0</v>
      </c>
      <c r="AH6" s="213">
        <v>0</v>
      </c>
      <c r="AI6" s="213">
        <v>0</v>
      </c>
      <c r="AJ6" s="214">
        <v>1</v>
      </c>
      <c r="AK6" s="212">
        <v>1</v>
      </c>
      <c r="AL6" s="212">
        <v>4</v>
      </c>
      <c r="AM6" s="212">
        <v>11</v>
      </c>
      <c r="AN6" s="213">
        <v>22</v>
      </c>
      <c r="AO6" s="236">
        <v>39</v>
      </c>
      <c r="AP6" s="238">
        <v>39</v>
      </c>
      <c r="AQ6" s="239"/>
    </row>
    <row r="7" spans="2:43" ht="21" customHeight="1" x14ac:dyDescent="0.2">
      <c r="B7" s="95" t="s">
        <v>5</v>
      </c>
      <c r="C7" s="217">
        <v>0</v>
      </c>
      <c r="D7" s="219">
        <v>0</v>
      </c>
      <c r="E7" s="219">
        <v>0</v>
      </c>
      <c r="F7" s="220">
        <v>12</v>
      </c>
      <c r="G7" s="218">
        <v>31</v>
      </c>
      <c r="H7" s="218">
        <v>158</v>
      </c>
      <c r="I7" s="218">
        <v>187</v>
      </c>
      <c r="J7" s="219">
        <v>104</v>
      </c>
      <c r="K7" s="240">
        <v>492</v>
      </c>
      <c r="L7" s="241">
        <v>492</v>
      </c>
      <c r="M7" s="217">
        <v>0</v>
      </c>
      <c r="N7" s="219">
        <v>0</v>
      </c>
      <c r="O7" s="240">
        <v>0</v>
      </c>
      <c r="P7" s="222">
        <v>32</v>
      </c>
      <c r="Q7" s="218">
        <v>68</v>
      </c>
      <c r="R7" s="218">
        <v>106</v>
      </c>
      <c r="S7" s="218">
        <v>132</v>
      </c>
      <c r="T7" s="219">
        <v>66</v>
      </c>
      <c r="U7" s="240">
        <v>404</v>
      </c>
      <c r="V7" s="221">
        <v>404</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5</v>
      </c>
      <c r="AN7" s="219">
        <v>7</v>
      </c>
      <c r="AO7" s="240">
        <v>12</v>
      </c>
      <c r="AP7" s="242">
        <v>12</v>
      </c>
      <c r="AQ7" s="239"/>
    </row>
    <row r="8" spans="2:43" ht="21" customHeight="1" x14ac:dyDescent="0.2">
      <c r="B8" s="106" t="s">
        <v>6</v>
      </c>
      <c r="C8" s="217">
        <v>0</v>
      </c>
      <c r="D8" s="219">
        <v>0</v>
      </c>
      <c r="E8" s="219">
        <v>0</v>
      </c>
      <c r="F8" s="220">
        <v>2</v>
      </c>
      <c r="G8" s="218">
        <v>5</v>
      </c>
      <c r="H8" s="218">
        <v>31</v>
      </c>
      <c r="I8" s="218">
        <v>49</v>
      </c>
      <c r="J8" s="219">
        <v>41</v>
      </c>
      <c r="K8" s="240">
        <v>128</v>
      </c>
      <c r="L8" s="241">
        <v>128</v>
      </c>
      <c r="M8" s="217">
        <v>0</v>
      </c>
      <c r="N8" s="219">
        <v>0</v>
      </c>
      <c r="O8" s="240">
        <v>0</v>
      </c>
      <c r="P8" s="222">
        <v>7</v>
      </c>
      <c r="Q8" s="218">
        <v>16</v>
      </c>
      <c r="R8" s="218">
        <v>23</v>
      </c>
      <c r="S8" s="218">
        <v>46</v>
      </c>
      <c r="T8" s="219">
        <v>15</v>
      </c>
      <c r="U8" s="240">
        <v>107</v>
      </c>
      <c r="V8" s="221">
        <v>107</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1</v>
      </c>
      <c r="AN8" s="219">
        <v>1</v>
      </c>
      <c r="AO8" s="240">
        <v>3</v>
      </c>
      <c r="AP8" s="242">
        <v>3</v>
      </c>
      <c r="AQ8" s="239"/>
    </row>
    <row r="9" spans="2:43" ht="21" customHeight="1" x14ac:dyDescent="0.2">
      <c r="B9" s="106" t="s">
        <v>14</v>
      </c>
      <c r="C9" s="217">
        <v>0</v>
      </c>
      <c r="D9" s="219">
        <v>0</v>
      </c>
      <c r="E9" s="219">
        <v>0</v>
      </c>
      <c r="F9" s="220">
        <v>0</v>
      </c>
      <c r="G9" s="218">
        <v>0</v>
      </c>
      <c r="H9" s="218">
        <v>24</v>
      </c>
      <c r="I9" s="218">
        <v>40</v>
      </c>
      <c r="J9" s="219">
        <v>23</v>
      </c>
      <c r="K9" s="240">
        <v>87</v>
      </c>
      <c r="L9" s="241">
        <v>87</v>
      </c>
      <c r="M9" s="217">
        <v>0</v>
      </c>
      <c r="N9" s="219">
        <v>0</v>
      </c>
      <c r="O9" s="240">
        <v>0</v>
      </c>
      <c r="P9" s="222">
        <v>1</v>
      </c>
      <c r="Q9" s="218">
        <v>9</v>
      </c>
      <c r="R9" s="218">
        <v>8</v>
      </c>
      <c r="S9" s="218">
        <v>16</v>
      </c>
      <c r="T9" s="219">
        <v>4</v>
      </c>
      <c r="U9" s="240">
        <v>38</v>
      </c>
      <c r="V9" s="221">
        <v>38</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1</v>
      </c>
      <c r="AM9" s="218">
        <v>1</v>
      </c>
      <c r="AN9" s="219">
        <v>3</v>
      </c>
      <c r="AO9" s="240">
        <v>5</v>
      </c>
      <c r="AP9" s="242">
        <v>5</v>
      </c>
      <c r="AQ9" s="239"/>
    </row>
    <row r="10" spans="2:43" ht="21" customHeight="1" x14ac:dyDescent="0.2">
      <c r="B10" s="106" t="s">
        <v>7</v>
      </c>
      <c r="C10" s="217">
        <v>0</v>
      </c>
      <c r="D10" s="219">
        <v>0</v>
      </c>
      <c r="E10" s="219">
        <v>0</v>
      </c>
      <c r="F10" s="220">
        <v>0</v>
      </c>
      <c r="G10" s="218">
        <v>0</v>
      </c>
      <c r="H10" s="218">
        <v>8</v>
      </c>
      <c r="I10" s="218">
        <v>15</v>
      </c>
      <c r="J10" s="219">
        <v>9</v>
      </c>
      <c r="K10" s="240">
        <v>32</v>
      </c>
      <c r="L10" s="241">
        <v>32</v>
      </c>
      <c r="M10" s="217">
        <v>0</v>
      </c>
      <c r="N10" s="219">
        <v>0</v>
      </c>
      <c r="O10" s="240">
        <v>0</v>
      </c>
      <c r="P10" s="222">
        <v>3</v>
      </c>
      <c r="Q10" s="218">
        <v>3</v>
      </c>
      <c r="R10" s="218">
        <v>7</v>
      </c>
      <c r="S10" s="218">
        <v>5</v>
      </c>
      <c r="T10" s="219">
        <v>1</v>
      </c>
      <c r="U10" s="240">
        <v>19</v>
      </c>
      <c r="V10" s="221">
        <v>19</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7</v>
      </c>
      <c r="I11" s="218">
        <v>10</v>
      </c>
      <c r="J11" s="219">
        <v>7</v>
      </c>
      <c r="K11" s="240">
        <v>25</v>
      </c>
      <c r="L11" s="241">
        <v>25</v>
      </c>
      <c r="M11" s="217">
        <v>0</v>
      </c>
      <c r="N11" s="219">
        <v>0</v>
      </c>
      <c r="O11" s="240">
        <v>0</v>
      </c>
      <c r="P11" s="222">
        <v>2</v>
      </c>
      <c r="Q11" s="218">
        <v>2</v>
      </c>
      <c r="R11" s="218">
        <v>7</v>
      </c>
      <c r="S11" s="218">
        <v>5</v>
      </c>
      <c r="T11" s="219">
        <v>2</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1</v>
      </c>
      <c r="AO11" s="240">
        <v>1</v>
      </c>
      <c r="AP11" s="242">
        <v>1</v>
      </c>
      <c r="AQ11" s="239"/>
    </row>
    <row r="12" spans="2:43" ht="21" customHeight="1" x14ac:dyDescent="0.2">
      <c r="B12" s="106" t="s">
        <v>9</v>
      </c>
      <c r="C12" s="217">
        <v>0</v>
      </c>
      <c r="D12" s="219">
        <v>0</v>
      </c>
      <c r="E12" s="219">
        <v>0</v>
      </c>
      <c r="F12" s="220">
        <v>0</v>
      </c>
      <c r="G12" s="218">
        <v>0</v>
      </c>
      <c r="H12" s="218">
        <v>6</v>
      </c>
      <c r="I12" s="218">
        <v>19</v>
      </c>
      <c r="J12" s="219">
        <v>13</v>
      </c>
      <c r="K12" s="240">
        <v>38</v>
      </c>
      <c r="L12" s="241">
        <v>38</v>
      </c>
      <c r="M12" s="217">
        <v>0</v>
      </c>
      <c r="N12" s="219">
        <v>0</v>
      </c>
      <c r="O12" s="240">
        <v>0</v>
      </c>
      <c r="P12" s="222">
        <v>3</v>
      </c>
      <c r="Q12" s="218">
        <v>5</v>
      </c>
      <c r="R12" s="218">
        <v>7</v>
      </c>
      <c r="S12" s="218">
        <v>6</v>
      </c>
      <c r="T12" s="219">
        <v>7</v>
      </c>
      <c r="U12" s="240">
        <v>28</v>
      </c>
      <c r="V12" s="221">
        <v>28</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1</v>
      </c>
      <c r="H13" s="218">
        <v>17</v>
      </c>
      <c r="I13" s="218">
        <v>17</v>
      </c>
      <c r="J13" s="219">
        <v>18</v>
      </c>
      <c r="K13" s="240">
        <v>53</v>
      </c>
      <c r="L13" s="241">
        <v>53</v>
      </c>
      <c r="M13" s="217">
        <v>0</v>
      </c>
      <c r="N13" s="219">
        <v>0</v>
      </c>
      <c r="O13" s="240">
        <v>0</v>
      </c>
      <c r="P13" s="222">
        <v>3</v>
      </c>
      <c r="Q13" s="218">
        <v>3</v>
      </c>
      <c r="R13" s="218">
        <v>5</v>
      </c>
      <c r="S13" s="218">
        <v>15</v>
      </c>
      <c r="T13" s="219">
        <v>2</v>
      </c>
      <c r="U13" s="240">
        <v>28</v>
      </c>
      <c r="V13" s="221">
        <v>28</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1</v>
      </c>
      <c r="AO13" s="240">
        <v>2</v>
      </c>
      <c r="AP13" s="242">
        <v>2</v>
      </c>
      <c r="AQ13" s="239"/>
    </row>
    <row r="14" spans="2:43" ht="21" customHeight="1" x14ac:dyDescent="0.2">
      <c r="B14" s="106" t="s">
        <v>11</v>
      </c>
      <c r="C14" s="217">
        <v>0</v>
      </c>
      <c r="D14" s="219">
        <v>0</v>
      </c>
      <c r="E14" s="219">
        <v>0</v>
      </c>
      <c r="F14" s="220">
        <v>0</v>
      </c>
      <c r="G14" s="218">
        <v>0</v>
      </c>
      <c r="H14" s="218">
        <v>8</v>
      </c>
      <c r="I14" s="218">
        <v>8</v>
      </c>
      <c r="J14" s="219">
        <v>5</v>
      </c>
      <c r="K14" s="240">
        <v>21</v>
      </c>
      <c r="L14" s="241">
        <v>21</v>
      </c>
      <c r="M14" s="217">
        <v>0</v>
      </c>
      <c r="N14" s="219">
        <v>0</v>
      </c>
      <c r="O14" s="240">
        <v>0</v>
      </c>
      <c r="P14" s="222">
        <v>1</v>
      </c>
      <c r="Q14" s="218">
        <v>2</v>
      </c>
      <c r="R14" s="218">
        <v>5</v>
      </c>
      <c r="S14" s="218">
        <v>3</v>
      </c>
      <c r="T14" s="219">
        <v>0</v>
      </c>
      <c r="U14" s="240">
        <v>11</v>
      </c>
      <c r="V14" s="221">
        <v>11</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2</v>
      </c>
      <c r="AO14" s="240">
        <v>2</v>
      </c>
      <c r="AP14" s="242">
        <v>2</v>
      </c>
      <c r="AQ14" s="239"/>
    </row>
    <row r="15" spans="2:43" ht="21" customHeight="1" x14ac:dyDescent="0.2">
      <c r="B15" s="106" t="s">
        <v>12</v>
      </c>
      <c r="C15" s="217">
        <v>0</v>
      </c>
      <c r="D15" s="219">
        <v>0</v>
      </c>
      <c r="E15" s="219">
        <v>0</v>
      </c>
      <c r="F15" s="220">
        <v>0</v>
      </c>
      <c r="G15" s="218">
        <v>0</v>
      </c>
      <c r="H15" s="218">
        <v>2</v>
      </c>
      <c r="I15" s="218">
        <v>12</v>
      </c>
      <c r="J15" s="219">
        <v>6</v>
      </c>
      <c r="K15" s="240">
        <v>20</v>
      </c>
      <c r="L15" s="241">
        <v>20</v>
      </c>
      <c r="M15" s="217">
        <v>0</v>
      </c>
      <c r="N15" s="219">
        <v>0</v>
      </c>
      <c r="O15" s="240">
        <v>0</v>
      </c>
      <c r="P15" s="222">
        <v>1</v>
      </c>
      <c r="Q15" s="218">
        <v>4</v>
      </c>
      <c r="R15" s="218">
        <v>5</v>
      </c>
      <c r="S15" s="218">
        <v>8</v>
      </c>
      <c r="T15" s="219">
        <v>1</v>
      </c>
      <c r="U15" s="240">
        <v>19</v>
      </c>
      <c r="V15" s="221">
        <v>19</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1</v>
      </c>
      <c r="I16" s="218">
        <v>6</v>
      </c>
      <c r="J16" s="219">
        <v>6</v>
      </c>
      <c r="K16" s="240">
        <v>13</v>
      </c>
      <c r="L16" s="241">
        <v>13</v>
      </c>
      <c r="M16" s="217">
        <v>0</v>
      </c>
      <c r="N16" s="219">
        <v>0</v>
      </c>
      <c r="O16" s="240">
        <v>0</v>
      </c>
      <c r="P16" s="222">
        <v>0</v>
      </c>
      <c r="Q16" s="218">
        <v>1</v>
      </c>
      <c r="R16" s="218">
        <v>1</v>
      </c>
      <c r="S16" s="218">
        <v>3</v>
      </c>
      <c r="T16" s="219">
        <v>1</v>
      </c>
      <c r="U16" s="240">
        <v>6</v>
      </c>
      <c r="V16" s="221">
        <v>6</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0</v>
      </c>
      <c r="I17" s="218">
        <v>1</v>
      </c>
      <c r="J17" s="219">
        <v>2</v>
      </c>
      <c r="K17" s="240">
        <v>3</v>
      </c>
      <c r="L17" s="241">
        <v>3</v>
      </c>
      <c r="M17" s="217">
        <v>0</v>
      </c>
      <c r="N17" s="219">
        <v>0</v>
      </c>
      <c r="O17" s="240">
        <v>0</v>
      </c>
      <c r="P17" s="222">
        <v>0</v>
      </c>
      <c r="Q17" s="218">
        <v>2</v>
      </c>
      <c r="R17" s="218">
        <v>2</v>
      </c>
      <c r="S17" s="218">
        <v>1</v>
      </c>
      <c r="T17" s="219">
        <v>0</v>
      </c>
      <c r="U17" s="240">
        <v>5</v>
      </c>
      <c r="V17" s="221">
        <v>5</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5</v>
      </c>
      <c r="I18" s="218">
        <v>7</v>
      </c>
      <c r="J18" s="219">
        <v>2</v>
      </c>
      <c r="K18" s="240">
        <v>14</v>
      </c>
      <c r="L18" s="241">
        <v>14</v>
      </c>
      <c r="M18" s="217">
        <v>0</v>
      </c>
      <c r="N18" s="219">
        <v>0</v>
      </c>
      <c r="O18" s="240">
        <v>0</v>
      </c>
      <c r="P18" s="222">
        <v>0</v>
      </c>
      <c r="Q18" s="218">
        <v>2</v>
      </c>
      <c r="R18" s="218">
        <v>3</v>
      </c>
      <c r="S18" s="218">
        <v>3</v>
      </c>
      <c r="T18" s="219">
        <v>1</v>
      </c>
      <c r="U18" s="240">
        <v>9</v>
      </c>
      <c r="V18" s="221">
        <v>9</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0</v>
      </c>
      <c r="AO18" s="240">
        <v>0</v>
      </c>
      <c r="AP18" s="242">
        <v>0</v>
      </c>
      <c r="AQ18" s="239"/>
    </row>
    <row r="19" spans="2:43" ht="21" customHeight="1" x14ac:dyDescent="0.2">
      <c r="B19" s="106" t="s">
        <v>17</v>
      </c>
      <c r="C19" s="217">
        <v>0</v>
      </c>
      <c r="D19" s="219">
        <v>0</v>
      </c>
      <c r="E19" s="219">
        <v>0</v>
      </c>
      <c r="F19" s="220">
        <v>0</v>
      </c>
      <c r="G19" s="218">
        <v>1</v>
      </c>
      <c r="H19" s="218">
        <v>5</v>
      </c>
      <c r="I19" s="218">
        <v>6</v>
      </c>
      <c r="J19" s="219">
        <v>8</v>
      </c>
      <c r="K19" s="240">
        <v>20</v>
      </c>
      <c r="L19" s="241">
        <v>20</v>
      </c>
      <c r="M19" s="217">
        <v>0</v>
      </c>
      <c r="N19" s="219">
        <v>0</v>
      </c>
      <c r="O19" s="240">
        <v>0</v>
      </c>
      <c r="P19" s="222">
        <v>2</v>
      </c>
      <c r="Q19" s="218">
        <v>8</v>
      </c>
      <c r="R19" s="218">
        <v>12</v>
      </c>
      <c r="S19" s="218">
        <v>5</v>
      </c>
      <c r="T19" s="219">
        <v>6</v>
      </c>
      <c r="U19" s="240">
        <v>33</v>
      </c>
      <c r="V19" s="221">
        <v>33</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8</v>
      </c>
      <c r="I20" s="218">
        <v>8</v>
      </c>
      <c r="J20" s="219">
        <v>12</v>
      </c>
      <c r="K20" s="240">
        <v>29</v>
      </c>
      <c r="L20" s="241">
        <v>29</v>
      </c>
      <c r="M20" s="217">
        <v>0</v>
      </c>
      <c r="N20" s="219">
        <v>0</v>
      </c>
      <c r="O20" s="240">
        <v>0</v>
      </c>
      <c r="P20" s="222">
        <v>2</v>
      </c>
      <c r="Q20" s="218">
        <v>0</v>
      </c>
      <c r="R20" s="218">
        <v>4</v>
      </c>
      <c r="S20" s="218">
        <v>5</v>
      </c>
      <c r="T20" s="219">
        <v>2</v>
      </c>
      <c r="U20" s="240">
        <v>13</v>
      </c>
      <c r="V20" s="221">
        <v>13</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1</v>
      </c>
      <c r="AM20" s="218">
        <v>0</v>
      </c>
      <c r="AN20" s="219">
        <v>0</v>
      </c>
      <c r="AO20" s="240">
        <v>1</v>
      </c>
      <c r="AP20" s="242">
        <v>1</v>
      </c>
      <c r="AQ20" s="239"/>
    </row>
    <row r="21" spans="2:43" ht="21" customHeight="1" x14ac:dyDescent="0.2">
      <c r="B21" s="106" t="s">
        <v>19</v>
      </c>
      <c r="C21" s="217">
        <v>0</v>
      </c>
      <c r="D21" s="219">
        <v>0</v>
      </c>
      <c r="E21" s="219">
        <v>0</v>
      </c>
      <c r="F21" s="220">
        <v>0</v>
      </c>
      <c r="G21" s="218">
        <v>0</v>
      </c>
      <c r="H21" s="218">
        <v>5</v>
      </c>
      <c r="I21" s="218">
        <v>2</v>
      </c>
      <c r="J21" s="219">
        <v>1</v>
      </c>
      <c r="K21" s="240">
        <v>8</v>
      </c>
      <c r="L21" s="241">
        <v>8</v>
      </c>
      <c r="M21" s="217">
        <v>0</v>
      </c>
      <c r="N21" s="219">
        <v>0</v>
      </c>
      <c r="O21" s="240">
        <v>0</v>
      </c>
      <c r="P21" s="222">
        <v>1</v>
      </c>
      <c r="Q21" s="218">
        <v>2</v>
      </c>
      <c r="R21" s="218">
        <v>3</v>
      </c>
      <c r="S21" s="218">
        <v>1</v>
      </c>
      <c r="T21" s="219">
        <v>1</v>
      </c>
      <c r="U21" s="240">
        <v>8</v>
      </c>
      <c r="V21" s="221">
        <v>8</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1</v>
      </c>
      <c r="AO21" s="240">
        <v>1</v>
      </c>
      <c r="AP21" s="242">
        <v>1</v>
      </c>
      <c r="AQ21" s="239"/>
    </row>
    <row r="22" spans="2:43" ht="21" customHeight="1" x14ac:dyDescent="0.2">
      <c r="B22" s="106" t="s">
        <v>20</v>
      </c>
      <c r="C22" s="217">
        <v>0</v>
      </c>
      <c r="D22" s="219">
        <v>0</v>
      </c>
      <c r="E22" s="219">
        <v>0</v>
      </c>
      <c r="F22" s="220">
        <v>0</v>
      </c>
      <c r="G22" s="218">
        <v>2</v>
      </c>
      <c r="H22" s="218">
        <v>2</v>
      </c>
      <c r="I22" s="218">
        <v>8</v>
      </c>
      <c r="J22" s="219">
        <v>6</v>
      </c>
      <c r="K22" s="240">
        <v>18</v>
      </c>
      <c r="L22" s="241">
        <v>18</v>
      </c>
      <c r="M22" s="217">
        <v>0</v>
      </c>
      <c r="N22" s="219">
        <v>0</v>
      </c>
      <c r="O22" s="240">
        <v>0</v>
      </c>
      <c r="P22" s="222">
        <v>3</v>
      </c>
      <c r="Q22" s="218">
        <v>2</v>
      </c>
      <c r="R22" s="218">
        <v>1</v>
      </c>
      <c r="S22" s="218">
        <v>6</v>
      </c>
      <c r="T22" s="219">
        <v>0</v>
      </c>
      <c r="U22" s="240">
        <v>12</v>
      </c>
      <c r="V22" s="221">
        <v>12</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1</v>
      </c>
      <c r="AM22" s="218">
        <v>0</v>
      </c>
      <c r="AN22" s="219">
        <v>0</v>
      </c>
      <c r="AO22" s="240">
        <v>1</v>
      </c>
      <c r="AP22" s="242">
        <v>1</v>
      </c>
      <c r="AQ22" s="239"/>
    </row>
    <row r="23" spans="2:43" ht="21" customHeight="1" x14ac:dyDescent="0.2">
      <c r="B23" s="106" t="s">
        <v>21</v>
      </c>
      <c r="C23" s="217">
        <v>0</v>
      </c>
      <c r="D23" s="219">
        <v>0</v>
      </c>
      <c r="E23" s="219">
        <v>0</v>
      </c>
      <c r="F23" s="220">
        <v>0</v>
      </c>
      <c r="G23" s="218">
        <v>0</v>
      </c>
      <c r="H23" s="218">
        <v>2</v>
      </c>
      <c r="I23" s="218">
        <v>8</v>
      </c>
      <c r="J23" s="219">
        <v>3</v>
      </c>
      <c r="K23" s="240">
        <v>13</v>
      </c>
      <c r="L23" s="241">
        <v>13</v>
      </c>
      <c r="M23" s="217">
        <v>0</v>
      </c>
      <c r="N23" s="219">
        <v>0</v>
      </c>
      <c r="O23" s="240">
        <v>0</v>
      </c>
      <c r="P23" s="222">
        <v>0</v>
      </c>
      <c r="Q23" s="218">
        <v>4</v>
      </c>
      <c r="R23" s="218">
        <v>1</v>
      </c>
      <c r="S23" s="218">
        <v>2</v>
      </c>
      <c r="T23" s="219">
        <v>0</v>
      </c>
      <c r="U23" s="240">
        <v>7</v>
      </c>
      <c r="V23" s="221">
        <v>7</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1</v>
      </c>
      <c r="I24" s="218">
        <v>1</v>
      </c>
      <c r="J24" s="219">
        <v>0</v>
      </c>
      <c r="K24" s="240">
        <v>3</v>
      </c>
      <c r="L24" s="241">
        <v>3</v>
      </c>
      <c r="M24" s="217">
        <v>0</v>
      </c>
      <c r="N24" s="219">
        <v>0</v>
      </c>
      <c r="O24" s="240">
        <v>0</v>
      </c>
      <c r="P24" s="222">
        <v>0</v>
      </c>
      <c r="Q24" s="218">
        <v>1</v>
      </c>
      <c r="R24" s="218">
        <v>0</v>
      </c>
      <c r="S24" s="218">
        <v>1</v>
      </c>
      <c r="T24" s="219">
        <v>0</v>
      </c>
      <c r="U24" s="240">
        <v>2</v>
      </c>
      <c r="V24" s="221">
        <v>2</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4</v>
      </c>
      <c r="I25" s="218">
        <v>3</v>
      </c>
      <c r="J25" s="219">
        <v>3</v>
      </c>
      <c r="K25" s="240">
        <v>10</v>
      </c>
      <c r="L25" s="241">
        <v>10</v>
      </c>
      <c r="M25" s="217">
        <v>0</v>
      </c>
      <c r="N25" s="219">
        <v>0</v>
      </c>
      <c r="O25" s="240">
        <v>0</v>
      </c>
      <c r="P25" s="222">
        <v>0</v>
      </c>
      <c r="Q25" s="218">
        <v>0</v>
      </c>
      <c r="R25" s="218">
        <v>0</v>
      </c>
      <c r="S25" s="218">
        <v>0</v>
      </c>
      <c r="T25" s="219">
        <v>1</v>
      </c>
      <c r="U25" s="240">
        <v>1</v>
      </c>
      <c r="V25" s="221">
        <v>1</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2</v>
      </c>
      <c r="I26" s="218">
        <v>3</v>
      </c>
      <c r="J26" s="219">
        <v>0</v>
      </c>
      <c r="K26" s="240">
        <v>5</v>
      </c>
      <c r="L26" s="241">
        <v>5</v>
      </c>
      <c r="M26" s="217">
        <v>0</v>
      </c>
      <c r="N26" s="219">
        <v>0</v>
      </c>
      <c r="O26" s="240">
        <v>0</v>
      </c>
      <c r="P26" s="222">
        <v>1</v>
      </c>
      <c r="Q26" s="218">
        <v>0</v>
      </c>
      <c r="R26" s="218">
        <v>2</v>
      </c>
      <c r="S26" s="218">
        <v>0</v>
      </c>
      <c r="T26" s="219">
        <v>0</v>
      </c>
      <c r="U26" s="240">
        <v>3</v>
      </c>
      <c r="V26" s="221">
        <v>3</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2</v>
      </c>
      <c r="I27" s="218">
        <v>2</v>
      </c>
      <c r="J27" s="219">
        <v>3</v>
      </c>
      <c r="K27" s="240">
        <v>7</v>
      </c>
      <c r="L27" s="241">
        <v>7</v>
      </c>
      <c r="M27" s="217">
        <v>0</v>
      </c>
      <c r="N27" s="219">
        <v>0</v>
      </c>
      <c r="O27" s="240">
        <v>0</v>
      </c>
      <c r="P27" s="222">
        <v>1</v>
      </c>
      <c r="Q27" s="218">
        <v>4</v>
      </c>
      <c r="R27" s="218">
        <v>1</v>
      </c>
      <c r="S27" s="218">
        <v>1</v>
      </c>
      <c r="T27" s="219">
        <v>2</v>
      </c>
      <c r="U27" s="240">
        <v>9</v>
      </c>
      <c r="V27" s="221">
        <v>9</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0</v>
      </c>
      <c r="J28" s="219">
        <v>0</v>
      </c>
      <c r="K28" s="240">
        <v>1</v>
      </c>
      <c r="L28" s="241">
        <v>1</v>
      </c>
      <c r="M28" s="217">
        <v>0</v>
      </c>
      <c r="N28" s="219">
        <v>0</v>
      </c>
      <c r="O28" s="240">
        <v>0</v>
      </c>
      <c r="P28" s="222">
        <v>0</v>
      </c>
      <c r="Q28" s="218">
        <v>0</v>
      </c>
      <c r="R28" s="218">
        <v>1</v>
      </c>
      <c r="S28" s="218">
        <v>3</v>
      </c>
      <c r="T28" s="219">
        <v>0</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1</v>
      </c>
      <c r="I29" s="218">
        <v>1</v>
      </c>
      <c r="J29" s="219">
        <v>1</v>
      </c>
      <c r="K29" s="240">
        <v>3</v>
      </c>
      <c r="L29" s="241">
        <v>3</v>
      </c>
      <c r="M29" s="217">
        <v>0</v>
      </c>
      <c r="N29" s="219">
        <v>0</v>
      </c>
      <c r="O29" s="240">
        <v>0</v>
      </c>
      <c r="P29" s="222">
        <v>1</v>
      </c>
      <c r="Q29" s="218">
        <v>0</v>
      </c>
      <c r="R29" s="218">
        <v>0</v>
      </c>
      <c r="S29" s="218">
        <v>0</v>
      </c>
      <c r="T29" s="219">
        <v>1</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1</v>
      </c>
      <c r="J31" s="219">
        <v>0</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0</v>
      </c>
      <c r="I32" s="218">
        <v>1</v>
      </c>
      <c r="J32" s="219">
        <v>1</v>
      </c>
      <c r="K32" s="240">
        <v>2</v>
      </c>
      <c r="L32" s="241">
        <v>2</v>
      </c>
      <c r="M32" s="217">
        <v>0</v>
      </c>
      <c r="N32" s="219">
        <v>0</v>
      </c>
      <c r="O32" s="240">
        <v>0</v>
      </c>
      <c r="P32" s="222">
        <v>0</v>
      </c>
      <c r="Q32" s="218">
        <v>0</v>
      </c>
      <c r="R32" s="218">
        <v>0</v>
      </c>
      <c r="S32" s="218">
        <v>0</v>
      </c>
      <c r="T32" s="219">
        <v>0</v>
      </c>
      <c r="U32" s="240">
        <v>0</v>
      </c>
      <c r="V32" s="221">
        <v>0</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1</v>
      </c>
      <c r="I33" s="218">
        <v>0</v>
      </c>
      <c r="J33" s="219">
        <v>1</v>
      </c>
      <c r="K33" s="240">
        <v>2</v>
      </c>
      <c r="L33" s="241">
        <v>2</v>
      </c>
      <c r="M33" s="217">
        <v>0</v>
      </c>
      <c r="N33" s="219">
        <v>0</v>
      </c>
      <c r="O33" s="240">
        <v>0</v>
      </c>
      <c r="P33" s="222">
        <v>0</v>
      </c>
      <c r="Q33" s="218">
        <v>0</v>
      </c>
      <c r="R33" s="218">
        <v>3</v>
      </c>
      <c r="S33" s="218">
        <v>1</v>
      </c>
      <c r="T33" s="219">
        <v>0</v>
      </c>
      <c r="U33" s="240">
        <v>4</v>
      </c>
      <c r="V33" s="221">
        <v>4</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2</v>
      </c>
      <c r="J34" s="219">
        <v>1</v>
      </c>
      <c r="K34" s="240">
        <v>3</v>
      </c>
      <c r="L34" s="241">
        <v>3</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1</v>
      </c>
      <c r="U35" s="240">
        <v>1</v>
      </c>
      <c r="V35" s="221">
        <v>1</v>
      </c>
      <c r="W35" s="222">
        <v>0</v>
      </c>
      <c r="X35" s="219">
        <v>0</v>
      </c>
      <c r="Y35" s="219">
        <v>0</v>
      </c>
      <c r="Z35" s="220">
        <v>0</v>
      </c>
      <c r="AA35" s="218">
        <v>0</v>
      </c>
      <c r="AB35" s="218">
        <v>0</v>
      </c>
      <c r="AC35" s="218">
        <v>0</v>
      </c>
      <c r="AD35" s="219">
        <v>0</v>
      </c>
      <c r="AE35" s="240">
        <v>0</v>
      </c>
      <c r="AF35" s="241">
        <v>0</v>
      </c>
      <c r="AG35" s="217">
        <v>0</v>
      </c>
      <c r="AH35" s="219">
        <v>0</v>
      </c>
      <c r="AI35" s="219">
        <v>0</v>
      </c>
      <c r="AJ35" s="220">
        <v>1</v>
      </c>
      <c r="AK35" s="218">
        <v>0</v>
      </c>
      <c r="AL35" s="218">
        <v>0</v>
      </c>
      <c r="AM35" s="218">
        <v>0</v>
      </c>
      <c r="AN35" s="219">
        <v>3</v>
      </c>
      <c r="AO35" s="240">
        <v>4</v>
      </c>
      <c r="AP35" s="242">
        <v>4</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0</v>
      </c>
      <c r="T36" s="219">
        <v>0</v>
      </c>
      <c r="U36" s="240">
        <v>0</v>
      </c>
      <c r="V36" s="221">
        <v>0</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0</v>
      </c>
      <c r="Q37" s="218">
        <v>0</v>
      </c>
      <c r="R37" s="218">
        <v>0</v>
      </c>
      <c r="S37" s="218">
        <v>0</v>
      </c>
      <c r="T37" s="219">
        <v>0</v>
      </c>
      <c r="U37" s="240">
        <v>0</v>
      </c>
      <c r="V37" s="221">
        <v>0</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1</v>
      </c>
      <c r="S38" s="218">
        <v>0</v>
      </c>
      <c r="T38" s="219">
        <v>0</v>
      </c>
      <c r="U38" s="240">
        <v>1</v>
      </c>
      <c r="V38" s="221">
        <v>1</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16">
        <f>第１表!G2</f>
        <v>8</v>
      </c>
      <c r="G1" s="572">
        <f>IF(F1&lt;3,F1-2+12,F1-2)</f>
        <v>6</v>
      </c>
      <c r="H1" s="572"/>
      <c r="IB1" s="42"/>
      <c r="IC1" s="22"/>
      <c r="ID1" s="547"/>
      <c r="IE1" s="547"/>
    </row>
    <row r="2" spans="1:409" ht="24" customHeight="1" x14ac:dyDescent="0.2">
      <c r="B2" s="10" t="s">
        <v>144</v>
      </c>
      <c r="E2" s="19"/>
      <c r="F2" s="20"/>
      <c r="G2" s="547"/>
      <c r="H2" s="547"/>
      <c r="IB2" s="21"/>
      <c r="IC2" s="22"/>
      <c r="ID2" s="248"/>
      <c r="IE2" s="248"/>
    </row>
    <row r="3" spans="1:409" ht="24" customHeight="1" thickBot="1" x14ac:dyDescent="0.25">
      <c r="B3" s="10" t="s">
        <v>145</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63" t="s">
        <v>71</v>
      </c>
      <c r="AK6" s="564"/>
      <c r="AL6" s="564"/>
      <c r="AM6" s="564"/>
      <c r="AN6" s="564"/>
      <c r="AO6" s="564"/>
      <c r="AP6" s="564"/>
      <c r="AQ6" s="564"/>
      <c r="AR6" s="564"/>
      <c r="AS6" s="564"/>
      <c r="AT6" s="56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02" t="s">
        <v>61</v>
      </c>
      <c r="AK7" s="503"/>
      <c r="AL7" s="504"/>
      <c r="AM7" s="531" t="s">
        <v>62</v>
      </c>
      <c r="AN7" s="503"/>
      <c r="AO7" s="503"/>
      <c r="AP7" s="503"/>
      <c r="AQ7" s="503"/>
      <c r="AR7" s="503"/>
      <c r="AS7" s="532"/>
      <c r="AT7" s="571"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418085831</v>
      </c>
      <c r="D9" s="256">
        <v>890814262</v>
      </c>
      <c r="E9" s="257">
        <v>1308900093</v>
      </c>
      <c r="F9" s="258">
        <v>0</v>
      </c>
      <c r="G9" s="256">
        <v>5334653579</v>
      </c>
      <c r="H9" s="256">
        <v>7529589608</v>
      </c>
      <c r="I9" s="256">
        <v>6189031342</v>
      </c>
      <c r="J9" s="256">
        <v>5806710766</v>
      </c>
      <c r="K9" s="256">
        <v>4352251009</v>
      </c>
      <c r="L9" s="259">
        <v>29212236304</v>
      </c>
      <c r="M9" s="260">
        <v>30521136397</v>
      </c>
      <c r="N9" s="255">
        <v>101316554</v>
      </c>
      <c r="O9" s="256">
        <v>266670935</v>
      </c>
      <c r="P9" s="261">
        <v>367987489</v>
      </c>
      <c r="Q9" s="255">
        <v>0</v>
      </c>
      <c r="R9" s="256">
        <v>1511309205</v>
      </c>
      <c r="S9" s="256">
        <v>2447320290</v>
      </c>
      <c r="T9" s="256">
        <v>2095434644</v>
      </c>
      <c r="U9" s="256">
        <v>2286332247</v>
      </c>
      <c r="V9" s="256">
        <v>2256520898</v>
      </c>
      <c r="W9" s="261">
        <v>10596917284</v>
      </c>
      <c r="X9" s="260">
        <v>10964904773</v>
      </c>
      <c r="Y9" s="255">
        <v>6553</v>
      </c>
      <c r="Z9" s="256">
        <v>0</v>
      </c>
      <c r="AA9" s="261">
        <v>6553</v>
      </c>
      <c r="AB9" s="262">
        <v>0</v>
      </c>
      <c r="AC9" s="263">
        <v>687325196</v>
      </c>
      <c r="AD9" s="263">
        <v>1172355460</v>
      </c>
      <c r="AE9" s="263">
        <v>1163759225</v>
      </c>
      <c r="AF9" s="263">
        <v>1355419158</v>
      </c>
      <c r="AG9" s="263">
        <v>1343914665</v>
      </c>
      <c r="AH9" s="261">
        <v>5722773704</v>
      </c>
      <c r="AI9" s="260">
        <v>5722780257</v>
      </c>
      <c r="AJ9" s="264">
        <v>49046</v>
      </c>
      <c r="AK9" s="263">
        <v>972583</v>
      </c>
      <c r="AL9" s="261">
        <v>1021629</v>
      </c>
      <c r="AM9" s="262">
        <v>0</v>
      </c>
      <c r="AN9" s="263">
        <v>4579002</v>
      </c>
      <c r="AO9" s="259">
        <v>22539809</v>
      </c>
      <c r="AP9" s="263">
        <v>45413558</v>
      </c>
      <c r="AQ9" s="263">
        <v>124679536</v>
      </c>
      <c r="AR9" s="263">
        <v>239709884</v>
      </c>
      <c r="AS9" s="261">
        <v>436921789</v>
      </c>
      <c r="AT9" s="260">
        <v>437943418</v>
      </c>
      <c r="AU9" s="264">
        <v>55282354</v>
      </c>
      <c r="AV9" s="263">
        <v>188783766</v>
      </c>
      <c r="AW9" s="261">
        <v>244066120</v>
      </c>
      <c r="AX9" s="262">
        <v>0</v>
      </c>
      <c r="AY9" s="263">
        <v>488891146</v>
      </c>
      <c r="AZ9" s="263">
        <v>815069044</v>
      </c>
      <c r="BA9" s="263">
        <v>515811494</v>
      </c>
      <c r="BB9" s="263">
        <v>450365789</v>
      </c>
      <c r="BC9" s="263">
        <v>407594175</v>
      </c>
      <c r="BD9" s="261">
        <v>2677731648</v>
      </c>
      <c r="BE9" s="265">
        <v>2921797768</v>
      </c>
      <c r="BF9" s="264">
        <v>6584099</v>
      </c>
      <c r="BG9" s="259">
        <v>25558130</v>
      </c>
      <c r="BH9" s="266">
        <v>32142229</v>
      </c>
      <c r="BI9" s="262">
        <v>0</v>
      </c>
      <c r="BJ9" s="263">
        <v>40432682</v>
      </c>
      <c r="BK9" s="263">
        <v>67150825</v>
      </c>
      <c r="BL9" s="263">
        <v>41969069</v>
      </c>
      <c r="BM9" s="263">
        <v>33040044</v>
      </c>
      <c r="BN9" s="263">
        <v>23282191</v>
      </c>
      <c r="BO9" s="261">
        <v>205874811</v>
      </c>
      <c r="BP9" s="260">
        <v>238017040</v>
      </c>
      <c r="BQ9" s="264">
        <v>39394502</v>
      </c>
      <c r="BR9" s="263">
        <v>51356456</v>
      </c>
      <c r="BS9" s="261">
        <v>90750958</v>
      </c>
      <c r="BT9" s="262">
        <v>0</v>
      </c>
      <c r="BU9" s="263">
        <v>290081179</v>
      </c>
      <c r="BV9" s="263">
        <v>370205152</v>
      </c>
      <c r="BW9" s="263">
        <v>328481298</v>
      </c>
      <c r="BX9" s="263">
        <v>322827720</v>
      </c>
      <c r="BY9" s="263">
        <v>242019983</v>
      </c>
      <c r="BZ9" s="261">
        <v>1553615332</v>
      </c>
      <c r="CA9" s="260">
        <v>1644366290</v>
      </c>
      <c r="CB9" s="264">
        <v>39574567</v>
      </c>
      <c r="CC9" s="263">
        <v>119465910</v>
      </c>
      <c r="CD9" s="261">
        <v>159040477</v>
      </c>
      <c r="CE9" s="262">
        <v>0</v>
      </c>
      <c r="CF9" s="263">
        <v>1440056789</v>
      </c>
      <c r="CG9" s="263">
        <v>1962905309</v>
      </c>
      <c r="CH9" s="267">
        <v>1382685738</v>
      </c>
      <c r="CI9" s="263">
        <v>886129040</v>
      </c>
      <c r="CJ9" s="263">
        <v>448598816</v>
      </c>
      <c r="CK9" s="261">
        <v>6120375692</v>
      </c>
      <c r="CL9" s="260">
        <v>6279416169</v>
      </c>
      <c r="CM9" s="255">
        <v>0</v>
      </c>
      <c r="CN9" s="256">
        <v>0</v>
      </c>
      <c r="CO9" s="261">
        <v>0</v>
      </c>
      <c r="CP9" s="262">
        <v>0</v>
      </c>
      <c r="CQ9" s="263">
        <v>1209070516</v>
      </c>
      <c r="CR9" s="263">
        <v>1539179560</v>
      </c>
      <c r="CS9" s="263">
        <v>1087077212</v>
      </c>
      <c r="CT9" s="263">
        <v>676299039</v>
      </c>
      <c r="CU9" s="263">
        <v>361673498</v>
      </c>
      <c r="CV9" s="268">
        <v>4873299825</v>
      </c>
      <c r="CW9" s="260">
        <v>4873299825</v>
      </c>
      <c r="CX9" s="264">
        <v>39574567</v>
      </c>
      <c r="CY9" s="263">
        <v>119465910</v>
      </c>
      <c r="CZ9" s="261">
        <v>159040477</v>
      </c>
      <c r="DA9" s="262">
        <v>0</v>
      </c>
      <c r="DB9" s="263">
        <v>230986273</v>
      </c>
      <c r="DC9" s="263">
        <v>423725749</v>
      </c>
      <c r="DD9" s="263">
        <v>295608526</v>
      </c>
      <c r="DE9" s="263">
        <v>209830001</v>
      </c>
      <c r="DF9" s="263">
        <v>86925318</v>
      </c>
      <c r="DG9" s="261">
        <v>1247075867</v>
      </c>
      <c r="DH9" s="260">
        <v>1406116344</v>
      </c>
      <c r="DI9" s="264">
        <v>2042934</v>
      </c>
      <c r="DJ9" s="263">
        <v>8732276</v>
      </c>
      <c r="DK9" s="266">
        <v>10775210</v>
      </c>
      <c r="DL9" s="262">
        <v>0</v>
      </c>
      <c r="DM9" s="263">
        <v>136166596</v>
      </c>
      <c r="DN9" s="263">
        <v>296660750</v>
      </c>
      <c r="DO9" s="263">
        <v>543071191</v>
      </c>
      <c r="DP9" s="263">
        <v>477203796</v>
      </c>
      <c r="DQ9" s="263">
        <v>261172007</v>
      </c>
      <c r="DR9" s="269">
        <v>1714274340</v>
      </c>
      <c r="DS9" s="260">
        <v>1725049550</v>
      </c>
      <c r="DT9" s="264">
        <v>1912997</v>
      </c>
      <c r="DU9" s="263">
        <v>8196405</v>
      </c>
      <c r="DV9" s="261">
        <v>10109402</v>
      </c>
      <c r="DW9" s="262">
        <v>0</v>
      </c>
      <c r="DX9" s="263">
        <v>122254334</v>
      </c>
      <c r="DY9" s="263">
        <v>258521992</v>
      </c>
      <c r="DZ9" s="263">
        <v>489868508</v>
      </c>
      <c r="EA9" s="263">
        <v>417367090</v>
      </c>
      <c r="EB9" s="263">
        <v>221908794</v>
      </c>
      <c r="EC9" s="261">
        <v>1509920718</v>
      </c>
      <c r="ED9" s="260">
        <v>1520030120</v>
      </c>
      <c r="EE9" s="264">
        <v>129937</v>
      </c>
      <c r="EF9" s="259">
        <v>535871</v>
      </c>
      <c r="EG9" s="261">
        <v>665808</v>
      </c>
      <c r="EH9" s="265">
        <v>0</v>
      </c>
      <c r="EI9" s="263">
        <v>13912262</v>
      </c>
      <c r="EJ9" s="263">
        <v>38138758</v>
      </c>
      <c r="EK9" s="263">
        <v>53202683</v>
      </c>
      <c r="EL9" s="263">
        <v>59836706</v>
      </c>
      <c r="EM9" s="267">
        <v>39263213</v>
      </c>
      <c r="EN9" s="259">
        <v>204353622</v>
      </c>
      <c r="EO9" s="260">
        <v>205019430</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99686042</v>
      </c>
      <c r="FM9" s="263">
        <v>214165994</v>
      </c>
      <c r="FN9" s="261">
        <v>313852036</v>
      </c>
      <c r="FO9" s="262">
        <v>0</v>
      </c>
      <c r="FP9" s="263">
        <v>268408586</v>
      </c>
      <c r="FQ9" s="263">
        <v>696545477</v>
      </c>
      <c r="FR9" s="263">
        <v>481353722</v>
      </c>
      <c r="FS9" s="263">
        <v>427769790</v>
      </c>
      <c r="FT9" s="263">
        <v>314201813</v>
      </c>
      <c r="FU9" s="261">
        <v>2188279388</v>
      </c>
      <c r="FV9" s="260">
        <v>2502131424</v>
      </c>
      <c r="FW9" s="264">
        <v>59671465</v>
      </c>
      <c r="FX9" s="263">
        <v>163370833</v>
      </c>
      <c r="FY9" s="259">
        <v>223042298</v>
      </c>
      <c r="FZ9" s="265">
        <v>0</v>
      </c>
      <c r="GA9" s="263">
        <v>215442728</v>
      </c>
      <c r="GB9" s="270">
        <v>642373177</v>
      </c>
      <c r="GC9" s="263">
        <v>446379449</v>
      </c>
      <c r="GD9" s="270">
        <v>401134869</v>
      </c>
      <c r="GE9" s="263">
        <v>301735618</v>
      </c>
      <c r="GF9" s="268">
        <v>2007065841</v>
      </c>
      <c r="GG9" s="271">
        <v>2230108139</v>
      </c>
      <c r="GH9" s="272">
        <v>5796305</v>
      </c>
      <c r="GI9" s="263">
        <v>10686095</v>
      </c>
      <c r="GJ9" s="270">
        <v>16482400</v>
      </c>
      <c r="GK9" s="258">
        <v>0</v>
      </c>
      <c r="GL9" s="263">
        <v>14571855</v>
      </c>
      <c r="GM9" s="259">
        <v>19027019</v>
      </c>
      <c r="GN9" s="263">
        <v>14289508</v>
      </c>
      <c r="GO9" s="259">
        <v>10891484</v>
      </c>
      <c r="GP9" s="263">
        <v>5937328</v>
      </c>
      <c r="GQ9" s="269">
        <v>64717194</v>
      </c>
      <c r="GR9" s="260">
        <v>81199594</v>
      </c>
      <c r="GS9" s="259">
        <v>34218272</v>
      </c>
      <c r="GT9" s="263">
        <v>40109066</v>
      </c>
      <c r="GU9" s="261">
        <v>74327338</v>
      </c>
      <c r="GV9" s="259">
        <v>0</v>
      </c>
      <c r="GW9" s="263">
        <v>38394003</v>
      </c>
      <c r="GX9" s="259">
        <v>35145281</v>
      </c>
      <c r="GY9" s="263">
        <v>20684765</v>
      </c>
      <c r="GZ9" s="259">
        <v>15743437</v>
      </c>
      <c r="HA9" s="263">
        <v>6528867</v>
      </c>
      <c r="HB9" s="259">
        <v>116496353</v>
      </c>
      <c r="HC9" s="260">
        <v>190823691</v>
      </c>
      <c r="HD9" s="259">
        <v>97503614</v>
      </c>
      <c r="HE9" s="263">
        <v>125946551</v>
      </c>
      <c r="HF9" s="259">
        <v>223450165</v>
      </c>
      <c r="HG9" s="265">
        <v>0</v>
      </c>
      <c r="HH9" s="263">
        <v>1082428600</v>
      </c>
      <c r="HI9" s="270">
        <v>1144200776</v>
      </c>
      <c r="HJ9" s="263">
        <v>1067957970</v>
      </c>
      <c r="HK9" s="270">
        <v>1303423051</v>
      </c>
      <c r="HL9" s="263">
        <v>813391573</v>
      </c>
      <c r="HM9" s="268">
        <v>5411401970</v>
      </c>
      <c r="HN9" s="259">
        <v>5634852135</v>
      </c>
      <c r="HO9" s="272">
        <v>77962120</v>
      </c>
      <c r="HP9" s="263">
        <v>155832596</v>
      </c>
      <c r="HQ9" s="268">
        <v>233794716</v>
      </c>
      <c r="HR9" s="259">
        <v>0</v>
      </c>
      <c r="HS9" s="263">
        <v>896283803</v>
      </c>
      <c r="HT9" s="259">
        <v>981957006</v>
      </c>
      <c r="HU9" s="263">
        <v>618528077</v>
      </c>
      <c r="HV9" s="259">
        <v>425852842</v>
      </c>
      <c r="HW9" s="263">
        <v>258365902</v>
      </c>
      <c r="HX9" s="259">
        <v>3180987630</v>
      </c>
      <c r="HY9" s="260">
        <v>3414782346</v>
      </c>
      <c r="HZ9" s="273">
        <v>9488495</v>
      </c>
      <c r="IA9" s="274">
        <v>35616662</v>
      </c>
      <c r="IB9" s="275">
        <v>45105157</v>
      </c>
      <c r="IC9" s="276">
        <v>0</v>
      </c>
      <c r="ID9" s="274">
        <v>1648660286</v>
      </c>
      <c r="IE9" s="277">
        <v>2242201950</v>
      </c>
      <c r="IF9" s="278">
        <v>2345806035</v>
      </c>
      <c r="IG9" s="274">
        <v>1781462101</v>
      </c>
      <c r="IH9" s="278">
        <v>1268597173</v>
      </c>
      <c r="II9" s="279">
        <v>9286727545</v>
      </c>
      <c r="IJ9" s="280">
        <v>9331832702</v>
      </c>
      <c r="IK9" s="281">
        <v>0</v>
      </c>
      <c r="IL9" s="282">
        <v>0</v>
      </c>
      <c r="IM9" s="283">
        <v>0</v>
      </c>
      <c r="IN9" s="406">
        <v>0</v>
      </c>
      <c r="IO9" s="284">
        <v>20758008</v>
      </c>
      <c r="IP9" s="284">
        <v>49556205</v>
      </c>
      <c r="IQ9" s="284">
        <v>60462614</v>
      </c>
      <c r="IR9" s="284">
        <v>105550557</v>
      </c>
      <c r="IS9" s="284">
        <v>108044108</v>
      </c>
      <c r="IT9" s="285">
        <v>344371492</v>
      </c>
      <c r="IU9" s="286">
        <v>344371492</v>
      </c>
      <c r="IV9" s="287">
        <v>0</v>
      </c>
      <c r="IW9" s="284">
        <v>0</v>
      </c>
      <c r="IX9" s="288">
        <v>0</v>
      </c>
      <c r="IY9" s="412">
        <v>0</v>
      </c>
      <c r="IZ9" s="284">
        <v>3823299</v>
      </c>
      <c r="JA9" s="284">
        <v>9855735</v>
      </c>
      <c r="JB9" s="284">
        <v>12016271</v>
      </c>
      <c r="JC9" s="284">
        <v>12896512</v>
      </c>
      <c r="JD9" s="284">
        <v>17822980</v>
      </c>
      <c r="JE9" s="288">
        <v>56414797</v>
      </c>
      <c r="JF9" s="289">
        <v>56414797</v>
      </c>
      <c r="JG9" s="287">
        <v>0</v>
      </c>
      <c r="JH9" s="284">
        <v>0</v>
      </c>
      <c r="JI9" s="285">
        <v>0</v>
      </c>
      <c r="JJ9" s="290">
        <v>0</v>
      </c>
      <c r="JK9" s="284">
        <v>625396397</v>
      </c>
      <c r="JL9" s="284">
        <v>770545193</v>
      </c>
      <c r="JM9" s="284">
        <v>573752765</v>
      </c>
      <c r="JN9" s="284">
        <v>352221567</v>
      </c>
      <c r="JO9" s="284">
        <v>177894584</v>
      </c>
      <c r="JP9" s="288">
        <v>2499810506</v>
      </c>
      <c r="JQ9" s="286">
        <v>2499810506</v>
      </c>
      <c r="JR9" s="287">
        <v>293842</v>
      </c>
      <c r="JS9" s="284">
        <v>467196</v>
      </c>
      <c r="JT9" s="285">
        <v>761038</v>
      </c>
      <c r="JU9" s="290">
        <v>0</v>
      </c>
      <c r="JV9" s="284">
        <v>69860899</v>
      </c>
      <c r="JW9" s="284">
        <v>106563518</v>
      </c>
      <c r="JX9" s="284">
        <v>150577759</v>
      </c>
      <c r="JY9" s="284">
        <v>90656865</v>
      </c>
      <c r="JZ9" s="284">
        <v>72401622</v>
      </c>
      <c r="KA9" s="288">
        <v>490060663</v>
      </c>
      <c r="KB9" s="286">
        <v>490821701</v>
      </c>
      <c r="KC9" s="291">
        <v>9194653</v>
      </c>
      <c r="KD9" s="292">
        <v>24940210</v>
      </c>
      <c r="KE9" s="288">
        <v>34134863</v>
      </c>
      <c r="KF9" s="290">
        <v>0</v>
      </c>
      <c r="KG9" s="284">
        <v>213579323</v>
      </c>
      <c r="KH9" s="284">
        <v>320715424</v>
      </c>
      <c r="KI9" s="284">
        <v>359862946</v>
      </c>
      <c r="KJ9" s="284">
        <v>271798938</v>
      </c>
      <c r="KK9" s="284">
        <v>185435059</v>
      </c>
      <c r="KL9" s="288">
        <v>1351391690</v>
      </c>
      <c r="KM9" s="293">
        <v>1385526553</v>
      </c>
      <c r="KN9" s="281">
        <v>0</v>
      </c>
      <c r="KO9" s="282">
        <v>10209256</v>
      </c>
      <c r="KP9" s="283">
        <v>10209256</v>
      </c>
      <c r="KQ9" s="412">
        <v>0</v>
      </c>
      <c r="KR9" s="284">
        <v>671216999</v>
      </c>
      <c r="KS9" s="284">
        <v>896836254</v>
      </c>
      <c r="KT9" s="284">
        <v>1025528342</v>
      </c>
      <c r="KU9" s="284">
        <v>693243586</v>
      </c>
      <c r="KV9" s="284">
        <v>454528103</v>
      </c>
      <c r="KW9" s="288">
        <v>3741353284</v>
      </c>
      <c r="KX9" s="286">
        <v>3751562540</v>
      </c>
      <c r="KY9" s="287">
        <v>0</v>
      </c>
      <c r="KZ9" s="284">
        <v>0</v>
      </c>
      <c r="LA9" s="288">
        <v>0</v>
      </c>
      <c r="LB9" s="412">
        <v>0</v>
      </c>
      <c r="LC9" s="284">
        <v>6428752</v>
      </c>
      <c r="LD9" s="284">
        <v>8696502</v>
      </c>
      <c r="LE9" s="284">
        <v>12630761</v>
      </c>
      <c r="LF9" s="284">
        <v>16876851</v>
      </c>
      <c r="LG9" s="284">
        <v>12572180</v>
      </c>
      <c r="LH9" s="288">
        <v>57205046</v>
      </c>
      <c r="LI9" s="289">
        <v>57205046</v>
      </c>
      <c r="LJ9" s="287">
        <v>0</v>
      </c>
      <c r="LK9" s="284">
        <v>0</v>
      </c>
      <c r="LL9" s="288">
        <v>0</v>
      </c>
      <c r="LM9" s="412">
        <v>0</v>
      </c>
      <c r="LN9" s="284">
        <v>1206986</v>
      </c>
      <c r="LO9" s="284">
        <v>8341582</v>
      </c>
      <c r="LP9" s="284">
        <v>60326477</v>
      </c>
      <c r="LQ9" s="284">
        <v>109564398</v>
      </c>
      <c r="LR9" s="284">
        <v>69600946</v>
      </c>
      <c r="LS9" s="288">
        <v>249040389</v>
      </c>
      <c r="LT9" s="286">
        <v>249040389</v>
      </c>
      <c r="LU9" s="287">
        <v>0</v>
      </c>
      <c r="LV9" s="284">
        <v>0</v>
      </c>
      <c r="LW9" s="288">
        <v>0</v>
      </c>
      <c r="LX9" s="412">
        <v>0</v>
      </c>
      <c r="LY9" s="284">
        <v>36389623</v>
      </c>
      <c r="LZ9" s="284">
        <v>71091537</v>
      </c>
      <c r="MA9" s="284">
        <v>90648100</v>
      </c>
      <c r="MB9" s="284">
        <v>128652827</v>
      </c>
      <c r="MC9" s="284">
        <v>170297591</v>
      </c>
      <c r="MD9" s="288">
        <v>497079678</v>
      </c>
      <c r="ME9" s="289">
        <v>497079678</v>
      </c>
      <c r="MF9" s="287">
        <v>0</v>
      </c>
      <c r="MG9" s="284">
        <v>0</v>
      </c>
      <c r="MH9" s="288">
        <v>0</v>
      </c>
      <c r="MI9" s="412">
        <v>0</v>
      </c>
      <c r="MJ9" s="284">
        <v>543293170</v>
      </c>
      <c r="MK9" s="284">
        <v>1407859778</v>
      </c>
      <c r="ML9" s="284">
        <v>4303647793</v>
      </c>
      <c r="MM9" s="284">
        <v>6414324832</v>
      </c>
      <c r="MN9" s="284">
        <v>4280509165</v>
      </c>
      <c r="MO9" s="288">
        <v>16949634738</v>
      </c>
      <c r="MP9" s="293">
        <v>16949634738</v>
      </c>
      <c r="MQ9" s="287">
        <v>0</v>
      </c>
      <c r="MR9" s="284">
        <v>0</v>
      </c>
      <c r="MS9" s="288">
        <v>0</v>
      </c>
      <c r="MT9" s="412">
        <v>0</v>
      </c>
      <c r="MU9" s="284">
        <v>106930644</v>
      </c>
      <c r="MV9" s="284">
        <v>429353006</v>
      </c>
      <c r="MW9" s="284">
        <v>2779101227</v>
      </c>
      <c r="MX9" s="284">
        <v>4337692363</v>
      </c>
      <c r="MY9" s="284">
        <v>3043181089</v>
      </c>
      <c r="MZ9" s="288">
        <v>10696258329</v>
      </c>
      <c r="NA9" s="293">
        <v>10696258329</v>
      </c>
      <c r="NB9" s="287">
        <v>0</v>
      </c>
      <c r="NC9" s="284">
        <v>0</v>
      </c>
      <c r="ND9" s="288">
        <v>0</v>
      </c>
      <c r="NE9" s="412">
        <v>0</v>
      </c>
      <c r="NF9" s="284">
        <v>432073900</v>
      </c>
      <c r="NG9" s="284">
        <v>972879020</v>
      </c>
      <c r="NH9" s="284">
        <v>1500770858</v>
      </c>
      <c r="NI9" s="284">
        <v>1931456593</v>
      </c>
      <c r="NJ9" s="284">
        <v>1032531955</v>
      </c>
      <c r="NK9" s="288">
        <v>5869712326</v>
      </c>
      <c r="NL9" s="286">
        <v>5869712326</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4288626</v>
      </c>
      <c r="OC9" s="284">
        <v>5627752</v>
      </c>
      <c r="OD9" s="284">
        <v>23775708</v>
      </c>
      <c r="OE9" s="284">
        <v>145175876</v>
      </c>
      <c r="OF9" s="284">
        <v>204796121</v>
      </c>
      <c r="OG9" s="288">
        <v>383664083</v>
      </c>
      <c r="OH9" s="289">
        <v>383664083</v>
      </c>
      <c r="OI9" s="287">
        <v>427574326</v>
      </c>
      <c r="OJ9" s="284">
        <v>926430924</v>
      </c>
      <c r="OK9" s="285">
        <v>1354005250</v>
      </c>
      <c r="OL9" s="290">
        <v>0</v>
      </c>
      <c r="OM9" s="284">
        <v>7526607035</v>
      </c>
      <c r="ON9" s="284">
        <v>11179651336</v>
      </c>
      <c r="OO9" s="284">
        <v>12838485170</v>
      </c>
      <c r="OP9" s="284">
        <v>14002497699</v>
      </c>
      <c r="OQ9" s="284">
        <v>9901357347</v>
      </c>
      <c r="OR9" s="288">
        <v>55448598587</v>
      </c>
      <c r="OS9" s="293">
        <v>56802603837</v>
      </c>
    </row>
    <row r="10" spans="1:409" s="407" customFormat="1" ht="21" customHeight="1" x14ac:dyDescent="0.2">
      <c r="A10" s="70"/>
      <c r="B10" s="409" t="s">
        <v>5</v>
      </c>
      <c r="C10" s="295">
        <v>160495730</v>
      </c>
      <c r="D10" s="296">
        <v>423980370</v>
      </c>
      <c r="E10" s="297">
        <v>584476100</v>
      </c>
      <c r="F10" s="298">
        <v>0</v>
      </c>
      <c r="G10" s="296">
        <v>1845624230</v>
      </c>
      <c r="H10" s="296">
        <v>3391990072</v>
      </c>
      <c r="I10" s="296">
        <v>2566112991</v>
      </c>
      <c r="J10" s="296">
        <v>2318789301</v>
      </c>
      <c r="K10" s="296">
        <v>1753594388</v>
      </c>
      <c r="L10" s="298">
        <v>11876110982</v>
      </c>
      <c r="M10" s="299">
        <v>12460587082</v>
      </c>
      <c r="N10" s="295">
        <v>42329944</v>
      </c>
      <c r="O10" s="296">
        <v>142660952</v>
      </c>
      <c r="P10" s="297">
        <v>184990896</v>
      </c>
      <c r="Q10" s="295">
        <v>0</v>
      </c>
      <c r="R10" s="296">
        <v>536074286</v>
      </c>
      <c r="S10" s="296">
        <v>1148155142</v>
      </c>
      <c r="T10" s="296">
        <v>874541282</v>
      </c>
      <c r="U10" s="296">
        <v>899430945</v>
      </c>
      <c r="V10" s="296">
        <v>914975204</v>
      </c>
      <c r="W10" s="297">
        <v>4373176859</v>
      </c>
      <c r="X10" s="299">
        <v>4558167755</v>
      </c>
      <c r="Y10" s="295">
        <v>2981</v>
      </c>
      <c r="Z10" s="296">
        <v>0</v>
      </c>
      <c r="AA10" s="297">
        <v>2981</v>
      </c>
      <c r="AB10" s="295">
        <v>0</v>
      </c>
      <c r="AC10" s="296">
        <v>237637820</v>
      </c>
      <c r="AD10" s="296">
        <v>519567025</v>
      </c>
      <c r="AE10" s="296">
        <v>446130637</v>
      </c>
      <c r="AF10" s="296">
        <v>491465947</v>
      </c>
      <c r="AG10" s="296">
        <v>516043730</v>
      </c>
      <c r="AH10" s="297">
        <v>2210845159</v>
      </c>
      <c r="AI10" s="299">
        <v>2210848140</v>
      </c>
      <c r="AJ10" s="295">
        <v>30302</v>
      </c>
      <c r="AK10" s="296">
        <v>592676</v>
      </c>
      <c r="AL10" s="297">
        <v>622978</v>
      </c>
      <c r="AM10" s="295">
        <v>0</v>
      </c>
      <c r="AN10" s="296">
        <v>975919</v>
      </c>
      <c r="AO10" s="296">
        <v>7684091</v>
      </c>
      <c r="AP10" s="296">
        <v>17307322</v>
      </c>
      <c r="AQ10" s="296">
        <v>50965599</v>
      </c>
      <c r="AR10" s="296">
        <v>108348697</v>
      </c>
      <c r="AS10" s="297">
        <v>185281628</v>
      </c>
      <c r="AT10" s="299">
        <v>185904606</v>
      </c>
      <c r="AU10" s="295">
        <v>23882291</v>
      </c>
      <c r="AV10" s="296">
        <v>103003843</v>
      </c>
      <c r="AW10" s="297">
        <v>126886134</v>
      </c>
      <c r="AX10" s="295">
        <v>0</v>
      </c>
      <c r="AY10" s="296">
        <v>178565835</v>
      </c>
      <c r="AZ10" s="296">
        <v>430573517</v>
      </c>
      <c r="BA10" s="296">
        <v>257888191</v>
      </c>
      <c r="BB10" s="296">
        <v>211570968</v>
      </c>
      <c r="BC10" s="296">
        <v>183306586</v>
      </c>
      <c r="BD10" s="297">
        <v>1261905097</v>
      </c>
      <c r="BE10" s="299">
        <v>1388791231</v>
      </c>
      <c r="BF10" s="295">
        <v>2355913</v>
      </c>
      <c r="BG10" s="296">
        <v>12935997</v>
      </c>
      <c r="BH10" s="300">
        <v>15291910</v>
      </c>
      <c r="BI10" s="301">
        <v>0</v>
      </c>
      <c r="BJ10" s="296">
        <v>10624414</v>
      </c>
      <c r="BK10" s="296">
        <v>27840701</v>
      </c>
      <c r="BL10" s="296">
        <v>18589958</v>
      </c>
      <c r="BM10" s="296">
        <v>13216951</v>
      </c>
      <c r="BN10" s="296">
        <v>9478445</v>
      </c>
      <c r="BO10" s="297">
        <v>79750469</v>
      </c>
      <c r="BP10" s="299">
        <v>95042379</v>
      </c>
      <c r="BQ10" s="295">
        <v>16058457</v>
      </c>
      <c r="BR10" s="296">
        <v>26128436</v>
      </c>
      <c r="BS10" s="297">
        <v>42186893</v>
      </c>
      <c r="BT10" s="295">
        <v>0</v>
      </c>
      <c r="BU10" s="296">
        <v>108270298</v>
      </c>
      <c r="BV10" s="296">
        <v>162489808</v>
      </c>
      <c r="BW10" s="296">
        <v>134625174</v>
      </c>
      <c r="BX10" s="296">
        <v>132211480</v>
      </c>
      <c r="BY10" s="296">
        <v>97797746</v>
      </c>
      <c r="BZ10" s="297">
        <v>635394506</v>
      </c>
      <c r="CA10" s="299">
        <v>677581399</v>
      </c>
      <c r="CB10" s="295">
        <v>16758606</v>
      </c>
      <c r="CC10" s="296">
        <v>54257870</v>
      </c>
      <c r="CD10" s="297">
        <v>71016476</v>
      </c>
      <c r="CE10" s="295">
        <v>0</v>
      </c>
      <c r="CF10" s="296">
        <v>455726047</v>
      </c>
      <c r="CG10" s="296">
        <v>820943860</v>
      </c>
      <c r="CH10" s="296">
        <v>526676278</v>
      </c>
      <c r="CI10" s="296">
        <v>323343468</v>
      </c>
      <c r="CJ10" s="296">
        <v>158041094</v>
      </c>
      <c r="CK10" s="297">
        <v>2284730747</v>
      </c>
      <c r="CL10" s="299">
        <v>2355747223</v>
      </c>
      <c r="CM10" s="295">
        <v>0</v>
      </c>
      <c r="CN10" s="296">
        <v>0</v>
      </c>
      <c r="CO10" s="297">
        <v>0</v>
      </c>
      <c r="CP10" s="301">
        <v>0</v>
      </c>
      <c r="CQ10" s="296">
        <v>385767734</v>
      </c>
      <c r="CR10" s="296">
        <v>629928569</v>
      </c>
      <c r="CS10" s="296">
        <v>394010754</v>
      </c>
      <c r="CT10" s="296">
        <v>229695934</v>
      </c>
      <c r="CU10" s="296">
        <v>122661643</v>
      </c>
      <c r="CV10" s="297">
        <v>1762064634</v>
      </c>
      <c r="CW10" s="299">
        <v>1762064634</v>
      </c>
      <c r="CX10" s="295">
        <v>16758606</v>
      </c>
      <c r="CY10" s="296">
        <v>54257870</v>
      </c>
      <c r="CZ10" s="297">
        <v>71016476</v>
      </c>
      <c r="DA10" s="295">
        <v>0</v>
      </c>
      <c r="DB10" s="296">
        <v>69958313</v>
      </c>
      <c r="DC10" s="296">
        <v>191015291</v>
      </c>
      <c r="DD10" s="296">
        <v>132665524</v>
      </c>
      <c r="DE10" s="296">
        <v>93647534</v>
      </c>
      <c r="DF10" s="296">
        <v>35379451</v>
      </c>
      <c r="DG10" s="297">
        <v>522666113</v>
      </c>
      <c r="DH10" s="299">
        <v>593682589</v>
      </c>
      <c r="DI10" s="295">
        <v>610474</v>
      </c>
      <c r="DJ10" s="296">
        <v>3657226</v>
      </c>
      <c r="DK10" s="300">
        <v>4267700</v>
      </c>
      <c r="DL10" s="301">
        <v>0</v>
      </c>
      <c r="DM10" s="296">
        <v>45189182</v>
      </c>
      <c r="DN10" s="296">
        <v>117632332</v>
      </c>
      <c r="DO10" s="296">
        <v>226812826</v>
      </c>
      <c r="DP10" s="296">
        <v>179435823</v>
      </c>
      <c r="DQ10" s="296">
        <v>107829146</v>
      </c>
      <c r="DR10" s="297">
        <v>676899309</v>
      </c>
      <c r="DS10" s="299">
        <v>681167009</v>
      </c>
      <c r="DT10" s="295">
        <v>539033</v>
      </c>
      <c r="DU10" s="296">
        <v>3533995</v>
      </c>
      <c r="DV10" s="297">
        <v>4073028</v>
      </c>
      <c r="DW10" s="295">
        <v>0</v>
      </c>
      <c r="DX10" s="296">
        <v>38800366</v>
      </c>
      <c r="DY10" s="296">
        <v>96160355</v>
      </c>
      <c r="DZ10" s="296">
        <v>194290207</v>
      </c>
      <c r="EA10" s="296">
        <v>143424337</v>
      </c>
      <c r="EB10" s="296">
        <v>84711444</v>
      </c>
      <c r="EC10" s="297">
        <v>557386709</v>
      </c>
      <c r="ED10" s="299">
        <v>561459737</v>
      </c>
      <c r="EE10" s="295">
        <v>71441</v>
      </c>
      <c r="EF10" s="300">
        <v>123231</v>
      </c>
      <c r="EG10" s="297">
        <v>194672</v>
      </c>
      <c r="EH10" s="295">
        <v>0</v>
      </c>
      <c r="EI10" s="296">
        <v>6388816</v>
      </c>
      <c r="EJ10" s="296">
        <v>21471977</v>
      </c>
      <c r="EK10" s="296">
        <v>32522619</v>
      </c>
      <c r="EL10" s="296">
        <v>36011486</v>
      </c>
      <c r="EM10" s="296">
        <v>23117702</v>
      </c>
      <c r="EN10" s="300">
        <v>119512600</v>
      </c>
      <c r="EO10" s="299">
        <v>119707272</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3739252</v>
      </c>
      <c r="FM10" s="296">
        <v>93047984</v>
      </c>
      <c r="FN10" s="297">
        <v>126787236</v>
      </c>
      <c r="FO10" s="295">
        <v>0</v>
      </c>
      <c r="FP10" s="296">
        <v>73699993</v>
      </c>
      <c r="FQ10" s="296">
        <v>300071594</v>
      </c>
      <c r="FR10" s="296">
        <v>195788146</v>
      </c>
      <c r="FS10" s="296">
        <v>166233882</v>
      </c>
      <c r="FT10" s="296">
        <v>124664062</v>
      </c>
      <c r="FU10" s="297">
        <v>860457677</v>
      </c>
      <c r="FV10" s="299">
        <v>987244913</v>
      </c>
      <c r="FW10" s="302">
        <v>17649437</v>
      </c>
      <c r="FX10" s="296">
        <v>67844682</v>
      </c>
      <c r="FY10" s="300">
        <v>85494119</v>
      </c>
      <c r="FZ10" s="301">
        <v>0</v>
      </c>
      <c r="GA10" s="296">
        <v>55919729</v>
      </c>
      <c r="GB10" s="296">
        <v>277485028</v>
      </c>
      <c r="GC10" s="296">
        <v>180901235</v>
      </c>
      <c r="GD10" s="296">
        <v>154658363</v>
      </c>
      <c r="GE10" s="296">
        <v>119467907</v>
      </c>
      <c r="GF10" s="297">
        <v>788432262</v>
      </c>
      <c r="GG10" s="303">
        <v>873926381</v>
      </c>
      <c r="GH10" s="302">
        <v>2008851</v>
      </c>
      <c r="GI10" s="296">
        <v>4495010</v>
      </c>
      <c r="GJ10" s="300">
        <v>6503861</v>
      </c>
      <c r="GK10" s="301">
        <v>0</v>
      </c>
      <c r="GL10" s="296">
        <v>4380633</v>
      </c>
      <c r="GM10" s="296">
        <v>7995300</v>
      </c>
      <c r="GN10" s="296">
        <v>5480086</v>
      </c>
      <c r="GO10" s="296">
        <v>4400954</v>
      </c>
      <c r="GP10" s="296">
        <v>2362859</v>
      </c>
      <c r="GQ10" s="297">
        <v>24619832</v>
      </c>
      <c r="GR10" s="299">
        <v>31123693</v>
      </c>
      <c r="GS10" s="295">
        <v>14080964</v>
      </c>
      <c r="GT10" s="296">
        <v>20708292</v>
      </c>
      <c r="GU10" s="297">
        <v>34789256</v>
      </c>
      <c r="GV10" s="295">
        <v>0</v>
      </c>
      <c r="GW10" s="296">
        <v>13399631</v>
      </c>
      <c r="GX10" s="296">
        <v>14591266</v>
      </c>
      <c r="GY10" s="296">
        <v>9406825</v>
      </c>
      <c r="GZ10" s="296">
        <v>7174565</v>
      </c>
      <c r="HA10" s="296">
        <v>2833296</v>
      </c>
      <c r="HB10" s="300">
        <v>47405583</v>
      </c>
      <c r="HC10" s="299">
        <v>82194839</v>
      </c>
      <c r="HD10" s="295">
        <v>38948463</v>
      </c>
      <c r="HE10" s="296">
        <v>60036832</v>
      </c>
      <c r="HF10" s="300">
        <v>98985295</v>
      </c>
      <c r="HG10" s="301">
        <v>0</v>
      </c>
      <c r="HH10" s="296">
        <v>435345115</v>
      </c>
      <c r="HI10" s="296">
        <v>551465000</v>
      </c>
      <c r="HJ10" s="296">
        <v>477365265</v>
      </c>
      <c r="HK10" s="296">
        <v>575003571</v>
      </c>
      <c r="HL10" s="296">
        <v>340624527</v>
      </c>
      <c r="HM10" s="297">
        <v>2379803478</v>
      </c>
      <c r="HN10" s="298">
        <v>2478788773</v>
      </c>
      <c r="HO10" s="302">
        <v>28108991</v>
      </c>
      <c r="HP10" s="296">
        <v>70319506</v>
      </c>
      <c r="HQ10" s="297">
        <v>98428497</v>
      </c>
      <c r="HR10" s="295">
        <v>0</v>
      </c>
      <c r="HS10" s="296">
        <v>299589607</v>
      </c>
      <c r="HT10" s="296">
        <v>453722144</v>
      </c>
      <c r="HU10" s="296">
        <v>264929194</v>
      </c>
      <c r="HV10" s="296">
        <v>175341612</v>
      </c>
      <c r="HW10" s="296">
        <v>107460355</v>
      </c>
      <c r="HX10" s="300">
        <v>1301042912</v>
      </c>
      <c r="HY10" s="299">
        <v>1399471409</v>
      </c>
      <c r="HZ10" s="304">
        <v>3987266</v>
      </c>
      <c r="IA10" s="305">
        <v>14334797</v>
      </c>
      <c r="IB10" s="306">
        <v>18322063</v>
      </c>
      <c r="IC10" s="307">
        <v>0</v>
      </c>
      <c r="ID10" s="308">
        <v>654469873</v>
      </c>
      <c r="IE10" s="309">
        <v>1010068219</v>
      </c>
      <c r="IF10" s="310">
        <v>998982296</v>
      </c>
      <c r="IG10" s="308">
        <v>746374161</v>
      </c>
      <c r="IH10" s="310">
        <v>552106728</v>
      </c>
      <c r="II10" s="311">
        <v>3962001277</v>
      </c>
      <c r="IJ10" s="312">
        <v>3980323340</v>
      </c>
      <c r="IK10" s="313">
        <v>0</v>
      </c>
      <c r="IL10" s="314">
        <v>0</v>
      </c>
      <c r="IM10" s="315">
        <v>0</v>
      </c>
      <c r="IN10" s="403">
        <v>0</v>
      </c>
      <c r="IO10" s="316">
        <v>10846723</v>
      </c>
      <c r="IP10" s="316">
        <v>23743332</v>
      </c>
      <c r="IQ10" s="316">
        <v>34816972</v>
      </c>
      <c r="IR10" s="316">
        <v>50670740</v>
      </c>
      <c r="IS10" s="316">
        <v>50540635</v>
      </c>
      <c r="IT10" s="317">
        <v>170618402</v>
      </c>
      <c r="IU10" s="318">
        <v>170618402</v>
      </c>
      <c r="IV10" s="319">
        <v>0</v>
      </c>
      <c r="IW10" s="316">
        <v>0</v>
      </c>
      <c r="IX10" s="320">
        <v>0</v>
      </c>
      <c r="IY10" s="413">
        <v>0</v>
      </c>
      <c r="IZ10" s="316">
        <v>2039511</v>
      </c>
      <c r="JA10" s="316">
        <v>7231897</v>
      </c>
      <c r="JB10" s="316">
        <v>9103969</v>
      </c>
      <c r="JC10" s="316">
        <v>9444572</v>
      </c>
      <c r="JD10" s="316">
        <v>13495170</v>
      </c>
      <c r="JE10" s="320">
        <v>41315119</v>
      </c>
      <c r="JF10" s="321">
        <v>41315119</v>
      </c>
      <c r="JG10" s="319">
        <v>0</v>
      </c>
      <c r="JH10" s="316">
        <v>0</v>
      </c>
      <c r="JI10" s="317">
        <v>0</v>
      </c>
      <c r="JJ10" s="322">
        <v>0</v>
      </c>
      <c r="JK10" s="316">
        <v>220850254</v>
      </c>
      <c r="JL10" s="316">
        <v>366288468</v>
      </c>
      <c r="JM10" s="316">
        <v>275049756</v>
      </c>
      <c r="JN10" s="316">
        <v>162234575</v>
      </c>
      <c r="JO10" s="316">
        <v>82116573</v>
      </c>
      <c r="JP10" s="320">
        <v>1106539626</v>
      </c>
      <c r="JQ10" s="318">
        <v>1106539626</v>
      </c>
      <c r="JR10" s="319">
        <v>166567</v>
      </c>
      <c r="JS10" s="316">
        <v>114005</v>
      </c>
      <c r="JT10" s="317">
        <v>280572</v>
      </c>
      <c r="JU10" s="322">
        <v>0</v>
      </c>
      <c r="JV10" s="316">
        <v>36885251</v>
      </c>
      <c r="JW10" s="316">
        <v>54797938</v>
      </c>
      <c r="JX10" s="316">
        <v>79032254</v>
      </c>
      <c r="JY10" s="316">
        <v>51232188</v>
      </c>
      <c r="JZ10" s="316">
        <v>38379240</v>
      </c>
      <c r="KA10" s="320">
        <v>260326871</v>
      </c>
      <c r="KB10" s="318">
        <v>260607443</v>
      </c>
      <c r="KC10" s="323">
        <v>3820699</v>
      </c>
      <c r="KD10" s="324">
        <v>10308909</v>
      </c>
      <c r="KE10" s="320">
        <v>14129608</v>
      </c>
      <c r="KF10" s="322">
        <v>0</v>
      </c>
      <c r="KG10" s="316">
        <v>81789332</v>
      </c>
      <c r="KH10" s="316">
        <v>149785030</v>
      </c>
      <c r="KI10" s="316">
        <v>145933781</v>
      </c>
      <c r="KJ10" s="316">
        <v>127671334</v>
      </c>
      <c r="KK10" s="316">
        <v>88190834</v>
      </c>
      <c r="KL10" s="320">
        <v>593370311</v>
      </c>
      <c r="KM10" s="325">
        <v>607499919</v>
      </c>
      <c r="KN10" s="313">
        <v>0</v>
      </c>
      <c r="KO10" s="314">
        <v>3911883</v>
      </c>
      <c r="KP10" s="315">
        <v>3911883</v>
      </c>
      <c r="KQ10" s="413">
        <v>0</v>
      </c>
      <c r="KR10" s="316">
        <v>296320127</v>
      </c>
      <c r="KS10" s="316">
        <v>388556092</v>
      </c>
      <c r="KT10" s="316">
        <v>434451981</v>
      </c>
      <c r="KU10" s="316">
        <v>292874298</v>
      </c>
      <c r="KV10" s="316">
        <v>208041764</v>
      </c>
      <c r="KW10" s="320">
        <v>1620244262</v>
      </c>
      <c r="KX10" s="318">
        <v>1624156145</v>
      </c>
      <c r="KY10" s="319">
        <v>0</v>
      </c>
      <c r="KZ10" s="316">
        <v>0</v>
      </c>
      <c r="LA10" s="320">
        <v>0</v>
      </c>
      <c r="LB10" s="413">
        <v>0</v>
      </c>
      <c r="LC10" s="316">
        <v>22797</v>
      </c>
      <c r="LD10" s="316">
        <v>25634</v>
      </c>
      <c r="LE10" s="316">
        <v>0</v>
      </c>
      <c r="LF10" s="316">
        <v>0</v>
      </c>
      <c r="LG10" s="316">
        <v>0</v>
      </c>
      <c r="LH10" s="320">
        <v>48431</v>
      </c>
      <c r="LI10" s="321">
        <v>48431</v>
      </c>
      <c r="LJ10" s="319">
        <v>0</v>
      </c>
      <c r="LK10" s="316">
        <v>0</v>
      </c>
      <c r="LL10" s="320">
        <v>0</v>
      </c>
      <c r="LM10" s="413">
        <v>0</v>
      </c>
      <c r="LN10" s="316">
        <v>764042</v>
      </c>
      <c r="LO10" s="316">
        <v>3484180</v>
      </c>
      <c r="LP10" s="316">
        <v>6440428</v>
      </c>
      <c r="LQ10" s="316">
        <v>14806784</v>
      </c>
      <c r="LR10" s="316">
        <v>10800692</v>
      </c>
      <c r="LS10" s="320">
        <v>36296126</v>
      </c>
      <c r="LT10" s="318">
        <v>36296126</v>
      </c>
      <c r="LU10" s="319">
        <v>0</v>
      </c>
      <c r="LV10" s="316">
        <v>0</v>
      </c>
      <c r="LW10" s="320">
        <v>0</v>
      </c>
      <c r="LX10" s="413">
        <v>0</v>
      </c>
      <c r="LY10" s="316">
        <v>4951836</v>
      </c>
      <c r="LZ10" s="316">
        <v>16155648</v>
      </c>
      <c r="MA10" s="316">
        <v>14153155</v>
      </c>
      <c r="MB10" s="316">
        <v>37439670</v>
      </c>
      <c r="MC10" s="316">
        <v>60541820</v>
      </c>
      <c r="MD10" s="320">
        <v>133242129</v>
      </c>
      <c r="ME10" s="321">
        <v>133242129</v>
      </c>
      <c r="MF10" s="319">
        <v>0</v>
      </c>
      <c r="MG10" s="316">
        <v>0</v>
      </c>
      <c r="MH10" s="320">
        <v>0</v>
      </c>
      <c r="MI10" s="413">
        <v>0</v>
      </c>
      <c r="MJ10" s="316">
        <v>228140253</v>
      </c>
      <c r="MK10" s="316">
        <v>745289601</v>
      </c>
      <c r="ML10" s="316">
        <v>1923842075</v>
      </c>
      <c r="MM10" s="316">
        <v>2808345210</v>
      </c>
      <c r="MN10" s="316">
        <v>1851236578</v>
      </c>
      <c r="MO10" s="320">
        <v>7556853717</v>
      </c>
      <c r="MP10" s="325">
        <v>7556853717</v>
      </c>
      <c r="MQ10" s="319">
        <v>0</v>
      </c>
      <c r="MR10" s="316">
        <v>0</v>
      </c>
      <c r="MS10" s="320">
        <v>0</v>
      </c>
      <c r="MT10" s="413">
        <v>0</v>
      </c>
      <c r="MU10" s="316">
        <v>61158383</v>
      </c>
      <c r="MV10" s="316">
        <v>295287053</v>
      </c>
      <c r="MW10" s="316">
        <v>1246540686</v>
      </c>
      <c r="MX10" s="316">
        <v>1854512213</v>
      </c>
      <c r="MY10" s="316">
        <v>1302617165</v>
      </c>
      <c r="MZ10" s="320">
        <v>4760115500</v>
      </c>
      <c r="NA10" s="325">
        <v>4760115500</v>
      </c>
      <c r="NB10" s="319">
        <v>0</v>
      </c>
      <c r="NC10" s="316">
        <v>0</v>
      </c>
      <c r="ND10" s="320">
        <v>0</v>
      </c>
      <c r="NE10" s="413">
        <v>0</v>
      </c>
      <c r="NF10" s="316">
        <v>166626758</v>
      </c>
      <c r="NG10" s="316">
        <v>449715798</v>
      </c>
      <c r="NH10" s="316">
        <v>672593873</v>
      </c>
      <c r="NI10" s="316">
        <v>912994754</v>
      </c>
      <c r="NJ10" s="316">
        <v>499759854</v>
      </c>
      <c r="NK10" s="320">
        <v>2701691037</v>
      </c>
      <c r="NL10" s="318">
        <v>2701691037</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355112</v>
      </c>
      <c r="OC10" s="316">
        <v>286750</v>
      </c>
      <c r="OD10" s="316">
        <v>4707516</v>
      </c>
      <c r="OE10" s="316">
        <v>40838243</v>
      </c>
      <c r="OF10" s="316">
        <v>48859559</v>
      </c>
      <c r="OG10" s="320">
        <v>95047180</v>
      </c>
      <c r="OH10" s="321">
        <v>95047180</v>
      </c>
      <c r="OI10" s="319">
        <v>164482996</v>
      </c>
      <c r="OJ10" s="316">
        <v>438315167</v>
      </c>
      <c r="OK10" s="317">
        <v>602798163</v>
      </c>
      <c r="OL10" s="322">
        <v>0</v>
      </c>
      <c r="OM10" s="316">
        <v>2728234356</v>
      </c>
      <c r="ON10" s="316">
        <v>5147347892</v>
      </c>
      <c r="OO10" s="316">
        <v>5488937362</v>
      </c>
      <c r="OP10" s="316">
        <v>5873508672</v>
      </c>
      <c r="OQ10" s="316">
        <v>4156937694</v>
      </c>
      <c r="OR10" s="320">
        <v>23394965976</v>
      </c>
      <c r="OS10" s="325">
        <v>23997764139</v>
      </c>
    </row>
    <row r="11" spans="1:409" s="70" customFormat="1" ht="21" customHeight="1" x14ac:dyDescent="0.2">
      <c r="B11" s="410" t="s">
        <v>6</v>
      </c>
      <c r="C11" s="326">
        <v>56561977</v>
      </c>
      <c r="D11" s="327">
        <v>101209012</v>
      </c>
      <c r="E11" s="328">
        <v>157770989</v>
      </c>
      <c r="F11" s="329">
        <v>0</v>
      </c>
      <c r="G11" s="327">
        <v>907726386</v>
      </c>
      <c r="H11" s="327">
        <v>1054156415</v>
      </c>
      <c r="I11" s="327">
        <v>887871395</v>
      </c>
      <c r="J11" s="327">
        <v>851608047</v>
      </c>
      <c r="K11" s="327">
        <v>696288316</v>
      </c>
      <c r="L11" s="329">
        <v>4397650559</v>
      </c>
      <c r="M11" s="330">
        <v>4555421548</v>
      </c>
      <c r="N11" s="326">
        <v>15870555</v>
      </c>
      <c r="O11" s="327">
        <v>32414799</v>
      </c>
      <c r="P11" s="328">
        <v>48285354</v>
      </c>
      <c r="Q11" s="326">
        <v>0</v>
      </c>
      <c r="R11" s="327">
        <v>291838056</v>
      </c>
      <c r="S11" s="327">
        <v>369729424</v>
      </c>
      <c r="T11" s="327">
        <v>323960090</v>
      </c>
      <c r="U11" s="327">
        <v>362835479</v>
      </c>
      <c r="V11" s="327">
        <v>375761445</v>
      </c>
      <c r="W11" s="328">
        <v>1724124494</v>
      </c>
      <c r="X11" s="330">
        <v>1772409848</v>
      </c>
      <c r="Y11" s="326">
        <v>3572</v>
      </c>
      <c r="Z11" s="327">
        <v>0</v>
      </c>
      <c r="AA11" s="328">
        <v>3572</v>
      </c>
      <c r="AB11" s="326">
        <v>0</v>
      </c>
      <c r="AC11" s="327">
        <v>132677917</v>
      </c>
      <c r="AD11" s="327">
        <v>185896301</v>
      </c>
      <c r="AE11" s="327">
        <v>187951179</v>
      </c>
      <c r="AF11" s="327">
        <v>229604698</v>
      </c>
      <c r="AG11" s="327">
        <v>233312471</v>
      </c>
      <c r="AH11" s="328">
        <v>969442566</v>
      </c>
      <c r="AI11" s="330">
        <v>969446138</v>
      </c>
      <c r="AJ11" s="326">
        <v>18744</v>
      </c>
      <c r="AK11" s="327">
        <v>37489</v>
      </c>
      <c r="AL11" s="328">
        <v>56233</v>
      </c>
      <c r="AM11" s="326">
        <v>0</v>
      </c>
      <c r="AN11" s="327">
        <v>800902</v>
      </c>
      <c r="AO11" s="327">
        <v>3062955</v>
      </c>
      <c r="AP11" s="327">
        <v>6405772</v>
      </c>
      <c r="AQ11" s="327">
        <v>16239904</v>
      </c>
      <c r="AR11" s="327">
        <v>34160371</v>
      </c>
      <c r="AS11" s="328">
        <v>60669904</v>
      </c>
      <c r="AT11" s="330">
        <v>60726137</v>
      </c>
      <c r="AU11" s="326">
        <v>8654356</v>
      </c>
      <c r="AV11" s="327">
        <v>22812984</v>
      </c>
      <c r="AW11" s="328">
        <v>31467340</v>
      </c>
      <c r="AX11" s="326">
        <v>0</v>
      </c>
      <c r="AY11" s="327">
        <v>96173224</v>
      </c>
      <c r="AZ11" s="327">
        <v>110594565</v>
      </c>
      <c r="BA11" s="327">
        <v>70802775</v>
      </c>
      <c r="BB11" s="327">
        <v>60062238</v>
      </c>
      <c r="BC11" s="327">
        <v>61611855</v>
      </c>
      <c r="BD11" s="328">
        <v>399244657</v>
      </c>
      <c r="BE11" s="330">
        <v>430711997</v>
      </c>
      <c r="BF11" s="326">
        <v>618748</v>
      </c>
      <c r="BG11" s="327">
        <v>2129117</v>
      </c>
      <c r="BH11" s="331">
        <v>2747865</v>
      </c>
      <c r="BI11" s="332">
        <v>0</v>
      </c>
      <c r="BJ11" s="327">
        <v>7274218</v>
      </c>
      <c r="BK11" s="327">
        <v>7844628</v>
      </c>
      <c r="BL11" s="327">
        <v>4439301</v>
      </c>
      <c r="BM11" s="327">
        <v>4968724</v>
      </c>
      <c r="BN11" s="327">
        <v>3313049</v>
      </c>
      <c r="BO11" s="328">
        <v>27839920</v>
      </c>
      <c r="BP11" s="330">
        <v>30587785</v>
      </c>
      <c r="BQ11" s="326">
        <v>6575135</v>
      </c>
      <c r="BR11" s="327">
        <v>7435209</v>
      </c>
      <c r="BS11" s="328">
        <v>14010344</v>
      </c>
      <c r="BT11" s="326">
        <v>0</v>
      </c>
      <c r="BU11" s="327">
        <v>54911795</v>
      </c>
      <c r="BV11" s="327">
        <v>62330975</v>
      </c>
      <c r="BW11" s="327">
        <v>54361063</v>
      </c>
      <c r="BX11" s="327">
        <v>51959915</v>
      </c>
      <c r="BY11" s="327">
        <v>43363699</v>
      </c>
      <c r="BZ11" s="328">
        <v>266927447</v>
      </c>
      <c r="CA11" s="330">
        <v>280937791</v>
      </c>
      <c r="CB11" s="326">
        <v>2940415</v>
      </c>
      <c r="CC11" s="327">
        <v>10278473</v>
      </c>
      <c r="CD11" s="328">
        <v>13218888</v>
      </c>
      <c r="CE11" s="326">
        <v>0</v>
      </c>
      <c r="CF11" s="327">
        <v>237003995</v>
      </c>
      <c r="CG11" s="327">
        <v>270475103</v>
      </c>
      <c r="CH11" s="327">
        <v>199188619</v>
      </c>
      <c r="CI11" s="327">
        <v>125563473</v>
      </c>
      <c r="CJ11" s="327">
        <v>65844363</v>
      </c>
      <c r="CK11" s="328">
        <v>898075553</v>
      </c>
      <c r="CL11" s="330">
        <v>911294441</v>
      </c>
      <c r="CM11" s="326">
        <v>0</v>
      </c>
      <c r="CN11" s="327">
        <v>0</v>
      </c>
      <c r="CO11" s="328">
        <v>0</v>
      </c>
      <c r="CP11" s="332">
        <v>0</v>
      </c>
      <c r="CQ11" s="327">
        <v>199578296</v>
      </c>
      <c r="CR11" s="327">
        <v>219890925</v>
      </c>
      <c r="CS11" s="327">
        <v>159071785</v>
      </c>
      <c r="CT11" s="327">
        <v>98774769</v>
      </c>
      <c r="CU11" s="327">
        <v>54506462</v>
      </c>
      <c r="CV11" s="328">
        <v>731822237</v>
      </c>
      <c r="CW11" s="330">
        <v>731822237</v>
      </c>
      <c r="CX11" s="326">
        <v>2940415</v>
      </c>
      <c r="CY11" s="327">
        <v>10278473</v>
      </c>
      <c r="CZ11" s="328">
        <v>13218888</v>
      </c>
      <c r="DA11" s="326">
        <v>0</v>
      </c>
      <c r="DB11" s="327">
        <v>37425699</v>
      </c>
      <c r="DC11" s="327">
        <v>50584178</v>
      </c>
      <c r="DD11" s="327">
        <v>40116834</v>
      </c>
      <c r="DE11" s="327">
        <v>26788704</v>
      </c>
      <c r="DF11" s="327">
        <v>11337901</v>
      </c>
      <c r="DG11" s="328">
        <v>166253316</v>
      </c>
      <c r="DH11" s="330">
        <v>179472204</v>
      </c>
      <c r="DI11" s="326">
        <v>166050</v>
      </c>
      <c r="DJ11" s="327">
        <v>838343</v>
      </c>
      <c r="DK11" s="331">
        <v>1004393</v>
      </c>
      <c r="DL11" s="332">
        <v>0</v>
      </c>
      <c r="DM11" s="327">
        <v>14365803</v>
      </c>
      <c r="DN11" s="327">
        <v>35912606</v>
      </c>
      <c r="DO11" s="327">
        <v>62979671</v>
      </c>
      <c r="DP11" s="327">
        <v>54504019</v>
      </c>
      <c r="DQ11" s="327">
        <v>33824024</v>
      </c>
      <c r="DR11" s="328">
        <v>201586123</v>
      </c>
      <c r="DS11" s="330">
        <v>202590516</v>
      </c>
      <c r="DT11" s="326">
        <v>124265</v>
      </c>
      <c r="DU11" s="327">
        <v>838343</v>
      </c>
      <c r="DV11" s="328">
        <v>962608</v>
      </c>
      <c r="DW11" s="326">
        <v>0</v>
      </c>
      <c r="DX11" s="327">
        <v>12344599</v>
      </c>
      <c r="DY11" s="327">
        <v>30204646</v>
      </c>
      <c r="DZ11" s="327">
        <v>55541572</v>
      </c>
      <c r="EA11" s="327">
        <v>46569427</v>
      </c>
      <c r="EB11" s="327">
        <v>27710241</v>
      </c>
      <c r="EC11" s="328">
        <v>172370485</v>
      </c>
      <c r="ED11" s="330">
        <v>173333093</v>
      </c>
      <c r="EE11" s="326">
        <v>41785</v>
      </c>
      <c r="EF11" s="331">
        <v>0</v>
      </c>
      <c r="EG11" s="328">
        <v>41785</v>
      </c>
      <c r="EH11" s="326">
        <v>0</v>
      </c>
      <c r="EI11" s="327">
        <v>2021204</v>
      </c>
      <c r="EJ11" s="327">
        <v>5707960</v>
      </c>
      <c r="EK11" s="327">
        <v>7438099</v>
      </c>
      <c r="EL11" s="327">
        <v>7934592</v>
      </c>
      <c r="EM11" s="327">
        <v>6113783</v>
      </c>
      <c r="EN11" s="331">
        <v>29215638</v>
      </c>
      <c r="EO11" s="330">
        <v>29257423</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2516971</v>
      </c>
      <c r="FM11" s="327">
        <v>23586366</v>
      </c>
      <c r="FN11" s="328">
        <v>36103337</v>
      </c>
      <c r="FO11" s="326">
        <v>0</v>
      </c>
      <c r="FP11" s="327">
        <v>50127167</v>
      </c>
      <c r="FQ11" s="327">
        <v>96477244</v>
      </c>
      <c r="FR11" s="327">
        <v>68009787</v>
      </c>
      <c r="FS11" s="327">
        <v>62683915</v>
      </c>
      <c r="FT11" s="327">
        <v>50150053</v>
      </c>
      <c r="FU11" s="328">
        <v>327448166</v>
      </c>
      <c r="FV11" s="330">
        <v>363551503</v>
      </c>
      <c r="FW11" s="333">
        <v>8873713</v>
      </c>
      <c r="FX11" s="327">
        <v>19383483</v>
      </c>
      <c r="FY11" s="331">
        <v>28257196</v>
      </c>
      <c r="FZ11" s="332">
        <v>0</v>
      </c>
      <c r="GA11" s="327">
        <v>42842159</v>
      </c>
      <c r="GB11" s="327">
        <v>88100989</v>
      </c>
      <c r="GC11" s="327">
        <v>64330234</v>
      </c>
      <c r="GD11" s="327">
        <v>59458947</v>
      </c>
      <c r="GE11" s="327">
        <v>48353612</v>
      </c>
      <c r="GF11" s="328">
        <v>303085941</v>
      </c>
      <c r="GG11" s="334">
        <v>331343137</v>
      </c>
      <c r="GH11" s="333">
        <v>901786</v>
      </c>
      <c r="GI11" s="327">
        <v>1013945</v>
      </c>
      <c r="GJ11" s="331">
        <v>1915731</v>
      </c>
      <c r="GK11" s="332">
        <v>0</v>
      </c>
      <c r="GL11" s="327">
        <v>2714169</v>
      </c>
      <c r="GM11" s="327">
        <v>3028219</v>
      </c>
      <c r="GN11" s="327">
        <v>2247632</v>
      </c>
      <c r="GO11" s="327">
        <v>1208178</v>
      </c>
      <c r="GP11" s="327">
        <v>1114001</v>
      </c>
      <c r="GQ11" s="328">
        <v>10312199</v>
      </c>
      <c r="GR11" s="330">
        <v>12227930</v>
      </c>
      <c r="GS11" s="326">
        <v>2741472</v>
      </c>
      <c r="GT11" s="327">
        <v>3188938</v>
      </c>
      <c r="GU11" s="328">
        <v>5930410</v>
      </c>
      <c r="GV11" s="326">
        <v>0</v>
      </c>
      <c r="GW11" s="327">
        <v>4570839</v>
      </c>
      <c r="GX11" s="327">
        <v>5348036</v>
      </c>
      <c r="GY11" s="327">
        <v>1431921</v>
      </c>
      <c r="GZ11" s="327">
        <v>2016790</v>
      </c>
      <c r="HA11" s="327">
        <v>682440</v>
      </c>
      <c r="HB11" s="331">
        <v>14050026</v>
      </c>
      <c r="HC11" s="330">
        <v>19980436</v>
      </c>
      <c r="HD11" s="326">
        <v>14126473</v>
      </c>
      <c r="HE11" s="327">
        <v>15567142</v>
      </c>
      <c r="HF11" s="331">
        <v>29693615</v>
      </c>
      <c r="HG11" s="332">
        <v>0</v>
      </c>
      <c r="HH11" s="327">
        <v>167660650</v>
      </c>
      <c r="HI11" s="327">
        <v>155241023</v>
      </c>
      <c r="HJ11" s="327">
        <v>149770796</v>
      </c>
      <c r="HK11" s="327">
        <v>186247918</v>
      </c>
      <c r="HL11" s="327">
        <v>130740502</v>
      </c>
      <c r="HM11" s="328">
        <v>789660889</v>
      </c>
      <c r="HN11" s="329">
        <v>819354504</v>
      </c>
      <c r="HO11" s="333">
        <v>10941513</v>
      </c>
      <c r="HP11" s="327">
        <v>18523889</v>
      </c>
      <c r="HQ11" s="328">
        <v>29465402</v>
      </c>
      <c r="HR11" s="326">
        <v>0</v>
      </c>
      <c r="HS11" s="327">
        <v>146730715</v>
      </c>
      <c r="HT11" s="327">
        <v>126321015</v>
      </c>
      <c r="HU11" s="327">
        <v>83962432</v>
      </c>
      <c r="HV11" s="327">
        <v>59773243</v>
      </c>
      <c r="HW11" s="327">
        <v>39967929</v>
      </c>
      <c r="HX11" s="331">
        <v>456755334</v>
      </c>
      <c r="HY11" s="330">
        <v>486220736</v>
      </c>
      <c r="HZ11" s="335">
        <v>1438280</v>
      </c>
      <c r="IA11" s="336">
        <v>6252889</v>
      </c>
      <c r="IB11" s="337">
        <v>7691169</v>
      </c>
      <c r="IC11" s="338">
        <v>0</v>
      </c>
      <c r="ID11" s="336">
        <v>269169442</v>
      </c>
      <c r="IE11" s="339">
        <v>350579788</v>
      </c>
      <c r="IF11" s="337">
        <v>369972455</v>
      </c>
      <c r="IG11" s="336">
        <v>305406774</v>
      </c>
      <c r="IH11" s="337">
        <v>241019950</v>
      </c>
      <c r="II11" s="340">
        <v>1536148409</v>
      </c>
      <c r="IJ11" s="341">
        <v>1543839578</v>
      </c>
      <c r="IK11" s="342">
        <v>0</v>
      </c>
      <c r="IL11" s="343">
        <v>0</v>
      </c>
      <c r="IM11" s="344">
        <v>0</v>
      </c>
      <c r="IN11" s="404">
        <v>0</v>
      </c>
      <c r="IO11" s="345">
        <v>4611480</v>
      </c>
      <c r="IP11" s="345">
        <v>9864260</v>
      </c>
      <c r="IQ11" s="345">
        <v>12058485</v>
      </c>
      <c r="IR11" s="345">
        <v>27826439</v>
      </c>
      <c r="IS11" s="345">
        <v>30921329</v>
      </c>
      <c r="IT11" s="346">
        <v>85281993</v>
      </c>
      <c r="IU11" s="347">
        <v>85281993</v>
      </c>
      <c r="IV11" s="348">
        <v>0</v>
      </c>
      <c r="IW11" s="345">
        <v>0</v>
      </c>
      <c r="IX11" s="349">
        <v>0</v>
      </c>
      <c r="IY11" s="413">
        <v>0</v>
      </c>
      <c r="IZ11" s="345">
        <v>1366225</v>
      </c>
      <c r="JA11" s="345">
        <v>2261811</v>
      </c>
      <c r="JB11" s="345">
        <v>2612455</v>
      </c>
      <c r="JC11" s="345">
        <v>2485619</v>
      </c>
      <c r="JD11" s="345">
        <v>3526796</v>
      </c>
      <c r="JE11" s="349">
        <v>12252906</v>
      </c>
      <c r="JF11" s="350">
        <v>12252906</v>
      </c>
      <c r="JG11" s="348">
        <v>0</v>
      </c>
      <c r="JH11" s="345">
        <v>0</v>
      </c>
      <c r="JI11" s="346">
        <v>0</v>
      </c>
      <c r="JJ11" s="351">
        <v>0</v>
      </c>
      <c r="JK11" s="345">
        <v>84049557</v>
      </c>
      <c r="JL11" s="345">
        <v>86623987</v>
      </c>
      <c r="JM11" s="345">
        <v>66503594</v>
      </c>
      <c r="JN11" s="345">
        <v>46456718</v>
      </c>
      <c r="JO11" s="345">
        <v>28910427</v>
      </c>
      <c r="JP11" s="349">
        <v>312544283</v>
      </c>
      <c r="JQ11" s="347">
        <v>312544283</v>
      </c>
      <c r="JR11" s="348">
        <v>31089</v>
      </c>
      <c r="JS11" s="345">
        <v>0</v>
      </c>
      <c r="JT11" s="346">
        <v>31089</v>
      </c>
      <c r="JU11" s="351">
        <v>0</v>
      </c>
      <c r="JV11" s="345">
        <v>13691226</v>
      </c>
      <c r="JW11" s="345">
        <v>27207228</v>
      </c>
      <c r="JX11" s="345">
        <v>34551143</v>
      </c>
      <c r="JY11" s="345">
        <v>19083495</v>
      </c>
      <c r="JZ11" s="345">
        <v>17674897</v>
      </c>
      <c r="KA11" s="349">
        <v>112207989</v>
      </c>
      <c r="KB11" s="347">
        <v>112239078</v>
      </c>
      <c r="KC11" s="352">
        <v>1407191</v>
      </c>
      <c r="KD11" s="353">
        <v>3455450</v>
      </c>
      <c r="KE11" s="349">
        <v>4862641</v>
      </c>
      <c r="KF11" s="351">
        <v>0</v>
      </c>
      <c r="KG11" s="345">
        <v>34272767</v>
      </c>
      <c r="KH11" s="345">
        <v>43334049</v>
      </c>
      <c r="KI11" s="345">
        <v>48738388</v>
      </c>
      <c r="KJ11" s="345">
        <v>35013745</v>
      </c>
      <c r="KK11" s="345">
        <v>20345493</v>
      </c>
      <c r="KL11" s="349">
        <v>181704442</v>
      </c>
      <c r="KM11" s="354">
        <v>186567083</v>
      </c>
      <c r="KN11" s="342">
        <v>0</v>
      </c>
      <c r="KO11" s="343">
        <v>2797439</v>
      </c>
      <c r="KP11" s="344">
        <v>2797439</v>
      </c>
      <c r="KQ11" s="413">
        <v>0</v>
      </c>
      <c r="KR11" s="345">
        <v>118933604</v>
      </c>
      <c r="KS11" s="345">
        <v>157278408</v>
      </c>
      <c r="KT11" s="345">
        <v>161671302</v>
      </c>
      <c r="KU11" s="345">
        <v>114632037</v>
      </c>
      <c r="KV11" s="345">
        <v>75639185</v>
      </c>
      <c r="KW11" s="349">
        <v>628154536</v>
      </c>
      <c r="KX11" s="347">
        <v>630951975</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253395</v>
      </c>
      <c r="LO11" s="345">
        <v>2954283</v>
      </c>
      <c r="LP11" s="345">
        <v>18696866</v>
      </c>
      <c r="LQ11" s="345">
        <v>30395527</v>
      </c>
      <c r="LR11" s="345">
        <v>23483496</v>
      </c>
      <c r="LS11" s="349">
        <v>75783567</v>
      </c>
      <c r="LT11" s="347">
        <v>75783567</v>
      </c>
      <c r="LU11" s="348">
        <v>0</v>
      </c>
      <c r="LV11" s="345">
        <v>0</v>
      </c>
      <c r="LW11" s="349">
        <v>0</v>
      </c>
      <c r="LX11" s="413">
        <v>0</v>
      </c>
      <c r="LY11" s="345">
        <v>11991188</v>
      </c>
      <c r="LZ11" s="345">
        <v>21055762</v>
      </c>
      <c r="MA11" s="345">
        <v>25140222</v>
      </c>
      <c r="MB11" s="345">
        <v>29513194</v>
      </c>
      <c r="MC11" s="345">
        <v>40518327</v>
      </c>
      <c r="MD11" s="349">
        <v>128218693</v>
      </c>
      <c r="ME11" s="350">
        <v>128218693</v>
      </c>
      <c r="MF11" s="348">
        <v>0</v>
      </c>
      <c r="MG11" s="345">
        <v>0</v>
      </c>
      <c r="MH11" s="349">
        <v>0</v>
      </c>
      <c r="MI11" s="413">
        <v>0</v>
      </c>
      <c r="MJ11" s="345">
        <v>75787795</v>
      </c>
      <c r="MK11" s="345">
        <v>141341249</v>
      </c>
      <c r="ML11" s="345">
        <v>505967522</v>
      </c>
      <c r="MM11" s="345">
        <v>756803933</v>
      </c>
      <c r="MN11" s="345">
        <v>534690985</v>
      </c>
      <c r="MO11" s="349">
        <v>2014591484</v>
      </c>
      <c r="MP11" s="354">
        <v>2014591484</v>
      </c>
      <c r="MQ11" s="348">
        <v>0</v>
      </c>
      <c r="MR11" s="345">
        <v>0</v>
      </c>
      <c r="MS11" s="349">
        <v>0</v>
      </c>
      <c r="MT11" s="413">
        <v>0</v>
      </c>
      <c r="MU11" s="345">
        <v>21248164</v>
      </c>
      <c r="MV11" s="345">
        <v>44325905</v>
      </c>
      <c r="MW11" s="345">
        <v>341129263</v>
      </c>
      <c r="MX11" s="345">
        <v>524953413</v>
      </c>
      <c r="MY11" s="345">
        <v>388469344</v>
      </c>
      <c r="MZ11" s="349">
        <v>1320126089</v>
      </c>
      <c r="NA11" s="354">
        <v>1320126089</v>
      </c>
      <c r="NB11" s="348">
        <v>0</v>
      </c>
      <c r="NC11" s="345">
        <v>0</v>
      </c>
      <c r="ND11" s="349">
        <v>0</v>
      </c>
      <c r="NE11" s="413">
        <v>0</v>
      </c>
      <c r="NF11" s="345">
        <v>54539631</v>
      </c>
      <c r="NG11" s="345">
        <v>96752477</v>
      </c>
      <c r="NH11" s="345">
        <v>164192270</v>
      </c>
      <c r="NI11" s="345">
        <v>216687616</v>
      </c>
      <c r="NJ11" s="345">
        <v>121901803</v>
      </c>
      <c r="NK11" s="349">
        <v>654073797</v>
      </c>
      <c r="NL11" s="347">
        <v>654073797</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262867</v>
      </c>
      <c r="OD11" s="345">
        <v>645989</v>
      </c>
      <c r="OE11" s="345">
        <v>15162904</v>
      </c>
      <c r="OF11" s="345">
        <v>24319838</v>
      </c>
      <c r="OG11" s="349">
        <v>40391598</v>
      </c>
      <c r="OH11" s="350">
        <v>40391598</v>
      </c>
      <c r="OI11" s="348">
        <v>58000257</v>
      </c>
      <c r="OJ11" s="345">
        <v>107461901</v>
      </c>
      <c r="OK11" s="346">
        <v>165462158</v>
      </c>
      <c r="OL11" s="351">
        <v>0</v>
      </c>
      <c r="OM11" s="345">
        <v>1252683623</v>
      </c>
      <c r="ON11" s="345">
        <v>1546077452</v>
      </c>
      <c r="OO11" s="345">
        <v>1763811372</v>
      </c>
      <c r="OP11" s="345">
        <v>1913818754</v>
      </c>
      <c r="OQ11" s="345">
        <v>1471999251</v>
      </c>
      <c r="OR11" s="349">
        <v>7948390452</v>
      </c>
      <c r="OS11" s="354">
        <v>8113852610</v>
      </c>
    </row>
    <row r="12" spans="1:409" s="70" customFormat="1" ht="21" customHeight="1" x14ac:dyDescent="0.2">
      <c r="B12" s="410" t="s">
        <v>14</v>
      </c>
      <c r="C12" s="326">
        <v>30713768</v>
      </c>
      <c r="D12" s="327">
        <v>76711322</v>
      </c>
      <c r="E12" s="328">
        <v>107425090</v>
      </c>
      <c r="F12" s="329">
        <v>0</v>
      </c>
      <c r="G12" s="327">
        <v>346554775</v>
      </c>
      <c r="H12" s="327">
        <v>567681769</v>
      </c>
      <c r="I12" s="327">
        <v>524581936</v>
      </c>
      <c r="J12" s="327">
        <v>446765364</v>
      </c>
      <c r="K12" s="327">
        <v>313343216</v>
      </c>
      <c r="L12" s="331">
        <v>2198927060</v>
      </c>
      <c r="M12" s="330">
        <v>2306352150</v>
      </c>
      <c r="N12" s="326">
        <v>5599136</v>
      </c>
      <c r="O12" s="327">
        <v>18016394</v>
      </c>
      <c r="P12" s="328">
        <v>23615530</v>
      </c>
      <c r="Q12" s="326">
        <v>0</v>
      </c>
      <c r="R12" s="327">
        <v>95689965</v>
      </c>
      <c r="S12" s="327">
        <v>180192322</v>
      </c>
      <c r="T12" s="327">
        <v>176029575</v>
      </c>
      <c r="U12" s="327">
        <v>183958247</v>
      </c>
      <c r="V12" s="327">
        <v>161284667</v>
      </c>
      <c r="W12" s="328">
        <v>797154776</v>
      </c>
      <c r="X12" s="330">
        <v>820770306</v>
      </c>
      <c r="Y12" s="326">
        <v>0</v>
      </c>
      <c r="Z12" s="327">
        <v>0</v>
      </c>
      <c r="AA12" s="328">
        <v>0</v>
      </c>
      <c r="AB12" s="326">
        <v>0</v>
      </c>
      <c r="AC12" s="327">
        <v>48282005</v>
      </c>
      <c r="AD12" s="327">
        <v>95917005</v>
      </c>
      <c r="AE12" s="327">
        <v>102332250</v>
      </c>
      <c r="AF12" s="327">
        <v>116892284</v>
      </c>
      <c r="AG12" s="327">
        <v>100293434</v>
      </c>
      <c r="AH12" s="328">
        <v>463716978</v>
      </c>
      <c r="AI12" s="330">
        <v>463716978</v>
      </c>
      <c r="AJ12" s="326">
        <v>0</v>
      </c>
      <c r="AK12" s="327">
        <v>36545</v>
      </c>
      <c r="AL12" s="328">
        <v>36545</v>
      </c>
      <c r="AM12" s="326">
        <v>0</v>
      </c>
      <c r="AN12" s="327">
        <v>65351</v>
      </c>
      <c r="AO12" s="327">
        <v>1215516</v>
      </c>
      <c r="AP12" s="327">
        <v>3017190</v>
      </c>
      <c r="AQ12" s="327">
        <v>8205971</v>
      </c>
      <c r="AR12" s="327">
        <v>14536136</v>
      </c>
      <c r="AS12" s="328">
        <v>27040164</v>
      </c>
      <c r="AT12" s="330">
        <v>27076709</v>
      </c>
      <c r="AU12" s="326">
        <v>2522900</v>
      </c>
      <c r="AV12" s="327">
        <v>12378290</v>
      </c>
      <c r="AW12" s="328">
        <v>14901190</v>
      </c>
      <c r="AX12" s="326">
        <v>0</v>
      </c>
      <c r="AY12" s="327">
        <v>26625873</v>
      </c>
      <c r="AZ12" s="327">
        <v>52211408</v>
      </c>
      <c r="BA12" s="327">
        <v>39366076</v>
      </c>
      <c r="BB12" s="327">
        <v>32376864</v>
      </c>
      <c r="BC12" s="327">
        <v>27605759</v>
      </c>
      <c r="BD12" s="328">
        <v>178185980</v>
      </c>
      <c r="BE12" s="330">
        <v>193087170</v>
      </c>
      <c r="BF12" s="326">
        <v>182729</v>
      </c>
      <c r="BG12" s="327">
        <v>1111772</v>
      </c>
      <c r="BH12" s="331">
        <v>1294501</v>
      </c>
      <c r="BI12" s="332">
        <v>0</v>
      </c>
      <c r="BJ12" s="327">
        <v>787241</v>
      </c>
      <c r="BK12" s="327">
        <v>2671407</v>
      </c>
      <c r="BL12" s="327">
        <v>1624674</v>
      </c>
      <c r="BM12" s="327">
        <v>1536250</v>
      </c>
      <c r="BN12" s="327">
        <v>699799</v>
      </c>
      <c r="BO12" s="328">
        <v>7319371</v>
      </c>
      <c r="BP12" s="330">
        <v>8613872</v>
      </c>
      <c r="BQ12" s="326">
        <v>2893507</v>
      </c>
      <c r="BR12" s="327">
        <v>4489787</v>
      </c>
      <c r="BS12" s="328">
        <v>7383294</v>
      </c>
      <c r="BT12" s="326">
        <v>0</v>
      </c>
      <c r="BU12" s="327">
        <v>19929495</v>
      </c>
      <c r="BV12" s="327">
        <v>28176986</v>
      </c>
      <c r="BW12" s="327">
        <v>29689385</v>
      </c>
      <c r="BX12" s="327">
        <v>24946878</v>
      </c>
      <c r="BY12" s="327">
        <v>18149539</v>
      </c>
      <c r="BZ12" s="328">
        <v>120892283</v>
      </c>
      <c r="CA12" s="330">
        <v>128275577</v>
      </c>
      <c r="CB12" s="326">
        <v>2427803</v>
      </c>
      <c r="CC12" s="327">
        <v>7629559</v>
      </c>
      <c r="CD12" s="328">
        <v>10057362</v>
      </c>
      <c r="CE12" s="326">
        <v>0</v>
      </c>
      <c r="CF12" s="327">
        <v>101281829</v>
      </c>
      <c r="CG12" s="327">
        <v>168976501</v>
      </c>
      <c r="CH12" s="327">
        <v>138601716</v>
      </c>
      <c r="CI12" s="327">
        <v>77518421</v>
      </c>
      <c r="CJ12" s="327">
        <v>42804306</v>
      </c>
      <c r="CK12" s="328">
        <v>529182773</v>
      </c>
      <c r="CL12" s="330">
        <v>539240135</v>
      </c>
      <c r="CM12" s="326">
        <v>0</v>
      </c>
      <c r="CN12" s="327">
        <v>0</v>
      </c>
      <c r="CO12" s="328">
        <v>0</v>
      </c>
      <c r="CP12" s="332">
        <v>0</v>
      </c>
      <c r="CQ12" s="327">
        <v>94006053</v>
      </c>
      <c r="CR12" s="327">
        <v>143269624</v>
      </c>
      <c r="CS12" s="327">
        <v>118080449</v>
      </c>
      <c r="CT12" s="327">
        <v>65276716</v>
      </c>
      <c r="CU12" s="327">
        <v>36581898</v>
      </c>
      <c r="CV12" s="328">
        <v>457214740</v>
      </c>
      <c r="CW12" s="330">
        <v>457214740</v>
      </c>
      <c r="CX12" s="326">
        <v>2427803</v>
      </c>
      <c r="CY12" s="327">
        <v>7629559</v>
      </c>
      <c r="CZ12" s="328">
        <v>10057362</v>
      </c>
      <c r="DA12" s="326">
        <v>0</v>
      </c>
      <c r="DB12" s="327">
        <v>7275776</v>
      </c>
      <c r="DC12" s="327">
        <v>25706877</v>
      </c>
      <c r="DD12" s="327">
        <v>20521267</v>
      </c>
      <c r="DE12" s="327">
        <v>12241705</v>
      </c>
      <c r="DF12" s="327">
        <v>6222408</v>
      </c>
      <c r="DG12" s="328">
        <v>71968033</v>
      </c>
      <c r="DH12" s="330">
        <v>82025395</v>
      </c>
      <c r="DI12" s="326">
        <v>82505</v>
      </c>
      <c r="DJ12" s="327">
        <v>440557</v>
      </c>
      <c r="DK12" s="331">
        <v>523062</v>
      </c>
      <c r="DL12" s="332">
        <v>0</v>
      </c>
      <c r="DM12" s="327">
        <v>6451911</v>
      </c>
      <c r="DN12" s="327">
        <v>20918644</v>
      </c>
      <c r="DO12" s="327">
        <v>45692472</v>
      </c>
      <c r="DP12" s="327">
        <v>42005812</v>
      </c>
      <c r="DQ12" s="327">
        <v>22304872</v>
      </c>
      <c r="DR12" s="328">
        <v>137373711</v>
      </c>
      <c r="DS12" s="330">
        <v>137896773</v>
      </c>
      <c r="DT12" s="326">
        <v>82505</v>
      </c>
      <c r="DU12" s="327">
        <v>402775</v>
      </c>
      <c r="DV12" s="328">
        <v>485280</v>
      </c>
      <c r="DW12" s="326">
        <v>0</v>
      </c>
      <c r="DX12" s="327">
        <v>6251435</v>
      </c>
      <c r="DY12" s="327">
        <v>20530877</v>
      </c>
      <c r="DZ12" s="327">
        <v>44680032</v>
      </c>
      <c r="EA12" s="327">
        <v>40597243</v>
      </c>
      <c r="EB12" s="327">
        <v>21895231</v>
      </c>
      <c r="EC12" s="328">
        <v>133954818</v>
      </c>
      <c r="ED12" s="330">
        <v>134440098</v>
      </c>
      <c r="EE12" s="326">
        <v>0</v>
      </c>
      <c r="EF12" s="331">
        <v>37782</v>
      </c>
      <c r="EG12" s="328">
        <v>37782</v>
      </c>
      <c r="EH12" s="326">
        <v>0</v>
      </c>
      <c r="EI12" s="327">
        <v>200476</v>
      </c>
      <c r="EJ12" s="327">
        <v>387767</v>
      </c>
      <c r="EK12" s="327">
        <v>1012440</v>
      </c>
      <c r="EL12" s="327">
        <v>1408569</v>
      </c>
      <c r="EM12" s="327">
        <v>409641</v>
      </c>
      <c r="EN12" s="331">
        <v>3418893</v>
      </c>
      <c r="EO12" s="330">
        <v>3456675</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10156390</v>
      </c>
      <c r="FM12" s="327">
        <v>25717532</v>
      </c>
      <c r="FN12" s="328">
        <v>35873922</v>
      </c>
      <c r="FO12" s="326">
        <v>0</v>
      </c>
      <c r="FP12" s="327">
        <v>21652970</v>
      </c>
      <c r="FQ12" s="327">
        <v>59988964</v>
      </c>
      <c r="FR12" s="327">
        <v>44403708</v>
      </c>
      <c r="FS12" s="327">
        <v>37363840</v>
      </c>
      <c r="FT12" s="327">
        <v>24293930</v>
      </c>
      <c r="FU12" s="328">
        <v>187703412</v>
      </c>
      <c r="FV12" s="330">
        <v>223577334</v>
      </c>
      <c r="FW12" s="333">
        <v>5744501</v>
      </c>
      <c r="FX12" s="327">
        <v>19643722</v>
      </c>
      <c r="FY12" s="331">
        <v>25388223</v>
      </c>
      <c r="FZ12" s="332">
        <v>0</v>
      </c>
      <c r="GA12" s="327">
        <v>17058527</v>
      </c>
      <c r="GB12" s="327">
        <v>54671084</v>
      </c>
      <c r="GC12" s="327">
        <v>40589562</v>
      </c>
      <c r="GD12" s="327">
        <v>33983688</v>
      </c>
      <c r="GE12" s="327">
        <v>22998478</v>
      </c>
      <c r="GF12" s="328">
        <v>169301339</v>
      </c>
      <c r="GG12" s="334">
        <v>194689562</v>
      </c>
      <c r="GH12" s="333">
        <v>553835</v>
      </c>
      <c r="GI12" s="327">
        <v>1325105</v>
      </c>
      <c r="GJ12" s="331">
        <v>1878940</v>
      </c>
      <c r="GK12" s="332">
        <v>0</v>
      </c>
      <c r="GL12" s="327">
        <v>1039984</v>
      </c>
      <c r="GM12" s="327">
        <v>1935475</v>
      </c>
      <c r="GN12" s="327">
        <v>1843692</v>
      </c>
      <c r="GO12" s="327">
        <v>1475872</v>
      </c>
      <c r="GP12" s="327">
        <v>748367</v>
      </c>
      <c r="GQ12" s="328">
        <v>7043390</v>
      </c>
      <c r="GR12" s="330">
        <v>8922330</v>
      </c>
      <c r="GS12" s="326">
        <v>3858054</v>
      </c>
      <c r="GT12" s="327">
        <v>4748705</v>
      </c>
      <c r="GU12" s="328">
        <v>8606759</v>
      </c>
      <c r="GV12" s="326">
        <v>0</v>
      </c>
      <c r="GW12" s="327">
        <v>3554459</v>
      </c>
      <c r="GX12" s="327">
        <v>3382405</v>
      </c>
      <c r="GY12" s="327">
        <v>1970454</v>
      </c>
      <c r="GZ12" s="327">
        <v>1904280</v>
      </c>
      <c r="HA12" s="327">
        <v>547085</v>
      </c>
      <c r="HB12" s="331">
        <v>11358683</v>
      </c>
      <c r="HC12" s="330">
        <v>19965442</v>
      </c>
      <c r="HD12" s="326">
        <v>6742037</v>
      </c>
      <c r="HE12" s="327">
        <v>10297242</v>
      </c>
      <c r="HF12" s="331">
        <v>17039279</v>
      </c>
      <c r="HG12" s="332">
        <v>0</v>
      </c>
      <c r="HH12" s="327">
        <v>59227027</v>
      </c>
      <c r="HI12" s="327">
        <v>56433734</v>
      </c>
      <c r="HJ12" s="327">
        <v>65029943</v>
      </c>
      <c r="HK12" s="327">
        <v>70566959</v>
      </c>
      <c r="HL12" s="327">
        <v>42969716</v>
      </c>
      <c r="HM12" s="328">
        <v>294227379</v>
      </c>
      <c r="HN12" s="329">
        <v>311266658</v>
      </c>
      <c r="HO12" s="333">
        <v>5705897</v>
      </c>
      <c r="HP12" s="327">
        <v>14610038</v>
      </c>
      <c r="HQ12" s="328">
        <v>20315935</v>
      </c>
      <c r="HR12" s="326">
        <v>0</v>
      </c>
      <c r="HS12" s="327">
        <v>62251073</v>
      </c>
      <c r="HT12" s="327">
        <v>81171604</v>
      </c>
      <c r="HU12" s="327">
        <v>54824522</v>
      </c>
      <c r="HV12" s="327">
        <v>35352085</v>
      </c>
      <c r="HW12" s="327">
        <v>19685725</v>
      </c>
      <c r="HX12" s="331">
        <v>253285009</v>
      </c>
      <c r="HY12" s="330">
        <v>273600944</v>
      </c>
      <c r="HZ12" s="335">
        <v>767860</v>
      </c>
      <c r="IA12" s="336">
        <v>2323983</v>
      </c>
      <c r="IB12" s="337">
        <v>3091843</v>
      </c>
      <c r="IC12" s="355">
        <v>0</v>
      </c>
      <c r="ID12" s="356">
        <v>118468232</v>
      </c>
      <c r="IE12" s="357">
        <v>185141938</v>
      </c>
      <c r="IF12" s="358">
        <v>212123974</v>
      </c>
      <c r="IG12" s="356">
        <v>145566823</v>
      </c>
      <c r="IH12" s="358">
        <v>93351302</v>
      </c>
      <c r="II12" s="359">
        <v>754652269</v>
      </c>
      <c r="IJ12" s="341">
        <v>757744112</v>
      </c>
      <c r="IK12" s="342">
        <v>0</v>
      </c>
      <c r="IL12" s="343">
        <v>0</v>
      </c>
      <c r="IM12" s="344">
        <v>0</v>
      </c>
      <c r="IN12" s="404">
        <v>0</v>
      </c>
      <c r="IO12" s="345">
        <v>-1794687</v>
      </c>
      <c r="IP12" s="345">
        <v>3333935</v>
      </c>
      <c r="IQ12" s="345">
        <v>-1817929</v>
      </c>
      <c r="IR12" s="345">
        <v>7293887</v>
      </c>
      <c r="IS12" s="345">
        <v>8538005</v>
      </c>
      <c r="IT12" s="346">
        <v>15553211</v>
      </c>
      <c r="IU12" s="347">
        <v>15553211</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47246567</v>
      </c>
      <c r="JL12" s="345">
        <v>65748409</v>
      </c>
      <c r="JM12" s="345">
        <v>47660825</v>
      </c>
      <c r="JN12" s="345">
        <v>30694970</v>
      </c>
      <c r="JO12" s="345">
        <v>14427455</v>
      </c>
      <c r="JP12" s="349">
        <v>205778226</v>
      </c>
      <c r="JQ12" s="347">
        <v>205778226</v>
      </c>
      <c r="JR12" s="348">
        <v>0</v>
      </c>
      <c r="JS12" s="345">
        <v>0</v>
      </c>
      <c r="JT12" s="346">
        <v>0</v>
      </c>
      <c r="JU12" s="351">
        <v>0</v>
      </c>
      <c r="JV12" s="345">
        <v>1076943</v>
      </c>
      <c r="JW12" s="345">
        <v>1998390</v>
      </c>
      <c r="JX12" s="345">
        <v>5323705</v>
      </c>
      <c r="JY12" s="345">
        <v>2188865</v>
      </c>
      <c r="JZ12" s="345">
        <v>3652252</v>
      </c>
      <c r="KA12" s="349">
        <v>14240155</v>
      </c>
      <c r="KB12" s="347">
        <v>14240155</v>
      </c>
      <c r="KC12" s="352">
        <v>767860</v>
      </c>
      <c r="KD12" s="353">
        <v>2083864</v>
      </c>
      <c r="KE12" s="349">
        <v>2851724</v>
      </c>
      <c r="KF12" s="351">
        <v>0</v>
      </c>
      <c r="KG12" s="345">
        <v>16485996</v>
      </c>
      <c r="KH12" s="345">
        <v>27556246</v>
      </c>
      <c r="KI12" s="345">
        <v>33626839</v>
      </c>
      <c r="KJ12" s="345">
        <v>24180886</v>
      </c>
      <c r="KK12" s="345">
        <v>13394269</v>
      </c>
      <c r="KL12" s="349">
        <v>115244236</v>
      </c>
      <c r="KM12" s="354">
        <v>118095960</v>
      </c>
      <c r="KN12" s="342">
        <v>0</v>
      </c>
      <c r="KO12" s="343">
        <v>240119</v>
      </c>
      <c r="KP12" s="344">
        <v>240119</v>
      </c>
      <c r="KQ12" s="413">
        <v>0</v>
      </c>
      <c r="KR12" s="345">
        <v>52108758</v>
      </c>
      <c r="KS12" s="345">
        <v>80556735</v>
      </c>
      <c r="KT12" s="345">
        <v>113139657</v>
      </c>
      <c r="KU12" s="345">
        <v>60463351</v>
      </c>
      <c r="KV12" s="345">
        <v>35693748</v>
      </c>
      <c r="KW12" s="349">
        <v>341962249</v>
      </c>
      <c r="KX12" s="347">
        <v>342202368</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2841512</v>
      </c>
      <c r="LQ12" s="345">
        <v>8768527</v>
      </c>
      <c r="LR12" s="345">
        <v>3233640</v>
      </c>
      <c r="LS12" s="349">
        <v>14843679</v>
      </c>
      <c r="LT12" s="347">
        <v>14843679</v>
      </c>
      <c r="LU12" s="348">
        <v>0</v>
      </c>
      <c r="LV12" s="345">
        <v>0</v>
      </c>
      <c r="LW12" s="349">
        <v>0</v>
      </c>
      <c r="LX12" s="413">
        <v>0</v>
      </c>
      <c r="LY12" s="345">
        <v>3344655</v>
      </c>
      <c r="LZ12" s="345">
        <v>5948223</v>
      </c>
      <c r="MA12" s="345">
        <v>11349365</v>
      </c>
      <c r="MB12" s="345">
        <v>11976337</v>
      </c>
      <c r="MC12" s="345">
        <v>14411933</v>
      </c>
      <c r="MD12" s="349">
        <v>47030513</v>
      </c>
      <c r="ME12" s="350">
        <v>47030513</v>
      </c>
      <c r="MF12" s="348">
        <v>0</v>
      </c>
      <c r="MG12" s="345">
        <v>0</v>
      </c>
      <c r="MH12" s="349">
        <v>0</v>
      </c>
      <c r="MI12" s="413">
        <v>0</v>
      </c>
      <c r="MJ12" s="345">
        <v>17770121</v>
      </c>
      <c r="MK12" s="345">
        <v>67956886</v>
      </c>
      <c r="ML12" s="345">
        <v>337908648</v>
      </c>
      <c r="MM12" s="345">
        <v>529499740</v>
      </c>
      <c r="MN12" s="345">
        <v>363237714</v>
      </c>
      <c r="MO12" s="349">
        <v>1316373109</v>
      </c>
      <c r="MP12" s="354">
        <v>1316373109</v>
      </c>
      <c r="MQ12" s="348">
        <v>0</v>
      </c>
      <c r="MR12" s="345">
        <v>0</v>
      </c>
      <c r="MS12" s="349">
        <v>0</v>
      </c>
      <c r="MT12" s="413">
        <v>0</v>
      </c>
      <c r="MU12" s="345">
        <v>1652513</v>
      </c>
      <c r="MV12" s="345">
        <v>10455775</v>
      </c>
      <c r="MW12" s="345">
        <v>242958600</v>
      </c>
      <c r="MX12" s="345">
        <v>366873057</v>
      </c>
      <c r="MY12" s="345">
        <v>250678324</v>
      </c>
      <c r="MZ12" s="349">
        <v>872618269</v>
      </c>
      <c r="NA12" s="354">
        <v>872618269</v>
      </c>
      <c r="NB12" s="348">
        <v>0</v>
      </c>
      <c r="NC12" s="345">
        <v>0</v>
      </c>
      <c r="ND12" s="349">
        <v>0</v>
      </c>
      <c r="NE12" s="413">
        <v>0</v>
      </c>
      <c r="NF12" s="345">
        <v>15737700</v>
      </c>
      <c r="NG12" s="345">
        <v>57501111</v>
      </c>
      <c r="NH12" s="345">
        <v>90990866</v>
      </c>
      <c r="NI12" s="345">
        <v>125077929</v>
      </c>
      <c r="NJ12" s="345">
        <v>67730187</v>
      </c>
      <c r="NK12" s="349">
        <v>357037793</v>
      </c>
      <c r="NL12" s="347">
        <v>357037793</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379908</v>
      </c>
      <c r="OC12" s="345">
        <v>0</v>
      </c>
      <c r="OD12" s="345">
        <v>3959182</v>
      </c>
      <c r="OE12" s="345">
        <v>37548754</v>
      </c>
      <c r="OF12" s="345">
        <v>44829203</v>
      </c>
      <c r="OG12" s="349">
        <v>86717047</v>
      </c>
      <c r="OH12" s="350">
        <v>86717047</v>
      </c>
      <c r="OI12" s="348">
        <v>31481628</v>
      </c>
      <c r="OJ12" s="345">
        <v>79035305</v>
      </c>
      <c r="OK12" s="346">
        <v>110516933</v>
      </c>
      <c r="OL12" s="351">
        <v>0</v>
      </c>
      <c r="OM12" s="345">
        <v>482793128</v>
      </c>
      <c r="ON12" s="345">
        <v>820780593</v>
      </c>
      <c r="OO12" s="345">
        <v>1074614558</v>
      </c>
      <c r="OP12" s="345">
        <v>1121831927</v>
      </c>
      <c r="OQ12" s="345">
        <v>769932232</v>
      </c>
      <c r="OR12" s="349">
        <v>4269952438</v>
      </c>
      <c r="OS12" s="354">
        <v>4380469371</v>
      </c>
    </row>
    <row r="13" spans="1:409" s="70" customFormat="1" ht="21" customHeight="1" x14ac:dyDescent="0.2">
      <c r="B13" s="410" t="s">
        <v>7</v>
      </c>
      <c r="C13" s="326">
        <v>17353502</v>
      </c>
      <c r="D13" s="327">
        <v>20930772</v>
      </c>
      <c r="E13" s="328">
        <v>38284274</v>
      </c>
      <c r="F13" s="329">
        <v>0</v>
      </c>
      <c r="G13" s="327">
        <v>370262053</v>
      </c>
      <c r="H13" s="327">
        <v>335299783</v>
      </c>
      <c r="I13" s="327">
        <v>287844184</v>
      </c>
      <c r="J13" s="327">
        <v>302213767</v>
      </c>
      <c r="K13" s="327">
        <v>203850824</v>
      </c>
      <c r="L13" s="329">
        <v>1499470611</v>
      </c>
      <c r="M13" s="330">
        <v>1537754885</v>
      </c>
      <c r="N13" s="326">
        <v>2891699</v>
      </c>
      <c r="O13" s="327">
        <v>2927334</v>
      </c>
      <c r="P13" s="328">
        <v>5819033</v>
      </c>
      <c r="Q13" s="326">
        <v>0</v>
      </c>
      <c r="R13" s="327">
        <v>88590001</v>
      </c>
      <c r="S13" s="327">
        <v>93401549</v>
      </c>
      <c r="T13" s="327">
        <v>95808828</v>
      </c>
      <c r="U13" s="327">
        <v>129519049</v>
      </c>
      <c r="V13" s="327">
        <v>105387025</v>
      </c>
      <c r="W13" s="328">
        <v>512706452</v>
      </c>
      <c r="X13" s="330">
        <v>518525485</v>
      </c>
      <c r="Y13" s="326">
        <v>0</v>
      </c>
      <c r="Z13" s="327">
        <v>0</v>
      </c>
      <c r="AA13" s="328">
        <v>0</v>
      </c>
      <c r="AB13" s="326">
        <v>0</v>
      </c>
      <c r="AC13" s="327">
        <v>47096319</v>
      </c>
      <c r="AD13" s="327">
        <v>52176435</v>
      </c>
      <c r="AE13" s="327">
        <v>63207681</v>
      </c>
      <c r="AF13" s="327">
        <v>86628828</v>
      </c>
      <c r="AG13" s="327">
        <v>63167702</v>
      </c>
      <c r="AH13" s="328">
        <v>312276965</v>
      </c>
      <c r="AI13" s="330">
        <v>312276965</v>
      </c>
      <c r="AJ13" s="326">
        <v>0</v>
      </c>
      <c r="AK13" s="327">
        <v>0</v>
      </c>
      <c r="AL13" s="328">
        <v>0</v>
      </c>
      <c r="AM13" s="326">
        <v>0</v>
      </c>
      <c r="AN13" s="327">
        <v>504034</v>
      </c>
      <c r="AO13" s="327">
        <v>1932025</v>
      </c>
      <c r="AP13" s="327">
        <v>3255969</v>
      </c>
      <c r="AQ13" s="327">
        <v>8506847</v>
      </c>
      <c r="AR13" s="327">
        <v>13323628</v>
      </c>
      <c r="AS13" s="328">
        <v>27522503</v>
      </c>
      <c r="AT13" s="330">
        <v>27522503</v>
      </c>
      <c r="AU13" s="326">
        <v>682217</v>
      </c>
      <c r="AV13" s="327">
        <v>1343216</v>
      </c>
      <c r="AW13" s="328">
        <v>2025433</v>
      </c>
      <c r="AX13" s="326">
        <v>0</v>
      </c>
      <c r="AY13" s="327">
        <v>22542281</v>
      </c>
      <c r="AZ13" s="327">
        <v>22245414</v>
      </c>
      <c r="BA13" s="327">
        <v>14916852</v>
      </c>
      <c r="BB13" s="327">
        <v>17521130</v>
      </c>
      <c r="BC13" s="327">
        <v>18400896</v>
      </c>
      <c r="BD13" s="328">
        <v>95626573</v>
      </c>
      <c r="BE13" s="330">
        <v>97652006</v>
      </c>
      <c r="BF13" s="326">
        <v>88143</v>
      </c>
      <c r="BG13" s="327">
        <v>314323</v>
      </c>
      <c r="BH13" s="331">
        <v>402466</v>
      </c>
      <c r="BI13" s="332">
        <v>0</v>
      </c>
      <c r="BJ13" s="327">
        <v>1453784</v>
      </c>
      <c r="BK13" s="327">
        <v>1829567</v>
      </c>
      <c r="BL13" s="327">
        <v>698127</v>
      </c>
      <c r="BM13" s="327">
        <v>1223565</v>
      </c>
      <c r="BN13" s="327">
        <v>629810</v>
      </c>
      <c r="BO13" s="328">
        <v>5834853</v>
      </c>
      <c r="BP13" s="330">
        <v>6237319</v>
      </c>
      <c r="BQ13" s="326">
        <v>2121339</v>
      </c>
      <c r="BR13" s="327">
        <v>1269795</v>
      </c>
      <c r="BS13" s="328">
        <v>3391134</v>
      </c>
      <c r="BT13" s="326">
        <v>0</v>
      </c>
      <c r="BU13" s="327">
        <v>16993583</v>
      </c>
      <c r="BV13" s="327">
        <v>15218108</v>
      </c>
      <c r="BW13" s="327">
        <v>13730199</v>
      </c>
      <c r="BX13" s="327">
        <v>15638679</v>
      </c>
      <c r="BY13" s="327">
        <v>9864989</v>
      </c>
      <c r="BZ13" s="328">
        <v>71445558</v>
      </c>
      <c r="CA13" s="330">
        <v>74836692</v>
      </c>
      <c r="CB13" s="326">
        <v>739608</v>
      </c>
      <c r="CC13" s="327">
        <v>2235111</v>
      </c>
      <c r="CD13" s="328">
        <v>2974719</v>
      </c>
      <c r="CE13" s="326">
        <v>0</v>
      </c>
      <c r="CF13" s="327">
        <v>101759580</v>
      </c>
      <c r="CG13" s="327">
        <v>84392970</v>
      </c>
      <c r="CH13" s="327">
        <v>56573968</v>
      </c>
      <c r="CI13" s="327">
        <v>33763182</v>
      </c>
      <c r="CJ13" s="327">
        <v>17900554</v>
      </c>
      <c r="CK13" s="328">
        <v>294390254</v>
      </c>
      <c r="CL13" s="330">
        <v>297364973</v>
      </c>
      <c r="CM13" s="326">
        <v>0</v>
      </c>
      <c r="CN13" s="327">
        <v>0</v>
      </c>
      <c r="CO13" s="328">
        <v>0</v>
      </c>
      <c r="CP13" s="332">
        <v>0</v>
      </c>
      <c r="CQ13" s="327">
        <v>86867623</v>
      </c>
      <c r="CR13" s="327">
        <v>69746011</v>
      </c>
      <c r="CS13" s="327">
        <v>46955935</v>
      </c>
      <c r="CT13" s="327">
        <v>26795150</v>
      </c>
      <c r="CU13" s="327">
        <v>14981384</v>
      </c>
      <c r="CV13" s="328">
        <v>245346103</v>
      </c>
      <c r="CW13" s="330">
        <v>245346103</v>
      </c>
      <c r="CX13" s="326">
        <v>739608</v>
      </c>
      <c r="CY13" s="327">
        <v>2235111</v>
      </c>
      <c r="CZ13" s="328">
        <v>2974719</v>
      </c>
      <c r="DA13" s="326">
        <v>0</v>
      </c>
      <c r="DB13" s="327">
        <v>14891957</v>
      </c>
      <c r="DC13" s="327">
        <v>14646959</v>
      </c>
      <c r="DD13" s="327">
        <v>9618033</v>
      </c>
      <c r="DE13" s="327">
        <v>6968032</v>
      </c>
      <c r="DF13" s="327">
        <v>2919170</v>
      </c>
      <c r="DG13" s="328">
        <v>49044151</v>
      </c>
      <c r="DH13" s="330">
        <v>52018870</v>
      </c>
      <c r="DI13" s="326">
        <v>59009</v>
      </c>
      <c r="DJ13" s="327">
        <v>257357</v>
      </c>
      <c r="DK13" s="331">
        <v>316366</v>
      </c>
      <c r="DL13" s="332">
        <v>0</v>
      </c>
      <c r="DM13" s="327">
        <v>14016474</v>
      </c>
      <c r="DN13" s="327">
        <v>20457314</v>
      </c>
      <c r="DO13" s="327">
        <v>29428114</v>
      </c>
      <c r="DP13" s="327">
        <v>28696418</v>
      </c>
      <c r="DQ13" s="327">
        <v>12452509</v>
      </c>
      <c r="DR13" s="328">
        <v>105050829</v>
      </c>
      <c r="DS13" s="330">
        <v>105367195</v>
      </c>
      <c r="DT13" s="326">
        <v>59009</v>
      </c>
      <c r="DU13" s="327">
        <v>257357</v>
      </c>
      <c r="DV13" s="328">
        <v>316366</v>
      </c>
      <c r="DW13" s="326">
        <v>0</v>
      </c>
      <c r="DX13" s="327">
        <v>13542403</v>
      </c>
      <c r="DY13" s="327">
        <v>19274476</v>
      </c>
      <c r="DZ13" s="327">
        <v>28048913</v>
      </c>
      <c r="EA13" s="327">
        <v>26328067</v>
      </c>
      <c r="EB13" s="327">
        <v>11747449</v>
      </c>
      <c r="EC13" s="328">
        <v>98941308</v>
      </c>
      <c r="ED13" s="330">
        <v>99257674</v>
      </c>
      <c r="EE13" s="326">
        <v>0</v>
      </c>
      <c r="EF13" s="331">
        <v>0</v>
      </c>
      <c r="EG13" s="328">
        <v>0</v>
      </c>
      <c r="EH13" s="326">
        <v>0</v>
      </c>
      <c r="EI13" s="327">
        <v>474071</v>
      </c>
      <c r="EJ13" s="327">
        <v>1182838</v>
      </c>
      <c r="EK13" s="327">
        <v>1379201</v>
      </c>
      <c r="EL13" s="327">
        <v>2368351</v>
      </c>
      <c r="EM13" s="327">
        <v>705060</v>
      </c>
      <c r="EN13" s="331">
        <v>6109521</v>
      </c>
      <c r="EO13" s="330">
        <v>6109521</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4876371</v>
      </c>
      <c r="FM13" s="327">
        <v>6373995</v>
      </c>
      <c r="FN13" s="328">
        <v>11250366</v>
      </c>
      <c r="FO13" s="326">
        <v>0</v>
      </c>
      <c r="FP13" s="327">
        <v>18164939</v>
      </c>
      <c r="FQ13" s="327">
        <v>31609639</v>
      </c>
      <c r="FR13" s="327">
        <v>20946132</v>
      </c>
      <c r="FS13" s="327">
        <v>19994285</v>
      </c>
      <c r="FT13" s="327">
        <v>14183756</v>
      </c>
      <c r="FU13" s="328">
        <v>104898751</v>
      </c>
      <c r="FV13" s="330">
        <v>116149117</v>
      </c>
      <c r="FW13" s="333">
        <v>1975761</v>
      </c>
      <c r="FX13" s="327">
        <v>4080333</v>
      </c>
      <c r="FY13" s="331">
        <v>6056094</v>
      </c>
      <c r="FZ13" s="332">
        <v>0</v>
      </c>
      <c r="GA13" s="327">
        <v>13429865</v>
      </c>
      <c r="GB13" s="327">
        <v>28498345</v>
      </c>
      <c r="GC13" s="327">
        <v>19000997</v>
      </c>
      <c r="GD13" s="327">
        <v>18691216</v>
      </c>
      <c r="GE13" s="327">
        <v>13163482</v>
      </c>
      <c r="GF13" s="328">
        <v>92783905</v>
      </c>
      <c r="GG13" s="334">
        <v>98839999</v>
      </c>
      <c r="GH13" s="333">
        <v>226132</v>
      </c>
      <c r="GI13" s="327">
        <v>273595</v>
      </c>
      <c r="GJ13" s="331">
        <v>499727</v>
      </c>
      <c r="GK13" s="332">
        <v>0</v>
      </c>
      <c r="GL13" s="327">
        <v>1332583</v>
      </c>
      <c r="GM13" s="327">
        <v>1012661</v>
      </c>
      <c r="GN13" s="327">
        <v>799500</v>
      </c>
      <c r="GO13" s="327">
        <v>559379</v>
      </c>
      <c r="GP13" s="327">
        <v>298184</v>
      </c>
      <c r="GQ13" s="328">
        <v>4002307</v>
      </c>
      <c r="GR13" s="330">
        <v>4502034</v>
      </c>
      <c r="GS13" s="326">
        <v>2674478</v>
      </c>
      <c r="GT13" s="327">
        <v>2020067</v>
      </c>
      <c r="GU13" s="328">
        <v>4694545</v>
      </c>
      <c r="GV13" s="326">
        <v>0</v>
      </c>
      <c r="GW13" s="327">
        <v>3402491</v>
      </c>
      <c r="GX13" s="327">
        <v>2098633</v>
      </c>
      <c r="GY13" s="327">
        <v>1145635</v>
      </c>
      <c r="GZ13" s="327">
        <v>743690</v>
      </c>
      <c r="HA13" s="327">
        <v>722090</v>
      </c>
      <c r="HB13" s="331">
        <v>8112539</v>
      </c>
      <c r="HC13" s="330">
        <v>12807084</v>
      </c>
      <c r="HD13" s="326">
        <v>6126316</v>
      </c>
      <c r="HE13" s="327">
        <v>4344648</v>
      </c>
      <c r="HF13" s="331">
        <v>10470964</v>
      </c>
      <c r="HG13" s="332">
        <v>0</v>
      </c>
      <c r="HH13" s="327">
        <v>76000222</v>
      </c>
      <c r="HI13" s="327">
        <v>57871677</v>
      </c>
      <c r="HJ13" s="327">
        <v>55725801</v>
      </c>
      <c r="HK13" s="327">
        <v>68376428</v>
      </c>
      <c r="HL13" s="327">
        <v>41109411</v>
      </c>
      <c r="HM13" s="328">
        <v>299083539</v>
      </c>
      <c r="HN13" s="329">
        <v>309554503</v>
      </c>
      <c r="HO13" s="333">
        <v>2660499</v>
      </c>
      <c r="HP13" s="327">
        <v>4792327</v>
      </c>
      <c r="HQ13" s="328">
        <v>7452826</v>
      </c>
      <c r="HR13" s="326">
        <v>0</v>
      </c>
      <c r="HS13" s="327">
        <v>71730837</v>
      </c>
      <c r="HT13" s="327">
        <v>47566634</v>
      </c>
      <c r="HU13" s="327">
        <v>29361341</v>
      </c>
      <c r="HV13" s="327">
        <v>21864405</v>
      </c>
      <c r="HW13" s="327">
        <v>12817569</v>
      </c>
      <c r="HX13" s="331">
        <v>183340786</v>
      </c>
      <c r="HY13" s="330">
        <v>190793612</v>
      </c>
      <c r="HZ13" s="335">
        <v>75060</v>
      </c>
      <c r="IA13" s="336">
        <v>633261</v>
      </c>
      <c r="IB13" s="337">
        <v>708321</v>
      </c>
      <c r="IC13" s="338">
        <v>0</v>
      </c>
      <c r="ID13" s="336">
        <v>104280589</v>
      </c>
      <c r="IE13" s="339">
        <v>106679428</v>
      </c>
      <c r="IF13" s="337">
        <v>92483445</v>
      </c>
      <c r="IG13" s="336">
        <v>63391786</v>
      </c>
      <c r="IH13" s="337">
        <v>39099154</v>
      </c>
      <c r="II13" s="340">
        <v>405934402</v>
      </c>
      <c r="IJ13" s="341">
        <v>406642723</v>
      </c>
      <c r="IK13" s="342">
        <v>0</v>
      </c>
      <c r="IL13" s="343">
        <v>0</v>
      </c>
      <c r="IM13" s="344">
        <v>0</v>
      </c>
      <c r="IN13" s="404">
        <v>0</v>
      </c>
      <c r="IO13" s="345">
        <v>659714</v>
      </c>
      <c r="IP13" s="345">
        <v>1568396</v>
      </c>
      <c r="IQ13" s="345">
        <v>1480125</v>
      </c>
      <c r="IR13" s="345">
        <v>1939115</v>
      </c>
      <c r="IS13" s="345">
        <v>1659128</v>
      </c>
      <c r="IT13" s="346">
        <v>7306478</v>
      </c>
      <c r="IU13" s="347">
        <v>7306478</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2252000</v>
      </c>
      <c r="JL13" s="345">
        <v>43367119</v>
      </c>
      <c r="JM13" s="345">
        <v>22786854</v>
      </c>
      <c r="JN13" s="345">
        <v>11576817</v>
      </c>
      <c r="JO13" s="345">
        <v>5317016</v>
      </c>
      <c r="JP13" s="349">
        <v>135299806</v>
      </c>
      <c r="JQ13" s="347">
        <v>135299806</v>
      </c>
      <c r="JR13" s="348">
        <v>0</v>
      </c>
      <c r="JS13" s="345">
        <v>208551</v>
      </c>
      <c r="JT13" s="346">
        <v>208551</v>
      </c>
      <c r="JU13" s="351">
        <v>0</v>
      </c>
      <c r="JV13" s="345">
        <v>7393387</v>
      </c>
      <c r="JW13" s="345">
        <v>10281970</v>
      </c>
      <c r="JX13" s="345">
        <v>11167378</v>
      </c>
      <c r="JY13" s="345">
        <v>5239584</v>
      </c>
      <c r="JZ13" s="345">
        <v>3868512</v>
      </c>
      <c r="KA13" s="349">
        <v>37950831</v>
      </c>
      <c r="KB13" s="347">
        <v>38159382</v>
      </c>
      <c r="KC13" s="352">
        <v>75060</v>
      </c>
      <c r="KD13" s="353">
        <v>173170</v>
      </c>
      <c r="KE13" s="349">
        <v>248230</v>
      </c>
      <c r="KF13" s="351">
        <v>0</v>
      </c>
      <c r="KG13" s="345">
        <v>6255285</v>
      </c>
      <c r="KH13" s="345">
        <v>6956117</v>
      </c>
      <c r="KI13" s="345">
        <v>9807467</v>
      </c>
      <c r="KJ13" s="345">
        <v>5046509</v>
      </c>
      <c r="KK13" s="345">
        <v>3579713</v>
      </c>
      <c r="KL13" s="349">
        <v>31645091</v>
      </c>
      <c r="KM13" s="354">
        <v>31893321</v>
      </c>
      <c r="KN13" s="342">
        <v>0</v>
      </c>
      <c r="KO13" s="343">
        <v>251540</v>
      </c>
      <c r="KP13" s="344">
        <v>251540</v>
      </c>
      <c r="KQ13" s="413">
        <v>0</v>
      </c>
      <c r="KR13" s="345">
        <v>34320642</v>
      </c>
      <c r="KS13" s="345">
        <v>41852481</v>
      </c>
      <c r="KT13" s="345">
        <v>42371294</v>
      </c>
      <c r="KU13" s="345">
        <v>34822036</v>
      </c>
      <c r="KV13" s="345">
        <v>19503689</v>
      </c>
      <c r="KW13" s="349">
        <v>172870142</v>
      </c>
      <c r="KX13" s="347">
        <v>173121682</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3399561</v>
      </c>
      <c r="LZ13" s="345">
        <v>2653345</v>
      </c>
      <c r="MA13" s="345">
        <v>4870327</v>
      </c>
      <c r="MB13" s="345">
        <v>4767725</v>
      </c>
      <c r="MC13" s="345">
        <v>5171096</v>
      </c>
      <c r="MD13" s="349">
        <v>20862054</v>
      </c>
      <c r="ME13" s="350">
        <v>20862054</v>
      </c>
      <c r="MF13" s="348">
        <v>0</v>
      </c>
      <c r="MG13" s="345">
        <v>0</v>
      </c>
      <c r="MH13" s="349">
        <v>0</v>
      </c>
      <c r="MI13" s="413">
        <v>0</v>
      </c>
      <c r="MJ13" s="345">
        <v>48044119</v>
      </c>
      <c r="MK13" s="345">
        <v>67251805</v>
      </c>
      <c r="ML13" s="345">
        <v>246607736</v>
      </c>
      <c r="MM13" s="345">
        <v>361863658</v>
      </c>
      <c r="MN13" s="345">
        <v>203221372</v>
      </c>
      <c r="MO13" s="349">
        <v>926988690</v>
      </c>
      <c r="MP13" s="354">
        <v>926988690</v>
      </c>
      <c r="MQ13" s="348">
        <v>0</v>
      </c>
      <c r="MR13" s="345">
        <v>0</v>
      </c>
      <c r="MS13" s="349">
        <v>0</v>
      </c>
      <c r="MT13" s="413">
        <v>0</v>
      </c>
      <c r="MU13" s="345">
        <v>5939512</v>
      </c>
      <c r="MV13" s="345">
        <v>10167417</v>
      </c>
      <c r="MW13" s="345">
        <v>161481519</v>
      </c>
      <c r="MX13" s="345">
        <v>264200319</v>
      </c>
      <c r="MY13" s="345">
        <v>164908505</v>
      </c>
      <c r="MZ13" s="349">
        <v>606697272</v>
      </c>
      <c r="NA13" s="354">
        <v>606697272</v>
      </c>
      <c r="NB13" s="348">
        <v>0</v>
      </c>
      <c r="NC13" s="345">
        <v>0</v>
      </c>
      <c r="ND13" s="349">
        <v>0</v>
      </c>
      <c r="NE13" s="413">
        <v>0</v>
      </c>
      <c r="NF13" s="345">
        <v>42104607</v>
      </c>
      <c r="NG13" s="345">
        <v>57084388</v>
      </c>
      <c r="NH13" s="345">
        <v>84495146</v>
      </c>
      <c r="NI13" s="345">
        <v>96909124</v>
      </c>
      <c r="NJ13" s="345">
        <v>37032207</v>
      </c>
      <c r="NK13" s="349">
        <v>317625472</v>
      </c>
      <c r="NL13" s="347">
        <v>317625472</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631071</v>
      </c>
      <c r="OE13" s="345">
        <v>754215</v>
      </c>
      <c r="OF13" s="345">
        <v>1280660</v>
      </c>
      <c r="OG13" s="349">
        <v>2665946</v>
      </c>
      <c r="OH13" s="350">
        <v>2665946</v>
      </c>
      <c r="OI13" s="348">
        <v>17428562</v>
      </c>
      <c r="OJ13" s="345">
        <v>21564033</v>
      </c>
      <c r="OK13" s="346">
        <v>38992595</v>
      </c>
      <c r="OL13" s="351">
        <v>0</v>
      </c>
      <c r="OM13" s="345">
        <v>522586761</v>
      </c>
      <c r="ON13" s="345">
        <v>509231016</v>
      </c>
      <c r="OO13" s="345">
        <v>626935365</v>
      </c>
      <c r="OP13" s="345">
        <v>727469211</v>
      </c>
      <c r="OQ13" s="345">
        <v>446171350</v>
      </c>
      <c r="OR13" s="349">
        <v>2832393703</v>
      </c>
      <c r="OS13" s="354">
        <v>2871386298</v>
      </c>
    </row>
    <row r="14" spans="1:409" s="70" customFormat="1" ht="21" customHeight="1" x14ac:dyDescent="0.2">
      <c r="B14" s="410" t="s">
        <v>8</v>
      </c>
      <c r="C14" s="326">
        <v>13852535</v>
      </c>
      <c r="D14" s="327">
        <v>17381044</v>
      </c>
      <c r="E14" s="328">
        <v>31233579</v>
      </c>
      <c r="F14" s="329">
        <v>0</v>
      </c>
      <c r="G14" s="327">
        <v>153109530</v>
      </c>
      <c r="H14" s="327">
        <v>214353933</v>
      </c>
      <c r="I14" s="327">
        <v>185962297</v>
      </c>
      <c r="J14" s="327">
        <v>181153637</v>
      </c>
      <c r="K14" s="327">
        <v>142914733</v>
      </c>
      <c r="L14" s="329">
        <v>877494130</v>
      </c>
      <c r="M14" s="330">
        <v>908727709</v>
      </c>
      <c r="N14" s="326">
        <v>2523263</v>
      </c>
      <c r="O14" s="327">
        <v>3879340</v>
      </c>
      <c r="P14" s="328">
        <v>6402603</v>
      </c>
      <c r="Q14" s="326">
        <v>0</v>
      </c>
      <c r="R14" s="327">
        <v>40415355</v>
      </c>
      <c r="S14" s="327">
        <v>65640978</v>
      </c>
      <c r="T14" s="327">
        <v>62117400</v>
      </c>
      <c r="U14" s="327">
        <v>68724112</v>
      </c>
      <c r="V14" s="327">
        <v>79737889</v>
      </c>
      <c r="W14" s="328">
        <v>316635734</v>
      </c>
      <c r="X14" s="330">
        <v>323038337</v>
      </c>
      <c r="Y14" s="326">
        <v>0</v>
      </c>
      <c r="Z14" s="327">
        <v>0</v>
      </c>
      <c r="AA14" s="328">
        <v>0</v>
      </c>
      <c r="AB14" s="326">
        <v>0</v>
      </c>
      <c r="AC14" s="327">
        <v>18146922</v>
      </c>
      <c r="AD14" s="327">
        <v>35464072</v>
      </c>
      <c r="AE14" s="327">
        <v>39024696</v>
      </c>
      <c r="AF14" s="327">
        <v>42045054</v>
      </c>
      <c r="AG14" s="327">
        <v>53862474</v>
      </c>
      <c r="AH14" s="328">
        <v>188543218</v>
      </c>
      <c r="AI14" s="330">
        <v>188543218</v>
      </c>
      <c r="AJ14" s="326">
        <v>0</v>
      </c>
      <c r="AK14" s="327">
        <v>0</v>
      </c>
      <c r="AL14" s="328">
        <v>0</v>
      </c>
      <c r="AM14" s="326">
        <v>0</v>
      </c>
      <c r="AN14" s="327">
        <v>324286</v>
      </c>
      <c r="AO14" s="327">
        <v>874173</v>
      </c>
      <c r="AP14" s="327">
        <v>1398272</v>
      </c>
      <c r="AQ14" s="327">
        <v>3710286</v>
      </c>
      <c r="AR14" s="327">
        <v>6781857</v>
      </c>
      <c r="AS14" s="328">
        <v>13088874</v>
      </c>
      <c r="AT14" s="330">
        <v>13088874</v>
      </c>
      <c r="AU14" s="326">
        <v>1221625</v>
      </c>
      <c r="AV14" s="327">
        <v>2581473</v>
      </c>
      <c r="AW14" s="328">
        <v>3803098</v>
      </c>
      <c r="AX14" s="326">
        <v>0</v>
      </c>
      <c r="AY14" s="327">
        <v>10615310</v>
      </c>
      <c r="AZ14" s="327">
        <v>15943642</v>
      </c>
      <c r="BA14" s="327">
        <v>10824608</v>
      </c>
      <c r="BB14" s="327">
        <v>11943851</v>
      </c>
      <c r="BC14" s="327">
        <v>10727303</v>
      </c>
      <c r="BD14" s="328">
        <v>60054714</v>
      </c>
      <c r="BE14" s="330">
        <v>63857812</v>
      </c>
      <c r="BF14" s="326">
        <v>377477</v>
      </c>
      <c r="BG14" s="327">
        <v>743007</v>
      </c>
      <c r="BH14" s="331">
        <v>1120484</v>
      </c>
      <c r="BI14" s="332">
        <v>0</v>
      </c>
      <c r="BJ14" s="327">
        <v>2944348</v>
      </c>
      <c r="BK14" s="327">
        <v>3953497</v>
      </c>
      <c r="BL14" s="327">
        <v>2071020</v>
      </c>
      <c r="BM14" s="327">
        <v>1566757</v>
      </c>
      <c r="BN14" s="327">
        <v>1051009</v>
      </c>
      <c r="BO14" s="328">
        <v>11586631</v>
      </c>
      <c r="BP14" s="330">
        <v>12707115</v>
      </c>
      <c r="BQ14" s="326">
        <v>924161</v>
      </c>
      <c r="BR14" s="327">
        <v>554860</v>
      </c>
      <c r="BS14" s="328">
        <v>1479021</v>
      </c>
      <c r="BT14" s="326">
        <v>0</v>
      </c>
      <c r="BU14" s="327">
        <v>8384489</v>
      </c>
      <c r="BV14" s="327">
        <v>9405594</v>
      </c>
      <c r="BW14" s="327">
        <v>8798804</v>
      </c>
      <c r="BX14" s="327">
        <v>9458164</v>
      </c>
      <c r="BY14" s="327">
        <v>7315246</v>
      </c>
      <c r="BZ14" s="328">
        <v>43362297</v>
      </c>
      <c r="CA14" s="330">
        <v>44841318</v>
      </c>
      <c r="CB14" s="326">
        <v>1544729</v>
      </c>
      <c r="CC14" s="327">
        <v>2801799</v>
      </c>
      <c r="CD14" s="328">
        <v>4346528</v>
      </c>
      <c r="CE14" s="326">
        <v>0</v>
      </c>
      <c r="CF14" s="327">
        <v>44805791</v>
      </c>
      <c r="CG14" s="327">
        <v>58479801</v>
      </c>
      <c r="CH14" s="327">
        <v>44495241</v>
      </c>
      <c r="CI14" s="327">
        <v>32915548</v>
      </c>
      <c r="CJ14" s="327">
        <v>18034962</v>
      </c>
      <c r="CK14" s="328">
        <v>198731343</v>
      </c>
      <c r="CL14" s="330">
        <v>203077871</v>
      </c>
      <c r="CM14" s="326">
        <v>0</v>
      </c>
      <c r="CN14" s="327">
        <v>0</v>
      </c>
      <c r="CO14" s="328">
        <v>0</v>
      </c>
      <c r="CP14" s="332">
        <v>0</v>
      </c>
      <c r="CQ14" s="327">
        <v>36766180</v>
      </c>
      <c r="CR14" s="327">
        <v>47556255</v>
      </c>
      <c r="CS14" s="327">
        <v>35862862</v>
      </c>
      <c r="CT14" s="327">
        <v>26199908</v>
      </c>
      <c r="CU14" s="327">
        <v>15655297</v>
      </c>
      <c r="CV14" s="328">
        <v>162040502</v>
      </c>
      <c r="CW14" s="330">
        <v>162040502</v>
      </c>
      <c r="CX14" s="326">
        <v>1544729</v>
      </c>
      <c r="CY14" s="327">
        <v>2801799</v>
      </c>
      <c r="CZ14" s="328">
        <v>4346528</v>
      </c>
      <c r="DA14" s="326">
        <v>0</v>
      </c>
      <c r="DB14" s="327">
        <v>8039611</v>
      </c>
      <c r="DC14" s="327">
        <v>10923546</v>
      </c>
      <c r="DD14" s="327">
        <v>8632379</v>
      </c>
      <c r="DE14" s="327">
        <v>6715640</v>
      </c>
      <c r="DF14" s="327">
        <v>2379665</v>
      </c>
      <c r="DG14" s="328">
        <v>36690841</v>
      </c>
      <c r="DH14" s="330">
        <v>41037369</v>
      </c>
      <c r="DI14" s="326">
        <v>157043</v>
      </c>
      <c r="DJ14" s="327">
        <v>301754</v>
      </c>
      <c r="DK14" s="331">
        <v>458797</v>
      </c>
      <c r="DL14" s="332">
        <v>0</v>
      </c>
      <c r="DM14" s="327">
        <v>4613947</v>
      </c>
      <c r="DN14" s="327">
        <v>12430052</v>
      </c>
      <c r="DO14" s="327">
        <v>22686780</v>
      </c>
      <c r="DP14" s="327">
        <v>22068017</v>
      </c>
      <c r="DQ14" s="327">
        <v>7611489</v>
      </c>
      <c r="DR14" s="328">
        <v>69410285</v>
      </c>
      <c r="DS14" s="330">
        <v>69869082</v>
      </c>
      <c r="DT14" s="326">
        <v>157043</v>
      </c>
      <c r="DU14" s="327">
        <v>301754</v>
      </c>
      <c r="DV14" s="328">
        <v>458797</v>
      </c>
      <c r="DW14" s="326">
        <v>0</v>
      </c>
      <c r="DX14" s="327">
        <v>4409532</v>
      </c>
      <c r="DY14" s="327">
        <v>11891062</v>
      </c>
      <c r="DZ14" s="327">
        <v>22263832</v>
      </c>
      <c r="EA14" s="327">
        <v>21495758</v>
      </c>
      <c r="EB14" s="327">
        <v>7397304</v>
      </c>
      <c r="EC14" s="328">
        <v>67457488</v>
      </c>
      <c r="ED14" s="330">
        <v>67916285</v>
      </c>
      <c r="EE14" s="326">
        <v>0</v>
      </c>
      <c r="EF14" s="331">
        <v>0</v>
      </c>
      <c r="EG14" s="328">
        <v>0</v>
      </c>
      <c r="EH14" s="326">
        <v>0</v>
      </c>
      <c r="EI14" s="327">
        <v>204415</v>
      </c>
      <c r="EJ14" s="327">
        <v>538990</v>
      </c>
      <c r="EK14" s="327">
        <v>422948</v>
      </c>
      <c r="EL14" s="327">
        <v>572259</v>
      </c>
      <c r="EM14" s="327">
        <v>214185</v>
      </c>
      <c r="EN14" s="331">
        <v>1952797</v>
      </c>
      <c r="EO14" s="330">
        <v>1952797</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3634723</v>
      </c>
      <c r="FM14" s="327">
        <v>5230982</v>
      </c>
      <c r="FN14" s="328">
        <v>8865705</v>
      </c>
      <c r="FO14" s="326">
        <v>0</v>
      </c>
      <c r="FP14" s="327">
        <v>10161435</v>
      </c>
      <c r="FQ14" s="327">
        <v>23584446</v>
      </c>
      <c r="FR14" s="327">
        <v>16377486</v>
      </c>
      <c r="FS14" s="327">
        <v>13890517</v>
      </c>
      <c r="FT14" s="327">
        <v>10133200</v>
      </c>
      <c r="FU14" s="328">
        <v>74147084</v>
      </c>
      <c r="FV14" s="330">
        <v>83012789</v>
      </c>
      <c r="FW14" s="333">
        <v>2511948</v>
      </c>
      <c r="FX14" s="327">
        <v>4057389</v>
      </c>
      <c r="FY14" s="331">
        <v>6569337</v>
      </c>
      <c r="FZ14" s="332">
        <v>0</v>
      </c>
      <c r="GA14" s="327">
        <v>8207072</v>
      </c>
      <c r="GB14" s="327">
        <v>22612067</v>
      </c>
      <c r="GC14" s="327">
        <v>14872854</v>
      </c>
      <c r="GD14" s="327">
        <v>12927595</v>
      </c>
      <c r="GE14" s="327">
        <v>9869492</v>
      </c>
      <c r="GF14" s="328">
        <v>68489080</v>
      </c>
      <c r="GG14" s="334">
        <v>75058417</v>
      </c>
      <c r="GH14" s="333">
        <v>207873</v>
      </c>
      <c r="GI14" s="327">
        <v>285584</v>
      </c>
      <c r="GJ14" s="331">
        <v>493457</v>
      </c>
      <c r="GK14" s="332">
        <v>0</v>
      </c>
      <c r="GL14" s="327">
        <v>211047</v>
      </c>
      <c r="GM14" s="327">
        <v>410615</v>
      </c>
      <c r="GN14" s="327">
        <v>536592</v>
      </c>
      <c r="GO14" s="327">
        <v>361956</v>
      </c>
      <c r="GP14" s="327">
        <v>263708</v>
      </c>
      <c r="GQ14" s="328">
        <v>1783918</v>
      </c>
      <c r="GR14" s="330">
        <v>2277375</v>
      </c>
      <c r="GS14" s="326">
        <v>914902</v>
      </c>
      <c r="GT14" s="327">
        <v>888009</v>
      </c>
      <c r="GU14" s="328">
        <v>1802911</v>
      </c>
      <c r="GV14" s="326">
        <v>0</v>
      </c>
      <c r="GW14" s="327">
        <v>1743316</v>
      </c>
      <c r="GX14" s="327">
        <v>561764</v>
      </c>
      <c r="GY14" s="327">
        <v>968040</v>
      </c>
      <c r="GZ14" s="327">
        <v>600966</v>
      </c>
      <c r="HA14" s="327">
        <v>0</v>
      </c>
      <c r="HB14" s="331">
        <v>3874086</v>
      </c>
      <c r="HC14" s="330">
        <v>5676997</v>
      </c>
      <c r="HD14" s="326">
        <v>3142676</v>
      </c>
      <c r="HE14" s="327">
        <v>1729699</v>
      </c>
      <c r="HF14" s="331">
        <v>4872375</v>
      </c>
      <c r="HG14" s="332">
        <v>0</v>
      </c>
      <c r="HH14" s="327">
        <v>27253806</v>
      </c>
      <c r="HI14" s="327">
        <v>26876748</v>
      </c>
      <c r="HJ14" s="327">
        <v>21731270</v>
      </c>
      <c r="HK14" s="327">
        <v>30349740</v>
      </c>
      <c r="HL14" s="327">
        <v>19272220</v>
      </c>
      <c r="HM14" s="328">
        <v>125483784</v>
      </c>
      <c r="HN14" s="329">
        <v>130356159</v>
      </c>
      <c r="HO14" s="333">
        <v>2850101</v>
      </c>
      <c r="HP14" s="327">
        <v>3437470</v>
      </c>
      <c r="HQ14" s="328">
        <v>6287571</v>
      </c>
      <c r="HR14" s="326">
        <v>0</v>
      </c>
      <c r="HS14" s="327">
        <v>25859196</v>
      </c>
      <c r="HT14" s="327">
        <v>27341908</v>
      </c>
      <c r="HU14" s="327">
        <v>18554120</v>
      </c>
      <c r="HV14" s="327">
        <v>13205703</v>
      </c>
      <c r="HW14" s="327">
        <v>8124973</v>
      </c>
      <c r="HX14" s="331">
        <v>93085900</v>
      </c>
      <c r="HY14" s="330">
        <v>99373471</v>
      </c>
      <c r="HZ14" s="335">
        <v>603622</v>
      </c>
      <c r="IA14" s="336">
        <v>1122798</v>
      </c>
      <c r="IB14" s="337">
        <v>1726420</v>
      </c>
      <c r="IC14" s="355">
        <v>0</v>
      </c>
      <c r="ID14" s="356">
        <v>58369285</v>
      </c>
      <c r="IE14" s="357">
        <v>71200118</v>
      </c>
      <c r="IF14" s="358">
        <v>75779384</v>
      </c>
      <c r="IG14" s="356">
        <v>52235296</v>
      </c>
      <c r="IH14" s="358">
        <v>33920989</v>
      </c>
      <c r="II14" s="359">
        <v>291505072</v>
      </c>
      <c r="IJ14" s="341">
        <v>293231492</v>
      </c>
      <c r="IK14" s="342">
        <v>0</v>
      </c>
      <c r="IL14" s="343">
        <v>0</v>
      </c>
      <c r="IM14" s="344">
        <v>0</v>
      </c>
      <c r="IN14" s="404">
        <v>0</v>
      </c>
      <c r="IO14" s="345">
        <v>634360</v>
      </c>
      <c r="IP14" s="345">
        <v>676980</v>
      </c>
      <c r="IQ14" s="345">
        <v>618811</v>
      </c>
      <c r="IR14" s="345">
        <v>1504345</v>
      </c>
      <c r="IS14" s="345">
        <v>325262</v>
      </c>
      <c r="IT14" s="346">
        <v>3759758</v>
      </c>
      <c r="IU14" s="347">
        <v>3759758</v>
      </c>
      <c r="IV14" s="348">
        <v>0</v>
      </c>
      <c r="IW14" s="345">
        <v>0</v>
      </c>
      <c r="IX14" s="349">
        <v>0</v>
      </c>
      <c r="IY14" s="413">
        <v>0</v>
      </c>
      <c r="IZ14" s="345">
        <v>38344</v>
      </c>
      <c r="JA14" s="345">
        <v>45403</v>
      </c>
      <c r="JB14" s="345">
        <v>0</v>
      </c>
      <c r="JC14" s="345">
        <v>64200</v>
      </c>
      <c r="JD14" s="345">
        <v>0</v>
      </c>
      <c r="JE14" s="349">
        <v>147947</v>
      </c>
      <c r="JF14" s="350">
        <v>147947</v>
      </c>
      <c r="JG14" s="348">
        <v>0</v>
      </c>
      <c r="JH14" s="345">
        <v>0</v>
      </c>
      <c r="JI14" s="346">
        <v>0</v>
      </c>
      <c r="JJ14" s="351">
        <v>0</v>
      </c>
      <c r="JK14" s="345">
        <v>28858116</v>
      </c>
      <c r="JL14" s="345">
        <v>34726009</v>
      </c>
      <c r="JM14" s="345">
        <v>21703449</v>
      </c>
      <c r="JN14" s="345">
        <v>12632612</v>
      </c>
      <c r="JO14" s="345">
        <v>8307470</v>
      </c>
      <c r="JP14" s="349">
        <v>106227656</v>
      </c>
      <c r="JQ14" s="347">
        <v>106227656</v>
      </c>
      <c r="JR14" s="348">
        <v>0</v>
      </c>
      <c r="JS14" s="345">
        <v>0</v>
      </c>
      <c r="JT14" s="346">
        <v>0</v>
      </c>
      <c r="JU14" s="351">
        <v>0</v>
      </c>
      <c r="JV14" s="345">
        <v>714328</v>
      </c>
      <c r="JW14" s="345">
        <v>894315</v>
      </c>
      <c r="JX14" s="345">
        <v>956311</v>
      </c>
      <c r="JY14" s="345">
        <v>1592804</v>
      </c>
      <c r="JZ14" s="345">
        <v>1302983</v>
      </c>
      <c r="KA14" s="349">
        <v>5460741</v>
      </c>
      <c r="KB14" s="347">
        <v>5460741</v>
      </c>
      <c r="KC14" s="352">
        <v>603622</v>
      </c>
      <c r="KD14" s="353">
        <v>1122798</v>
      </c>
      <c r="KE14" s="349">
        <v>1726420</v>
      </c>
      <c r="KF14" s="351">
        <v>0</v>
      </c>
      <c r="KG14" s="345">
        <v>8429547</v>
      </c>
      <c r="KH14" s="345">
        <v>9289655</v>
      </c>
      <c r="KI14" s="345">
        <v>12317813</v>
      </c>
      <c r="KJ14" s="345">
        <v>6315388</v>
      </c>
      <c r="KK14" s="345">
        <v>3739318</v>
      </c>
      <c r="KL14" s="349">
        <v>40091721</v>
      </c>
      <c r="KM14" s="354">
        <v>41818141</v>
      </c>
      <c r="KN14" s="342">
        <v>0</v>
      </c>
      <c r="KO14" s="343">
        <v>0</v>
      </c>
      <c r="KP14" s="344">
        <v>0</v>
      </c>
      <c r="KQ14" s="413">
        <v>0</v>
      </c>
      <c r="KR14" s="345">
        <v>17471016</v>
      </c>
      <c r="KS14" s="345">
        <v>19883377</v>
      </c>
      <c r="KT14" s="345">
        <v>28072251</v>
      </c>
      <c r="KU14" s="345">
        <v>16478096</v>
      </c>
      <c r="KV14" s="345">
        <v>12241175</v>
      </c>
      <c r="KW14" s="349">
        <v>94145915</v>
      </c>
      <c r="KX14" s="347">
        <v>94145915</v>
      </c>
      <c r="KY14" s="348">
        <v>0</v>
      </c>
      <c r="KZ14" s="345">
        <v>0</v>
      </c>
      <c r="LA14" s="349">
        <v>0</v>
      </c>
      <c r="LB14" s="413">
        <v>0</v>
      </c>
      <c r="LC14" s="345">
        <v>255203</v>
      </c>
      <c r="LD14" s="345">
        <v>1515868</v>
      </c>
      <c r="LE14" s="345">
        <v>2851752</v>
      </c>
      <c r="LF14" s="345">
        <v>2262365</v>
      </c>
      <c r="LG14" s="345">
        <v>3237225</v>
      </c>
      <c r="LH14" s="349">
        <v>10122413</v>
      </c>
      <c r="LI14" s="350">
        <v>10122413</v>
      </c>
      <c r="LJ14" s="348">
        <v>0</v>
      </c>
      <c r="LK14" s="345">
        <v>0</v>
      </c>
      <c r="LL14" s="349">
        <v>0</v>
      </c>
      <c r="LM14" s="413">
        <v>0</v>
      </c>
      <c r="LN14" s="345">
        <v>0</v>
      </c>
      <c r="LO14" s="345">
        <v>238792</v>
      </c>
      <c r="LP14" s="345">
        <v>3240650</v>
      </c>
      <c r="LQ14" s="345">
        <v>7972174</v>
      </c>
      <c r="LR14" s="345">
        <v>1781987</v>
      </c>
      <c r="LS14" s="349">
        <v>13233603</v>
      </c>
      <c r="LT14" s="347">
        <v>13233603</v>
      </c>
      <c r="LU14" s="348">
        <v>0</v>
      </c>
      <c r="LV14" s="345">
        <v>0</v>
      </c>
      <c r="LW14" s="349">
        <v>0</v>
      </c>
      <c r="LX14" s="413">
        <v>0</v>
      </c>
      <c r="LY14" s="345">
        <v>1968371</v>
      </c>
      <c r="LZ14" s="345">
        <v>3929719</v>
      </c>
      <c r="MA14" s="345">
        <v>6018347</v>
      </c>
      <c r="MB14" s="345">
        <v>3413312</v>
      </c>
      <c r="MC14" s="345">
        <v>2985569</v>
      </c>
      <c r="MD14" s="349">
        <v>18315318</v>
      </c>
      <c r="ME14" s="350">
        <v>18315318</v>
      </c>
      <c r="MF14" s="348">
        <v>0</v>
      </c>
      <c r="MG14" s="345">
        <v>0</v>
      </c>
      <c r="MH14" s="349">
        <v>0</v>
      </c>
      <c r="MI14" s="413">
        <v>0</v>
      </c>
      <c r="MJ14" s="345">
        <v>15009387</v>
      </c>
      <c r="MK14" s="345">
        <v>38365108</v>
      </c>
      <c r="ML14" s="345">
        <v>139475565</v>
      </c>
      <c r="MM14" s="345">
        <v>165663865</v>
      </c>
      <c r="MN14" s="345">
        <v>106494218</v>
      </c>
      <c r="MO14" s="349">
        <v>465008143</v>
      </c>
      <c r="MP14" s="354">
        <v>465008143</v>
      </c>
      <c r="MQ14" s="348">
        <v>0</v>
      </c>
      <c r="MR14" s="345">
        <v>0</v>
      </c>
      <c r="MS14" s="349">
        <v>0</v>
      </c>
      <c r="MT14" s="413">
        <v>0</v>
      </c>
      <c r="MU14" s="345">
        <v>3126208</v>
      </c>
      <c r="MV14" s="345">
        <v>14984942</v>
      </c>
      <c r="MW14" s="345">
        <v>96454293</v>
      </c>
      <c r="MX14" s="345">
        <v>116028087</v>
      </c>
      <c r="MY14" s="345">
        <v>74888568</v>
      </c>
      <c r="MZ14" s="349">
        <v>305482098</v>
      </c>
      <c r="NA14" s="354">
        <v>305482098</v>
      </c>
      <c r="NB14" s="348">
        <v>0</v>
      </c>
      <c r="NC14" s="345">
        <v>0</v>
      </c>
      <c r="ND14" s="349">
        <v>0</v>
      </c>
      <c r="NE14" s="413">
        <v>0</v>
      </c>
      <c r="NF14" s="345">
        <v>11596054</v>
      </c>
      <c r="NG14" s="345">
        <v>23380166</v>
      </c>
      <c r="NH14" s="345">
        <v>42620335</v>
      </c>
      <c r="NI14" s="345">
        <v>46792346</v>
      </c>
      <c r="NJ14" s="345">
        <v>26864789</v>
      </c>
      <c r="NK14" s="349">
        <v>151253690</v>
      </c>
      <c r="NL14" s="347">
        <v>151253690</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287125</v>
      </c>
      <c r="OC14" s="345">
        <v>0</v>
      </c>
      <c r="OD14" s="345">
        <v>400937</v>
      </c>
      <c r="OE14" s="345">
        <v>2843432</v>
      </c>
      <c r="OF14" s="345">
        <v>4740861</v>
      </c>
      <c r="OG14" s="349">
        <v>8272355</v>
      </c>
      <c r="OH14" s="350">
        <v>8272355</v>
      </c>
      <c r="OI14" s="348">
        <v>14456157</v>
      </c>
      <c r="OJ14" s="345">
        <v>18503842</v>
      </c>
      <c r="OK14" s="346">
        <v>32959999</v>
      </c>
      <c r="OL14" s="351">
        <v>0</v>
      </c>
      <c r="OM14" s="345">
        <v>226488202</v>
      </c>
      <c r="ON14" s="345">
        <v>323919159</v>
      </c>
      <c r="OO14" s="345">
        <v>401217246</v>
      </c>
      <c r="OP14" s="345">
        <v>399052798</v>
      </c>
      <c r="OQ14" s="345">
        <v>283329940</v>
      </c>
      <c r="OR14" s="349">
        <v>1634007345</v>
      </c>
      <c r="OS14" s="354">
        <v>1666967344</v>
      </c>
    </row>
    <row r="15" spans="1:409" s="70" customFormat="1" ht="21" customHeight="1" x14ac:dyDescent="0.2">
      <c r="B15" s="410" t="s">
        <v>9</v>
      </c>
      <c r="C15" s="326">
        <v>12585112</v>
      </c>
      <c r="D15" s="327">
        <v>15087062</v>
      </c>
      <c r="E15" s="328">
        <v>27672174</v>
      </c>
      <c r="F15" s="332">
        <v>0</v>
      </c>
      <c r="G15" s="327">
        <v>152408627</v>
      </c>
      <c r="H15" s="327">
        <v>161070732</v>
      </c>
      <c r="I15" s="327">
        <v>163246345</v>
      </c>
      <c r="J15" s="327">
        <v>171440906</v>
      </c>
      <c r="K15" s="327">
        <v>132504030</v>
      </c>
      <c r="L15" s="329">
        <v>780670640</v>
      </c>
      <c r="M15" s="330">
        <v>808342814</v>
      </c>
      <c r="N15" s="326">
        <v>2936929</v>
      </c>
      <c r="O15" s="327">
        <v>3683811</v>
      </c>
      <c r="P15" s="328">
        <v>6620740</v>
      </c>
      <c r="Q15" s="326">
        <v>0</v>
      </c>
      <c r="R15" s="327">
        <v>43062862</v>
      </c>
      <c r="S15" s="327">
        <v>52156980</v>
      </c>
      <c r="T15" s="327">
        <v>60118285</v>
      </c>
      <c r="U15" s="327">
        <v>70231541</v>
      </c>
      <c r="V15" s="327">
        <v>70100699</v>
      </c>
      <c r="W15" s="328">
        <v>295670367</v>
      </c>
      <c r="X15" s="330">
        <v>302291107</v>
      </c>
      <c r="Y15" s="326">
        <v>0</v>
      </c>
      <c r="Z15" s="327">
        <v>0</v>
      </c>
      <c r="AA15" s="328">
        <v>0</v>
      </c>
      <c r="AB15" s="326">
        <v>0</v>
      </c>
      <c r="AC15" s="327">
        <v>18845476</v>
      </c>
      <c r="AD15" s="327">
        <v>25781131</v>
      </c>
      <c r="AE15" s="327">
        <v>35619126</v>
      </c>
      <c r="AF15" s="327">
        <v>43797089</v>
      </c>
      <c r="AG15" s="327">
        <v>42948213</v>
      </c>
      <c r="AH15" s="328">
        <v>166991035</v>
      </c>
      <c r="AI15" s="330">
        <v>166991035</v>
      </c>
      <c r="AJ15" s="326">
        <v>0</v>
      </c>
      <c r="AK15" s="327">
        <v>0</v>
      </c>
      <c r="AL15" s="328">
        <v>0</v>
      </c>
      <c r="AM15" s="326">
        <v>0</v>
      </c>
      <c r="AN15" s="327">
        <v>36926</v>
      </c>
      <c r="AO15" s="327">
        <v>614258</v>
      </c>
      <c r="AP15" s="327">
        <v>1369489</v>
      </c>
      <c r="AQ15" s="327">
        <v>3423620</v>
      </c>
      <c r="AR15" s="327">
        <v>6271364</v>
      </c>
      <c r="AS15" s="328">
        <v>11715657</v>
      </c>
      <c r="AT15" s="330">
        <v>11715657</v>
      </c>
      <c r="AU15" s="326">
        <v>1606427</v>
      </c>
      <c r="AV15" s="327">
        <v>2573772</v>
      </c>
      <c r="AW15" s="328">
        <v>4180199</v>
      </c>
      <c r="AX15" s="326">
        <v>0</v>
      </c>
      <c r="AY15" s="327">
        <v>14838568</v>
      </c>
      <c r="AZ15" s="327">
        <v>15347955</v>
      </c>
      <c r="BA15" s="327">
        <v>12754316</v>
      </c>
      <c r="BB15" s="327">
        <v>12110953</v>
      </c>
      <c r="BC15" s="327">
        <v>12462570</v>
      </c>
      <c r="BD15" s="328">
        <v>67514362</v>
      </c>
      <c r="BE15" s="330">
        <v>71694561</v>
      </c>
      <c r="BF15" s="326">
        <v>95510</v>
      </c>
      <c r="BG15" s="327">
        <v>317077</v>
      </c>
      <c r="BH15" s="331">
        <v>412587</v>
      </c>
      <c r="BI15" s="332">
        <v>0</v>
      </c>
      <c r="BJ15" s="327">
        <v>1263497</v>
      </c>
      <c r="BK15" s="327">
        <v>1545890</v>
      </c>
      <c r="BL15" s="327">
        <v>1227451</v>
      </c>
      <c r="BM15" s="327">
        <v>1089630</v>
      </c>
      <c r="BN15" s="327">
        <v>1215039</v>
      </c>
      <c r="BO15" s="328">
        <v>6341507</v>
      </c>
      <c r="BP15" s="330">
        <v>6754094</v>
      </c>
      <c r="BQ15" s="326">
        <v>1234992</v>
      </c>
      <c r="BR15" s="327">
        <v>792962</v>
      </c>
      <c r="BS15" s="328">
        <v>2027954</v>
      </c>
      <c r="BT15" s="326">
        <v>0</v>
      </c>
      <c r="BU15" s="327">
        <v>8078395</v>
      </c>
      <c r="BV15" s="327">
        <v>8867746</v>
      </c>
      <c r="BW15" s="327">
        <v>9147903</v>
      </c>
      <c r="BX15" s="327">
        <v>9810249</v>
      </c>
      <c r="BY15" s="327">
        <v>7203513</v>
      </c>
      <c r="BZ15" s="328">
        <v>43107806</v>
      </c>
      <c r="CA15" s="330">
        <v>45135760</v>
      </c>
      <c r="CB15" s="326">
        <v>1330727</v>
      </c>
      <c r="CC15" s="327">
        <v>3376013</v>
      </c>
      <c r="CD15" s="328">
        <v>4706740</v>
      </c>
      <c r="CE15" s="326">
        <v>0</v>
      </c>
      <c r="CF15" s="327">
        <v>33962247</v>
      </c>
      <c r="CG15" s="327">
        <v>34906867</v>
      </c>
      <c r="CH15" s="327">
        <v>29243270</v>
      </c>
      <c r="CI15" s="327">
        <v>21724470</v>
      </c>
      <c r="CJ15" s="327">
        <v>8274021</v>
      </c>
      <c r="CK15" s="328">
        <v>128110875</v>
      </c>
      <c r="CL15" s="330">
        <v>132817615</v>
      </c>
      <c r="CM15" s="326">
        <v>0</v>
      </c>
      <c r="CN15" s="327">
        <v>0</v>
      </c>
      <c r="CO15" s="328">
        <v>0</v>
      </c>
      <c r="CP15" s="332">
        <v>0</v>
      </c>
      <c r="CQ15" s="327">
        <v>27985817</v>
      </c>
      <c r="CR15" s="327">
        <v>27562742</v>
      </c>
      <c r="CS15" s="327">
        <v>23649072</v>
      </c>
      <c r="CT15" s="327">
        <v>15636614</v>
      </c>
      <c r="CU15" s="327">
        <v>6457436</v>
      </c>
      <c r="CV15" s="328">
        <v>101291681</v>
      </c>
      <c r="CW15" s="330">
        <v>101291681</v>
      </c>
      <c r="CX15" s="326">
        <v>1330727</v>
      </c>
      <c r="CY15" s="327">
        <v>3376013</v>
      </c>
      <c r="CZ15" s="328">
        <v>4706740</v>
      </c>
      <c r="DA15" s="326">
        <v>0</v>
      </c>
      <c r="DB15" s="327">
        <v>5976430</v>
      </c>
      <c r="DC15" s="327">
        <v>7344125</v>
      </c>
      <c r="DD15" s="327">
        <v>5594198</v>
      </c>
      <c r="DE15" s="327">
        <v>6087856</v>
      </c>
      <c r="DF15" s="327">
        <v>1816585</v>
      </c>
      <c r="DG15" s="328">
        <v>26819194</v>
      </c>
      <c r="DH15" s="330">
        <v>31525934</v>
      </c>
      <c r="DI15" s="326">
        <v>40769</v>
      </c>
      <c r="DJ15" s="327">
        <v>134037</v>
      </c>
      <c r="DK15" s="331">
        <v>174806</v>
      </c>
      <c r="DL15" s="332">
        <v>0</v>
      </c>
      <c r="DM15" s="327">
        <v>4913007</v>
      </c>
      <c r="DN15" s="327">
        <v>8710835</v>
      </c>
      <c r="DO15" s="327">
        <v>16028977</v>
      </c>
      <c r="DP15" s="327">
        <v>15081251</v>
      </c>
      <c r="DQ15" s="327">
        <v>8017766</v>
      </c>
      <c r="DR15" s="328">
        <v>52751836</v>
      </c>
      <c r="DS15" s="330">
        <v>52926642</v>
      </c>
      <c r="DT15" s="326">
        <v>40769</v>
      </c>
      <c r="DU15" s="327">
        <v>134037</v>
      </c>
      <c r="DV15" s="328">
        <v>174806</v>
      </c>
      <c r="DW15" s="326">
        <v>0</v>
      </c>
      <c r="DX15" s="327">
        <v>4500453</v>
      </c>
      <c r="DY15" s="327">
        <v>7959360</v>
      </c>
      <c r="DZ15" s="327">
        <v>13729703</v>
      </c>
      <c r="EA15" s="327">
        <v>12748378</v>
      </c>
      <c r="EB15" s="327">
        <v>6779939</v>
      </c>
      <c r="EC15" s="328">
        <v>45717833</v>
      </c>
      <c r="ED15" s="330">
        <v>45892639</v>
      </c>
      <c r="EE15" s="326">
        <v>0</v>
      </c>
      <c r="EF15" s="331">
        <v>0</v>
      </c>
      <c r="EG15" s="328">
        <v>0</v>
      </c>
      <c r="EH15" s="326">
        <v>0</v>
      </c>
      <c r="EI15" s="327">
        <v>412554</v>
      </c>
      <c r="EJ15" s="327">
        <v>751475</v>
      </c>
      <c r="EK15" s="327">
        <v>2299274</v>
      </c>
      <c r="EL15" s="327">
        <v>2332873</v>
      </c>
      <c r="EM15" s="327">
        <v>1237827</v>
      </c>
      <c r="EN15" s="331">
        <v>7034003</v>
      </c>
      <c r="EO15" s="330">
        <v>7034003</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2435632</v>
      </c>
      <c r="FM15" s="327">
        <v>3222190</v>
      </c>
      <c r="FN15" s="328">
        <v>5657822</v>
      </c>
      <c r="FO15" s="326">
        <v>0</v>
      </c>
      <c r="FP15" s="327">
        <v>8465325</v>
      </c>
      <c r="FQ15" s="327">
        <v>13365259</v>
      </c>
      <c r="FR15" s="327">
        <v>11414199</v>
      </c>
      <c r="FS15" s="327">
        <v>11608627</v>
      </c>
      <c r="FT15" s="327">
        <v>8938058</v>
      </c>
      <c r="FU15" s="328">
        <v>53791468</v>
      </c>
      <c r="FV15" s="330">
        <v>59449290</v>
      </c>
      <c r="FW15" s="333">
        <v>1818969</v>
      </c>
      <c r="FX15" s="327">
        <v>2717614</v>
      </c>
      <c r="FY15" s="331">
        <v>4536583</v>
      </c>
      <c r="FZ15" s="332">
        <v>0</v>
      </c>
      <c r="GA15" s="327">
        <v>7770382</v>
      </c>
      <c r="GB15" s="327">
        <v>12735784</v>
      </c>
      <c r="GC15" s="327">
        <v>11081261</v>
      </c>
      <c r="GD15" s="327">
        <v>11350991</v>
      </c>
      <c r="GE15" s="327">
        <v>8809958</v>
      </c>
      <c r="GF15" s="328">
        <v>51748376</v>
      </c>
      <c r="GG15" s="334">
        <v>56284959</v>
      </c>
      <c r="GH15" s="333">
        <v>105633</v>
      </c>
      <c r="GI15" s="327">
        <v>99792</v>
      </c>
      <c r="GJ15" s="331">
        <v>205425</v>
      </c>
      <c r="GK15" s="332">
        <v>0</v>
      </c>
      <c r="GL15" s="327">
        <v>318336</v>
      </c>
      <c r="GM15" s="327">
        <v>187525</v>
      </c>
      <c r="GN15" s="327">
        <v>55708</v>
      </c>
      <c r="GO15" s="327">
        <v>49896</v>
      </c>
      <c r="GP15" s="327">
        <v>0</v>
      </c>
      <c r="GQ15" s="328">
        <v>611465</v>
      </c>
      <c r="GR15" s="330">
        <v>816890</v>
      </c>
      <c r="GS15" s="326">
        <v>511030</v>
      </c>
      <c r="GT15" s="327">
        <v>404784</v>
      </c>
      <c r="GU15" s="328">
        <v>915814</v>
      </c>
      <c r="GV15" s="326">
        <v>0</v>
      </c>
      <c r="GW15" s="327">
        <v>376607</v>
      </c>
      <c r="GX15" s="327">
        <v>441950</v>
      </c>
      <c r="GY15" s="327">
        <v>277230</v>
      </c>
      <c r="GZ15" s="327">
        <v>207740</v>
      </c>
      <c r="HA15" s="327">
        <v>128100</v>
      </c>
      <c r="HB15" s="331">
        <v>1431627</v>
      </c>
      <c r="HC15" s="330">
        <v>2347441</v>
      </c>
      <c r="HD15" s="326">
        <v>3502346</v>
      </c>
      <c r="HE15" s="327">
        <v>1822700</v>
      </c>
      <c r="HF15" s="331">
        <v>5325046</v>
      </c>
      <c r="HG15" s="332">
        <v>0</v>
      </c>
      <c r="HH15" s="327">
        <v>35214496</v>
      </c>
      <c r="HI15" s="327">
        <v>32212386</v>
      </c>
      <c r="HJ15" s="327">
        <v>31707094</v>
      </c>
      <c r="HK15" s="327">
        <v>41390024</v>
      </c>
      <c r="HL15" s="327">
        <v>30081744</v>
      </c>
      <c r="HM15" s="328">
        <v>170605744</v>
      </c>
      <c r="HN15" s="329">
        <v>175930790</v>
      </c>
      <c r="HO15" s="333">
        <v>2338709</v>
      </c>
      <c r="HP15" s="327">
        <v>2848311</v>
      </c>
      <c r="HQ15" s="328">
        <v>5187020</v>
      </c>
      <c r="HR15" s="326">
        <v>0</v>
      </c>
      <c r="HS15" s="327">
        <v>26790690</v>
      </c>
      <c r="HT15" s="327">
        <v>19718405</v>
      </c>
      <c r="HU15" s="327">
        <v>14734520</v>
      </c>
      <c r="HV15" s="327">
        <v>11404993</v>
      </c>
      <c r="HW15" s="327">
        <v>7091742</v>
      </c>
      <c r="HX15" s="331">
        <v>79740350</v>
      </c>
      <c r="HY15" s="330">
        <v>84927370</v>
      </c>
      <c r="HZ15" s="360">
        <v>292090</v>
      </c>
      <c r="IA15" s="361">
        <v>259451</v>
      </c>
      <c r="IB15" s="362">
        <v>551541</v>
      </c>
      <c r="IC15" s="338">
        <v>0</v>
      </c>
      <c r="ID15" s="336">
        <v>34930505</v>
      </c>
      <c r="IE15" s="339">
        <v>42047883</v>
      </c>
      <c r="IF15" s="337">
        <v>49131170</v>
      </c>
      <c r="IG15" s="336">
        <v>43441332</v>
      </c>
      <c r="IH15" s="337">
        <v>25185717</v>
      </c>
      <c r="II15" s="340">
        <v>194736607</v>
      </c>
      <c r="IJ15" s="363">
        <v>195288148</v>
      </c>
      <c r="IK15" s="342">
        <v>0</v>
      </c>
      <c r="IL15" s="343">
        <v>0</v>
      </c>
      <c r="IM15" s="344">
        <v>0</v>
      </c>
      <c r="IN15" s="404">
        <v>0</v>
      </c>
      <c r="IO15" s="345">
        <v>0</v>
      </c>
      <c r="IP15" s="345">
        <v>387959</v>
      </c>
      <c r="IQ15" s="345">
        <v>896123</v>
      </c>
      <c r="IR15" s="345">
        <v>1693601</v>
      </c>
      <c r="IS15" s="345">
        <v>1379133</v>
      </c>
      <c r="IT15" s="346">
        <v>4356816</v>
      </c>
      <c r="IU15" s="347">
        <v>4356816</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18647486</v>
      </c>
      <c r="JL15" s="345">
        <v>16352601</v>
      </c>
      <c r="JM15" s="345">
        <v>14963732</v>
      </c>
      <c r="JN15" s="345">
        <v>12888146</v>
      </c>
      <c r="JO15" s="345">
        <v>5704426</v>
      </c>
      <c r="JP15" s="349">
        <v>68556391</v>
      </c>
      <c r="JQ15" s="347">
        <v>68556391</v>
      </c>
      <c r="JR15" s="348">
        <v>0</v>
      </c>
      <c r="JS15" s="345">
        <v>0</v>
      </c>
      <c r="JT15" s="346">
        <v>0</v>
      </c>
      <c r="JU15" s="351">
        <v>0</v>
      </c>
      <c r="JV15" s="345">
        <v>544695</v>
      </c>
      <c r="JW15" s="345">
        <v>772271</v>
      </c>
      <c r="JX15" s="345">
        <v>1208407</v>
      </c>
      <c r="JY15" s="345">
        <v>0</v>
      </c>
      <c r="JZ15" s="345">
        <v>580073</v>
      </c>
      <c r="KA15" s="349">
        <v>3105446</v>
      </c>
      <c r="KB15" s="347">
        <v>3105446</v>
      </c>
      <c r="KC15" s="352">
        <v>292090</v>
      </c>
      <c r="KD15" s="353">
        <v>259451</v>
      </c>
      <c r="KE15" s="349">
        <v>551541</v>
      </c>
      <c r="KF15" s="351">
        <v>0</v>
      </c>
      <c r="KG15" s="345">
        <v>6221391</v>
      </c>
      <c r="KH15" s="345">
        <v>5313335</v>
      </c>
      <c r="KI15" s="345">
        <v>5681537</v>
      </c>
      <c r="KJ15" s="345">
        <v>6400454</v>
      </c>
      <c r="KK15" s="345">
        <v>4507894</v>
      </c>
      <c r="KL15" s="349">
        <v>28124611</v>
      </c>
      <c r="KM15" s="354">
        <v>28676152</v>
      </c>
      <c r="KN15" s="342">
        <v>0</v>
      </c>
      <c r="KO15" s="343">
        <v>0</v>
      </c>
      <c r="KP15" s="344">
        <v>0</v>
      </c>
      <c r="KQ15" s="413">
        <v>0</v>
      </c>
      <c r="KR15" s="345">
        <v>8495037</v>
      </c>
      <c r="KS15" s="345">
        <v>17237933</v>
      </c>
      <c r="KT15" s="345">
        <v>21778032</v>
      </c>
      <c r="KU15" s="345">
        <v>18250053</v>
      </c>
      <c r="KV15" s="345">
        <v>7342226</v>
      </c>
      <c r="KW15" s="349">
        <v>73103281</v>
      </c>
      <c r="KX15" s="347">
        <v>73103281</v>
      </c>
      <c r="KY15" s="348">
        <v>0</v>
      </c>
      <c r="KZ15" s="345">
        <v>0</v>
      </c>
      <c r="LA15" s="349">
        <v>0</v>
      </c>
      <c r="LB15" s="413">
        <v>0</v>
      </c>
      <c r="LC15" s="345">
        <v>294365</v>
      </c>
      <c r="LD15" s="345">
        <v>741036</v>
      </c>
      <c r="LE15" s="345">
        <v>1300422</v>
      </c>
      <c r="LF15" s="345">
        <v>1722735</v>
      </c>
      <c r="LG15" s="345">
        <v>1015278</v>
      </c>
      <c r="LH15" s="349">
        <v>5073836</v>
      </c>
      <c r="LI15" s="350">
        <v>5073836</v>
      </c>
      <c r="LJ15" s="348">
        <v>0</v>
      </c>
      <c r="LK15" s="345">
        <v>0</v>
      </c>
      <c r="LL15" s="349">
        <v>0</v>
      </c>
      <c r="LM15" s="413">
        <v>0</v>
      </c>
      <c r="LN15" s="345">
        <v>0</v>
      </c>
      <c r="LO15" s="345">
        <v>0</v>
      </c>
      <c r="LP15" s="345">
        <v>0</v>
      </c>
      <c r="LQ15" s="345">
        <v>0</v>
      </c>
      <c r="LR15" s="345">
        <v>359008</v>
      </c>
      <c r="LS15" s="349">
        <v>359008</v>
      </c>
      <c r="LT15" s="347">
        <v>359008</v>
      </c>
      <c r="LU15" s="348">
        <v>0</v>
      </c>
      <c r="LV15" s="345">
        <v>0</v>
      </c>
      <c r="LW15" s="349">
        <v>0</v>
      </c>
      <c r="LX15" s="413">
        <v>0</v>
      </c>
      <c r="LY15" s="345">
        <v>727531</v>
      </c>
      <c r="LZ15" s="345">
        <v>1242748</v>
      </c>
      <c r="MA15" s="345">
        <v>3302917</v>
      </c>
      <c r="MB15" s="345">
        <v>2486343</v>
      </c>
      <c r="MC15" s="345">
        <v>4297679</v>
      </c>
      <c r="MD15" s="349">
        <v>12057218</v>
      </c>
      <c r="ME15" s="350">
        <v>12057218</v>
      </c>
      <c r="MF15" s="348">
        <v>0</v>
      </c>
      <c r="MG15" s="345">
        <v>0</v>
      </c>
      <c r="MH15" s="349">
        <v>0</v>
      </c>
      <c r="MI15" s="413">
        <v>0</v>
      </c>
      <c r="MJ15" s="345">
        <v>9768913</v>
      </c>
      <c r="MK15" s="345">
        <v>18800986</v>
      </c>
      <c r="ML15" s="345">
        <v>87112048</v>
      </c>
      <c r="MM15" s="345">
        <v>133797726</v>
      </c>
      <c r="MN15" s="345">
        <v>114853993</v>
      </c>
      <c r="MO15" s="349">
        <v>364333666</v>
      </c>
      <c r="MP15" s="354">
        <v>364333666</v>
      </c>
      <c r="MQ15" s="348">
        <v>0</v>
      </c>
      <c r="MR15" s="345">
        <v>0</v>
      </c>
      <c r="MS15" s="349">
        <v>0</v>
      </c>
      <c r="MT15" s="413">
        <v>0</v>
      </c>
      <c r="MU15" s="345">
        <v>427674</v>
      </c>
      <c r="MV15" s="345">
        <v>1761647</v>
      </c>
      <c r="MW15" s="345">
        <v>56237342</v>
      </c>
      <c r="MX15" s="345">
        <v>100065803</v>
      </c>
      <c r="MY15" s="345">
        <v>85145664</v>
      </c>
      <c r="MZ15" s="349">
        <v>243638130</v>
      </c>
      <c r="NA15" s="354">
        <v>243638130</v>
      </c>
      <c r="NB15" s="348">
        <v>0</v>
      </c>
      <c r="NC15" s="345">
        <v>0</v>
      </c>
      <c r="ND15" s="349">
        <v>0</v>
      </c>
      <c r="NE15" s="413">
        <v>0</v>
      </c>
      <c r="NF15" s="345">
        <v>9341239</v>
      </c>
      <c r="NG15" s="345">
        <v>17039339</v>
      </c>
      <c r="NH15" s="345">
        <v>30660397</v>
      </c>
      <c r="NI15" s="345">
        <v>32108360</v>
      </c>
      <c r="NJ15" s="345">
        <v>26172611</v>
      </c>
      <c r="NK15" s="349">
        <v>115321946</v>
      </c>
      <c r="NL15" s="347">
        <v>115321946</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214309</v>
      </c>
      <c r="OE15" s="345">
        <v>1623563</v>
      </c>
      <c r="OF15" s="345">
        <v>3535718</v>
      </c>
      <c r="OG15" s="349">
        <v>5373590</v>
      </c>
      <c r="OH15" s="350">
        <v>5373590</v>
      </c>
      <c r="OI15" s="348">
        <v>12877202</v>
      </c>
      <c r="OJ15" s="345">
        <v>15346513</v>
      </c>
      <c r="OK15" s="346">
        <v>28223715</v>
      </c>
      <c r="OL15" s="351">
        <v>0</v>
      </c>
      <c r="OM15" s="345">
        <v>197108045</v>
      </c>
      <c r="ON15" s="345">
        <v>221919601</v>
      </c>
      <c r="OO15" s="345">
        <v>299489563</v>
      </c>
      <c r="OP15" s="345">
        <v>348679964</v>
      </c>
      <c r="OQ15" s="345">
        <v>272543740</v>
      </c>
      <c r="OR15" s="349">
        <v>1339740913</v>
      </c>
      <c r="OS15" s="354">
        <v>1367964628</v>
      </c>
    </row>
    <row r="16" spans="1:409" s="70" customFormat="1" ht="21" customHeight="1" x14ac:dyDescent="0.2">
      <c r="B16" s="410" t="s">
        <v>10</v>
      </c>
      <c r="C16" s="326">
        <v>25908074</v>
      </c>
      <c r="D16" s="327">
        <v>42610107</v>
      </c>
      <c r="E16" s="328">
        <v>68518181</v>
      </c>
      <c r="F16" s="364">
        <v>0</v>
      </c>
      <c r="G16" s="327">
        <v>351556091</v>
      </c>
      <c r="H16" s="327">
        <v>297962792</v>
      </c>
      <c r="I16" s="327">
        <v>261673608</v>
      </c>
      <c r="J16" s="327">
        <v>261414152</v>
      </c>
      <c r="K16" s="327">
        <v>200799867</v>
      </c>
      <c r="L16" s="329">
        <v>1373406510</v>
      </c>
      <c r="M16" s="330">
        <v>1441924691</v>
      </c>
      <c r="N16" s="326">
        <v>6506884</v>
      </c>
      <c r="O16" s="327">
        <v>13794926</v>
      </c>
      <c r="P16" s="328">
        <v>20301810</v>
      </c>
      <c r="Q16" s="326">
        <v>0</v>
      </c>
      <c r="R16" s="327">
        <v>108922723</v>
      </c>
      <c r="S16" s="327">
        <v>99692180</v>
      </c>
      <c r="T16" s="327">
        <v>96910887</v>
      </c>
      <c r="U16" s="327">
        <v>111421517</v>
      </c>
      <c r="V16" s="327">
        <v>108525319</v>
      </c>
      <c r="W16" s="328">
        <v>525472626</v>
      </c>
      <c r="X16" s="330">
        <v>545774436</v>
      </c>
      <c r="Y16" s="326">
        <v>0</v>
      </c>
      <c r="Z16" s="327">
        <v>0</v>
      </c>
      <c r="AA16" s="328">
        <v>0</v>
      </c>
      <c r="AB16" s="326">
        <v>0</v>
      </c>
      <c r="AC16" s="327">
        <v>49480145</v>
      </c>
      <c r="AD16" s="327">
        <v>50147723</v>
      </c>
      <c r="AE16" s="327">
        <v>60203512</v>
      </c>
      <c r="AF16" s="327">
        <v>71798944</v>
      </c>
      <c r="AG16" s="327">
        <v>66080406</v>
      </c>
      <c r="AH16" s="328">
        <v>297710730</v>
      </c>
      <c r="AI16" s="330">
        <v>297710730</v>
      </c>
      <c r="AJ16" s="326">
        <v>0</v>
      </c>
      <c r="AK16" s="327">
        <v>36545</v>
      </c>
      <c r="AL16" s="328">
        <v>36545</v>
      </c>
      <c r="AM16" s="326">
        <v>0</v>
      </c>
      <c r="AN16" s="327">
        <v>227328</v>
      </c>
      <c r="AO16" s="327">
        <v>1520959</v>
      </c>
      <c r="AP16" s="327">
        <v>2377290</v>
      </c>
      <c r="AQ16" s="327">
        <v>4964642</v>
      </c>
      <c r="AR16" s="327">
        <v>11226037</v>
      </c>
      <c r="AS16" s="328">
        <v>20316256</v>
      </c>
      <c r="AT16" s="330">
        <v>20352801</v>
      </c>
      <c r="AU16" s="326">
        <v>3766073</v>
      </c>
      <c r="AV16" s="327">
        <v>9087163</v>
      </c>
      <c r="AW16" s="328">
        <v>12853236</v>
      </c>
      <c r="AX16" s="326">
        <v>0</v>
      </c>
      <c r="AY16" s="327">
        <v>36245093</v>
      </c>
      <c r="AZ16" s="327">
        <v>27106313</v>
      </c>
      <c r="BA16" s="327">
        <v>16862824</v>
      </c>
      <c r="BB16" s="327">
        <v>17387817</v>
      </c>
      <c r="BC16" s="327">
        <v>16982491</v>
      </c>
      <c r="BD16" s="328">
        <v>114584538</v>
      </c>
      <c r="BE16" s="330">
        <v>127437774</v>
      </c>
      <c r="BF16" s="326">
        <v>553386</v>
      </c>
      <c r="BG16" s="327">
        <v>1341296</v>
      </c>
      <c r="BH16" s="331">
        <v>1894682</v>
      </c>
      <c r="BI16" s="332">
        <v>0</v>
      </c>
      <c r="BJ16" s="327">
        <v>3262917</v>
      </c>
      <c r="BK16" s="327">
        <v>3545628</v>
      </c>
      <c r="BL16" s="327">
        <v>2288500</v>
      </c>
      <c r="BM16" s="327">
        <v>1309592</v>
      </c>
      <c r="BN16" s="327">
        <v>1409980</v>
      </c>
      <c r="BO16" s="328">
        <v>11816617</v>
      </c>
      <c r="BP16" s="330">
        <v>13711299</v>
      </c>
      <c r="BQ16" s="326">
        <v>2187425</v>
      </c>
      <c r="BR16" s="327">
        <v>3329922</v>
      </c>
      <c r="BS16" s="328">
        <v>5517347</v>
      </c>
      <c r="BT16" s="326">
        <v>0</v>
      </c>
      <c r="BU16" s="327">
        <v>19707240</v>
      </c>
      <c r="BV16" s="327">
        <v>17371557</v>
      </c>
      <c r="BW16" s="327">
        <v>15178761</v>
      </c>
      <c r="BX16" s="327">
        <v>15960522</v>
      </c>
      <c r="BY16" s="327">
        <v>12826405</v>
      </c>
      <c r="BZ16" s="328">
        <v>81044485</v>
      </c>
      <c r="CA16" s="330">
        <v>86561832</v>
      </c>
      <c r="CB16" s="326">
        <v>1159801</v>
      </c>
      <c r="CC16" s="327">
        <v>3359788</v>
      </c>
      <c r="CD16" s="328">
        <v>4519589</v>
      </c>
      <c r="CE16" s="326">
        <v>0</v>
      </c>
      <c r="CF16" s="327">
        <v>103546231</v>
      </c>
      <c r="CG16" s="327">
        <v>78884818</v>
      </c>
      <c r="CH16" s="327">
        <v>53285678</v>
      </c>
      <c r="CI16" s="327">
        <v>36612744</v>
      </c>
      <c r="CJ16" s="327">
        <v>20162880</v>
      </c>
      <c r="CK16" s="328">
        <v>292492351</v>
      </c>
      <c r="CL16" s="330">
        <v>297011940</v>
      </c>
      <c r="CM16" s="326">
        <v>0</v>
      </c>
      <c r="CN16" s="327">
        <v>0</v>
      </c>
      <c r="CO16" s="328">
        <v>0</v>
      </c>
      <c r="CP16" s="332">
        <v>0</v>
      </c>
      <c r="CQ16" s="327">
        <v>91912937</v>
      </c>
      <c r="CR16" s="327">
        <v>65750008</v>
      </c>
      <c r="CS16" s="327">
        <v>44952895</v>
      </c>
      <c r="CT16" s="327">
        <v>30816167</v>
      </c>
      <c r="CU16" s="327">
        <v>16951758</v>
      </c>
      <c r="CV16" s="328">
        <v>250383765</v>
      </c>
      <c r="CW16" s="330">
        <v>250383765</v>
      </c>
      <c r="CX16" s="326">
        <v>1159801</v>
      </c>
      <c r="CY16" s="327">
        <v>3359788</v>
      </c>
      <c r="CZ16" s="328">
        <v>4519589</v>
      </c>
      <c r="DA16" s="326">
        <v>0</v>
      </c>
      <c r="DB16" s="327">
        <v>11633294</v>
      </c>
      <c r="DC16" s="327">
        <v>13134810</v>
      </c>
      <c r="DD16" s="327">
        <v>8332783</v>
      </c>
      <c r="DE16" s="327">
        <v>5796577</v>
      </c>
      <c r="DF16" s="327">
        <v>3211122</v>
      </c>
      <c r="DG16" s="328">
        <v>42108586</v>
      </c>
      <c r="DH16" s="330">
        <v>46628175</v>
      </c>
      <c r="DI16" s="326">
        <v>103305</v>
      </c>
      <c r="DJ16" s="327">
        <v>668013</v>
      </c>
      <c r="DK16" s="331">
        <v>771318</v>
      </c>
      <c r="DL16" s="332">
        <v>0</v>
      </c>
      <c r="DM16" s="327">
        <v>11025216</v>
      </c>
      <c r="DN16" s="327">
        <v>13290816</v>
      </c>
      <c r="DO16" s="327">
        <v>22663526</v>
      </c>
      <c r="DP16" s="327">
        <v>21109705</v>
      </c>
      <c r="DQ16" s="327">
        <v>11082622</v>
      </c>
      <c r="DR16" s="328">
        <v>79171885</v>
      </c>
      <c r="DS16" s="330">
        <v>79943203</v>
      </c>
      <c r="DT16" s="326">
        <v>103305</v>
      </c>
      <c r="DU16" s="327">
        <v>617757</v>
      </c>
      <c r="DV16" s="328">
        <v>721062</v>
      </c>
      <c r="DW16" s="326">
        <v>0</v>
      </c>
      <c r="DX16" s="327">
        <v>10447846</v>
      </c>
      <c r="DY16" s="327">
        <v>12463934</v>
      </c>
      <c r="DZ16" s="327">
        <v>21578757</v>
      </c>
      <c r="EA16" s="327">
        <v>19193499</v>
      </c>
      <c r="EB16" s="327">
        <v>10517277</v>
      </c>
      <c r="EC16" s="328">
        <v>74201313</v>
      </c>
      <c r="ED16" s="330">
        <v>74922375</v>
      </c>
      <c r="EE16" s="326">
        <v>0</v>
      </c>
      <c r="EF16" s="331">
        <v>50256</v>
      </c>
      <c r="EG16" s="328">
        <v>50256</v>
      </c>
      <c r="EH16" s="326">
        <v>0</v>
      </c>
      <c r="EI16" s="327">
        <v>577370</v>
      </c>
      <c r="EJ16" s="327">
        <v>826882</v>
      </c>
      <c r="EK16" s="327">
        <v>1084769</v>
      </c>
      <c r="EL16" s="327">
        <v>1916206</v>
      </c>
      <c r="EM16" s="327">
        <v>565345</v>
      </c>
      <c r="EN16" s="331">
        <v>4970572</v>
      </c>
      <c r="EO16" s="330">
        <v>5020828</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7907183</v>
      </c>
      <c r="FM16" s="327">
        <v>10368810</v>
      </c>
      <c r="FN16" s="328">
        <v>18275993</v>
      </c>
      <c r="FO16" s="326">
        <v>0</v>
      </c>
      <c r="FP16" s="327">
        <v>20085421</v>
      </c>
      <c r="FQ16" s="327">
        <v>27155748</v>
      </c>
      <c r="FR16" s="327">
        <v>19413537</v>
      </c>
      <c r="FS16" s="327">
        <v>19343047</v>
      </c>
      <c r="FT16" s="327">
        <v>14821829</v>
      </c>
      <c r="FU16" s="328">
        <v>100819582</v>
      </c>
      <c r="FV16" s="330">
        <v>119095575</v>
      </c>
      <c r="FW16" s="333">
        <v>5137907</v>
      </c>
      <c r="FX16" s="327">
        <v>8479230</v>
      </c>
      <c r="FY16" s="331">
        <v>13617137</v>
      </c>
      <c r="FZ16" s="332">
        <v>0</v>
      </c>
      <c r="GA16" s="327">
        <v>16905208</v>
      </c>
      <c r="GB16" s="327">
        <v>25072149</v>
      </c>
      <c r="GC16" s="327">
        <v>18463404</v>
      </c>
      <c r="GD16" s="327">
        <v>19008114</v>
      </c>
      <c r="GE16" s="327">
        <v>14297874</v>
      </c>
      <c r="GF16" s="328">
        <v>93746749</v>
      </c>
      <c r="GG16" s="334">
        <v>107363886</v>
      </c>
      <c r="GH16" s="333">
        <v>517982</v>
      </c>
      <c r="GI16" s="327">
        <v>605219</v>
      </c>
      <c r="GJ16" s="331">
        <v>1123201</v>
      </c>
      <c r="GK16" s="332">
        <v>0</v>
      </c>
      <c r="GL16" s="327">
        <v>995014</v>
      </c>
      <c r="GM16" s="327">
        <v>897461</v>
      </c>
      <c r="GN16" s="327">
        <v>601401</v>
      </c>
      <c r="GO16" s="327">
        <v>255833</v>
      </c>
      <c r="GP16" s="327">
        <v>138285</v>
      </c>
      <c r="GQ16" s="328">
        <v>2887994</v>
      </c>
      <c r="GR16" s="330">
        <v>4011195</v>
      </c>
      <c r="GS16" s="326">
        <v>2251294</v>
      </c>
      <c r="GT16" s="327">
        <v>1284361</v>
      </c>
      <c r="GU16" s="328">
        <v>3535655</v>
      </c>
      <c r="GV16" s="326">
        <v>0</v>
      </c>
      <c r="GW16" s="327">
        <v>2185199</v>
      </c>
      <c r="GX16" s="327">
        <v>1186138</v>
      </c>
      <c r="GY16" s="327">
        <v>348732</v>
      </c>
      <c r="GZ16" s="327">
        <v>79100</v>
      </c>
      <c r="HA16" s="327">
        <v>385670</v>
      </c>
      <c r="HB16" s="331">
        <v>4184839</v>
      </c>
      <c r="HC16" s="330">
        <v>7720494</v>
      </c>
      <c r="HD16" s="326">
        <v>4199423</v>
      </c>
      <c r="HE16" s="327">
        <v>6722641</v>
      </c>
      <c r="HF16" s="331">
        <v>10922064</v>
      </c>
      <c r="HG16" s="332">
        <v>0</v>
      </c>
      <c r="HH16" s="327">
        <v>51736756</v>
      </c>
      <c r="HI16" s="327">
        <v>47382872</v>
      </c>
      <c r="HJ16" s="327">
        <v>47934603</v>
      </c>
      <c r="HK16" s="327">
        <v>56238218</v>
      </c>
      <c r="HL16" s="327">
        <v>35103425</v>
      </c>
      <c r="HM16" s="328">
        <v>238395874</v>
      </c>
      <c r="HN16" s="329">
        <v>249317938</v>
      </c>
      <c r="HO16" s="333">
        <v>6031478</v>
      </c>
      <c r="HP16" s="327">
        <v>7695929</v>
      </c>
      <c r="HQ16" s="328">
        <v>13727407</v>
      </c>
      <c r="HR16" s="326">
        <v>0</v>
      </c>
      <c r="HS16" s="327">
        <v>56239744</v>
      </c>
      <c r="HT16" s="327">
        <v>31556358</v>
      </c>
      <c r="HU16" s="327">
        <v>21465377</v>
      </c>
      <c r="HV16" s="327">
        <v>16688921</v>
      </c>
      <c r="HW16" s="327">
        <v>11103792</v>
      </c>
      <c r="HX16" s="331">
        <v>137054192</v>
      </c>
      <c r="HY16" s="330">
        <v>150781599</v>
      </c>
      <c r="HZ16" s="358">
        <v>607472</v>
      </c>
      <c r="IA16" s="356">
        <v>2265660</v>
      </c>
      <c r="IB16" s="358">
        <v>2873132</v>
      </c>
      <c r="IC16" s="355">
        <v>0</v>
      </c>
      <c r="ID16" s="356">
        <v>77729516</v>
      </c>
      <c r="IE16" s="357">
        <v>71822149</v>
      </c>
      <c r="IF16" s="358">
        <v>81784724</v>
      </c>
      <c r="IG16" s="356">
        <v>79531503</v>
      </c>
      <c r="IH16" s="358">
        <v>68654726</v>
      </c>
      <c r="II16" s="359">
        <v>379522618</v>
      </c>
      <c r="IJ16" s="358">
        <v>382395750</v>
      </c>
      <c r="IK16" s="342">
        <v>0</v>
      </c>
      <c r="IL16" s="343">
        <v>0</v>
      </c>
      <c r="IM16" s="344">
        <v>0</v>
      </c>
      <c r="IN16" s="404">
        <v>0</v>
      </c>
      <c r="IO16" s="345">
        <v>1509513</v>
      </c>
      <c r="IP16" s="345">
        <v>1914160</v>
      </c>
      <c r="IQ16" s="345">
        <v>2608731</v>
      </c>
      <c r="IR16" s="345">
        <v>4225121</v>
      </c>
      <c r="IS16" s="345">
        <v>4596680</v>
      </c>
      <c r="IT16" s="346">
        <v>14854205</v>
      </c>
      <c r="IU16" s="347">
        <v>14854205</v>
      </c>
      <c r="IV16" s="348">
        <v>0</v>
      </c>
      <c r="IW16" s="345">
        <v>0</v>
      </c>
      <c r="IX16" s="349">
        <v>0</v>
      </c>
      <c r="IY16" s="413">
        <v>0</v>
      </c>
      <c r="IZ16" s="345">
        <v>128641</v>
      </c>
      <c r="JA16" s="345">
        <v>41153</v>
      </c>
      <c r="JB16" s="345">
        <v>95433</v>
      </c>
      <c r="JC16" s="345">
        <v>219991</v>
      </c>
      <c r="JD16" s="345">
        <v>186758</v>
      </c>
      <c r="JE16" s="349">
        <v>671976</v>
      </c>
      <c r="JF16" s="350">
        <v>671976</v>
      </c>
      <c r="JG16" s="348">
        <v>0</v>
      </c>
      <c r="JH16" s="345">
        <v>0</v>
      </c>
      <c r="JI16" s="346">
        <v>0</v>
      </c>
      <c r="JJ16" s="351">
        <v>0</v>
      </c>
      <c r="JK16" s="345">
        <v>24941760</v>
      </c>
      <c r="JL16" s="345">
        <v>14279249</v>
      </c>
      <c r="JM16" s="345">
        <v>10599492</v>
      </c>
      <c r="JN16" s="345">
        <v>7563760</v>
      </c>
      <c r="JO16" s="345">
        <v>1875237</v>
      </c>
      <c r="JP16" s="349">
        <v>59259498</v>
      </c>
      <c r="JQ16" s="347">
        <v>59259498</v>
      </c>
      <c r="JR16" s="348">
        <v>0</v>
      </c>
      <c r="JS16" s="345">
        <v>47259</v>
      </c>
      <c r="JT16" s="346">
        <v>47259</v>
      </c>
      <c r="JU16" s="351">
        <v>0</v>
      </c>
      <c r="JV16" s="345">
        <v>990921</v>
      </c>
      <c r="JW16" s="345">
        <v>942076</v>
      </c>
      <c r="JX16" s="345">
        <v>3363410</v>
      </c>
      <c r="JY16" s="345">
        <v>1722867</v>
      </c>
      <c r="JZ16" s="345">
        <v>1690697</v>
      </c>
      <c r="KA16" s="349">
        <v>8709971</v>
      </c>
      <c r="KB16" s="347">
        <v>8757230</v>
      </c>
      <c r="KC16" s="352">
        <v>607472</v>
      </c>
      <c r="KD16" s="353">
        <v>1460206</v>
      </c>
      <c r="KE16" s="349">
        <v>2067678</v>
      </c>
      <c r="KF16" s="351">
        <v>0</v>
      </c>
      <c r="KG16" s="345">
        <v>12918250</v>
      </c>
      <c r="KH16" s="345">
        <v>13128476</v>
      </c>
      <c r="KI16" s="345">
        <v>18019137</v>
      </c>
      <c r="KJ16" s="345">
        <v>12924581</v>
      </c>
      <c r="KK16" s="345">
        <v>16162819</v>
      </c>
      <c r="KL16" s="349">
        <v>73153263</v>
      </c>
      <c r="KM16" s="354">
        <v>75220941</v>
      </c>
      <c r="KN16" s="342">
        <v>0</v>
      </c>
      <c r="KO16" s="343">
        <v>758195</v>
      </c>
      <c r="KP16" s="344">
        <v>758195</v>
      </c>
      <c r="KQ16" s="413">
        <v>0</v>
      </c>
      <c r="KR16" s="345">
        <v>27216266</v>
      </c>
      <c r="KS16" s="345">
        <v>29438757</v>
      </c>
      <c r="KT16" s="345">
        <v>33558971</v>
      </c>
      <c r="KU16" s="345">
        <v>22977052</v>
      </c>
      <c r="KV16" s="345">
        <v>21634041</v>
      </c>
      <c r="KW16" s="349">
        <v>134825087</v>
      </c>
      <c r="KX16" s="347">
        <v>135583282</v>
      </c>
      <c r="KY16" s="348">
        <v>0</v>
      </c>
      <c r="KZ16" s="345">
        <v>0</v>
      </c>
      <c r="LA16" s="349">
        <v>0</v>
      </c>
      <c r="LB16" s="413">
        <v>0</v>
      </c>
      <c r="LC16" s="345">
        <v>5329236</v>
      </c>
      <c r="LD16" s="345">
        <v>5078660</v>
      </c>
      <c r="LE16" s="345">
        <v>5858516</v>
      </c>
      <c r="LF16" s="345">
        <v>8408991</v>
      </c>
      <c r="LG16" s="345">
        <v>6949327</v>
      </c>
      <c r="LH16" s="349">
        <v>31624730</v>
      </c>
      <c r="LI16" s="350">
        <v>31624730</v>
      </c>
      <c r="LJ16" s="348">
        <v>0</v>
      </c>
      <c r="LK16" s="345">
        <v>0</v>
      </c>
      <c r="LL16" s="349">
        <v>0</v>
      </c>
      <c r="LM16" s="413">
        <v>0</v>
      </c>
      <c r="LN16" s="345">
        <v>0</v>
      </c>
      <c r="LO16" s="345">
        <v>214644</v>
      </c>
      <c r="LP16" s="345">
        <v>990719</v>
      </c>
      <c r="LQ16" s="345">
        <v>6108086</v>
      </c>
      <c r="LR16" s="345">
        <v>4586023</v>
      </c>
      <c r="LS16" s="349">
        <v>11899472</v>
      </c>
      <c r="LT16" s="347">
        <v>11899472</v>
      </c>
      <c r="LU16" s="348">
        <v>0</v>
      </c>
      <c r="LV16" s="345">
        <v>0</v>
      </c>
      <c r="LW16" s="349">
        <v>0</v>
      </c>
      <c r="LX16" s="413">
        <v>0</v>
      </c>
      <c r="LY16" s="345">
        <v>4694929</v>
      </c>
      <c r="LZ16" s="345">
        <v>6784974</v>
      </c>
      <c r="MA16" s="345">
        <v>6690315</v>
      </c>
      <c r="MB16" s="345">
        <v>15381054</v>
      </c>
      <c r="MC16" s="345">
        <v>10973144</v>
      </c>
      <c r="MD16" s="349">
        <v>44524416</v>
      </c>
      <c r="ME16" s="350">
        <v>44524416</v>
      </c>
      <c r="MF16" s="348">
        <v>0</v>
      </c>
      <c r="MG16" s="345">
        <v>0</v>
      </c>
      <c r="MH16" s="349">
        <v>0</v>
      </c>
      <c r="MI16" s="413">
        <v>0</v>
      </c>
      <c r="MJ16" s="345">
        <v>24521849</v>
      </c>
      <c r="MK16" s="345">
        <v>44494382</v>
      </c>
      <c r="ML16" s="345">
        <v>132353311</v>
      </c>
      <c r="MM16" s="345">
        <v>239144094</v>
      </c>
      <c r="MN16" s="345">
        <v>174547209</v>
      </c>
      <c r="MO16" s="349">
        <v>615060845</v>
      </c>
      <c r="MP16" s="354">
        <v>615060845</v>
      </c>
      <c r="MQ16" s="348">
        <v>0</v>
      </c>
      <c r="MR16" s="345">
        <v>0</v>
      </c>
      <c r="MS16" s="349">
        <v>0</v>
      </c>
      <c r="MT16" s="413">
        <v>0</v>
      </c>
      <c r="MU16" s="345">
        <v>3256208</v>
      </c>
      <c r="MV16" s="345">
        <v>12988789</v>
      </c>
      <c r="MW16" s="345">
        <v>86488018</v>
      </c>
      <c r="MX16" s="345">
        <v>176169547</v>
      </c>
      <c r="MY16" s="345">
        <v>130229570</v>
      </c>
      <c r="MZ16" s="349">
        <v>409132132</v>
      </c>
      <c r="NA16" s="354">
        <v>409132132</v>
      </c>
      <c r="NB16" s="348">
        <v>0</v>
      </c>
      <c r="NC16" s="345">
        <v>0</v>
      </c>
      <c r="ND16" s="349">
        <v>0</v>
      </c>
      <c r="NE16" s="413">
        <v>0</v>
      </c>
      <c r="NF16" s="345">
        <v>21265641</v>
      </c>
      <c r="NG16" s="345">
        <v>31505593</v>
      </c>
      <c r="NH16" s="345">
        <v>45218205</v>
      </c>
      <c r="NI16" s="345">
        <v>61382170</v>
      </c>
      <c r="NJ16" s="345">
        <v>33548030</v>
      </c>
      <c r="NK16" s="349">
        <v>192919639</v>
      </c>
      <c r="NL16" s="347">
        <v>192919639</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0</v>
      </c>
      <c r="OC16" s="345">
        <v>0</v>
      </c>
      <c r="OD16" s="345">
        <v>647088</v>
      </c>
      <c r="OE16" s="345">
        <v>1592377</v>
      </c>
      <c r="OF16" s="345">
        <v>10769609</v>
      </c>
      <c r="OG16" s="349">
        <v>13009074</v>
      </c>
      <c r="OH16" s="350">
        <v>13009074</v>
      </c>
      <c r="OI16" s="348">
        <v>26515546</v>
      </c>
      <c r="OJ16" s="345">
        <v>44875767</v>
      </c>
      <c r="OK16" s="346">
        <v>71391313</v>
      </c>
      <c r="OL16" s="351">
        <v>0</v>
      </c>
      <c r="OM16" s="345">
        <v>453807456</v>
      </c>
      <c r="ON16" s="345">
        <v>414279323</v>
      </c>
      <c r="OO16" s="345">
        <v>475811643</v>
      </c>
      <c r="OP16" s="345">
        <v>580089749</v>
      </c>
      <c r="OQ16" s="345">
        <v>444001802</v>
      </c>
      <c r="OR16" s="349">
        <v>2367989973</v>
      </c>
      <c r="OS16" s="354">
        <v>2439381286</v>
      </c>
    </row>
    <row r="17" spans="2:409" s="70" customFormat="1" ht="21" customHeight="1" x14ac:dyDescent="0.2">
      <c r="B17" s="410" t="s">
        <v>11</v>
      </c>
      <c r="C17" s="326">
        <v>12559124</v>
      </c>
      <c r="D17" s="327">
        <v>17142121</v>
      </c>
      <c r="E17" s="365">
        <v>29701245</v>
      </c>
      <c r="F17" s="332">
        <v>0</v>
      </c>
      <c r="G17" s="327">
        <v>157153466</v>
      </c>
      <c r="H17" s="327">
        <v>141597318</v>
      </c>
      <c r="I17" s="327">
        <v>132590712</v>
      </c>
      <c r="J17" s="327">
        <v>147132170</v>
      </c>
      <c r="K17" s="327">
        <v>100079021</v>
      </c>
      <c r="L17" s="329">
        <v>678552687</v>
      </c>
      <c r="M17" s="330">
        <v>708253932</v>
      </c>
      <c r="N17" s="326">
        <v>1684312</v>
      </c>
      <c r="O17" s="327">
        <v>3065946</v>
      </c>
      <c r="P17" s="328">
        <v>4750258</v>
      </c>
      <c r="Q17" s="326">
        <v>0</v>
      </c>
      <c r="R17" s="327">
        <v>37471366</v>
      </c>
      <c r="S17" s="327">
        <v>38270191</v>
      </c>
      <c r="T17" s="327">
        <v>41421067</v>
      </c>
      <c r="U17" s="327">
        <v>51334410</v>
      </c>
      <c r="V17" s="327">
        <v>49491162</v>
      </c>
      <c r="W17" s="328">
        <v>217988196</v>
      </c>
      <c r="X17" s="330">
        <v>222738454</v>
      </c>
      <c r="Y17" s="326">
        <v>0</v>
      </c>
      <c r="Z17" s="327">
        <v>0</v>
      </c>
      <c r="AA17" s="328">
        <v>0</v>
      </c>
      <c r="AB17" s="326">
        <v>0</v>
      </c>
      <c r="AC17" s="327">
        <v>17660200</v>
      </c>
      <c r="AD17" s="327">
        <v>20214084</v>
      </c>
      <c r="AE17" s="327">
        <v>24074824</v>
      </c>
      <c r="AF17" s="327">
        <v>30012036</v>
      </c>
      <c r="AG17" s="327">
        <v>31774679</v>
      </c>
      <c r="AH17" s="328">
        <v>123735823</v>
      </c>
      <c r="AI17" s="330">
        <v>123735823</v>
      </c>
      <c r="AJ17" s="326">
        <v>0</v>
      </c>
      <c r="AK17" s="327">
        <v>0</v>
      </c>
      <c r="AL17" s="328">
        <v>0</v>
      </c>
      <c r="AM17" s="326">
        <v>0</v>
      </c>
      <c r="AN17" s="327">
        <v>117490</v>
      </c>
      <c r="AO17" s="327">
        <v>427318</v>
      </c>
      <c r="AP17" s="327">
        <v>1182818</v>
      </c>
      <c r="AQ17" s="327">
        <v>3295516</v>
      </c>
      <c r="AR17" s="327">
        <v>4716024</v>
      </c>
      <c r="AS17" s="328">
        <v>9739166</v>
      </c>
      <c r="AT17" s="330">
        <v>9739166</v>
      </c>
      <c r="AU17" s="326">
        <v>1086417</v>
      </c>
      <c r="AV17" s="327">
        <v>2347314</v>
      </c>
      <c r="AW17" s="328">
        <v>3433731</v>
      </c>
      <c r="AX17" s="326">
        <v>0</v>
      </c>
      <c r="AY17" s="327">
        <v>12957244</v>
      </c>
      <c r="AZ17" s="327">
        <v>10054092</v>
      </c>
      <c r="BA17" s="327">
        <v>9249626</v>
      </c>
      <c r="BB17" s="327">
        <v>10530822</v>
      </c>
      <c r="BC17" s="327">
        <v>8507269</v>
      </c>
      <c r="BD17" s="328">
        <v>51299053</v>
      </c>
      <c r="BE17" s="330">
        <v>54732784</v>
      </c>
      <c r="BF17" s="326">
        <v>58834</v>
      </c>
      <c r="BG17" s="327">
        <v>233968</v>
      </c>
      <c r="BH17" s="331">
        <v>292802</v>
      </c>
      <c r="BI17" s="332">
        <v>0</v>
      </c>
      <c r="BJ17" s="327">
        <v>947437</v>
      </c>
      <c r="BK17" s="327">
        <v>682614</v>
      </c>
      <c r="BL17" s="327">
        <v>902432</v>
      </c>
      <c r="BM17" s="327">
        <v>991589</v>
      </c>
      <c r="BN17" s="327">
        <v>123662</v>
      </c>
      <c r="BO17" s="328">
        <v>3647734</v>
      </c>
      <c r="BP17" s="330">
        <v>3940536</v>
      </c>
      <c r="BQ17" s="326">
        <v>539061</v>
      </c>
      <c r="BR17" s="327">
        <v>484664</v>
      </c>
      <c r="BS17" s="328">
        <v>1023725</v>
      </c>
      <c r="BT17" s="326">
        <v>0</v>
      </c>
      <c r="BU17" s="327">
        <v>5788995</v>
      </c>
      <c r="BV17" s="327">
        <v>6892083</v>
      </c>
      <c r="BW17" s="327">
        <v>6011367</v>
      </c>
      <c r="BX17" s="327">
        <v>6504447</v>
      </c>
      <c r="BY17" s="327">
        <v>4369528</v>
      </c>
      <c r="BZ17" s="328">
        <v>29566420</v>
      </c>
      <c r="CA17" s="330">
        <v>30590145</v>
      </c>
      <c r="CB17" s="326">
        <v>2774981</v>
      </c>
      <c r="CC17" s="327">
        <v>3618672</v>
      </c>
      <c r="CD17" s="328">
        <v>6393653</v>
      </c>
      <c r="CE17" s="326">
        <v>0</v>
      </c>
      <c r="CF17" s="327">
        <v>46679900</v>
      </c>
      <c r="CG17" s="327">
        <v>39375667</v>
      </c>
      <c r="CH17" s="327">
        <v>33595632</v>
      </c>
      <c r="CI17" s="327">
        <v>26682622</v>
      </c>
      <c r="CJ17" s="327">
        <v>11852033</v>
      </c>
      <c r="CK17" s="328">
        <v>158185854</v>
      </c>
      <c r="CL17" s="330">
        <v>164579507</v>
      </c>
      <c r="CM17" s="326">
        <v>0</v>
      </c>
      <c r="CN17" s="327">
        <v>0</v>
      </c>
      <c r="CO17" s="328">
        <v>0</v>
      </c>
      <c r="CP17" s="332">
        <v>0</v>
      </c>
      <c r="CQ17" s="327">
        <v>37138444</v>
      </c>
      <c r="CR17" s="327">
        <v>31121667</v>
      </c>
      <c r="CS17" s="327">
        <v>27699490</v>
      </c>
      <c r="CT17" s="327">
        <v>20977670</v>
      </c>
      <c r="CU17" s="327">
        <v>8975768</v>
      </c>
      <c r="CV17" s="328">
        <v>125913039</v>
      </c>
      <c r="CW17" s="330">
        <v>125913039</v>
      </c>
      <c r="CX17" s="326">
        <v>2774981</v>
      </c>
      <c r="CY17" s="327">
        <v>3618672</v>
      </c>
      <c r="CZ17" s="328">
        <v>6393653</v>
      </c>
      <c r="DA17" s="326">
        <v>0</v>
      </c>
      <c r="DB17" s="327">
        <v>9541456</v>
      </c>
      <c r="DC17" s="327">
        <v>8254000</v>
      </c>
      <c r="DD17" s="327">
        <v>5896142</v>
      </c>
      <c r="DE17" s="327">
        <v>5704952</v>
      </c>
      <c r="DF17" s="327">
        <v>2876265</v>
      </c>
      <c r="DG17" s="328">
        <v>32272815</v>
      </c>
      <c r="DH17" s="330">
        <v>38666468</v>
      </c>
      <c r="DI17" s="326">
        <v>159407</v>
      </c>
      <c r="DJ17" s="327">
        <v>505302</v>
      </c>
      <c r="DK17" s="331">
        <v>664709</v>
      </c>
      <c r="DL17" s="332">
        <v>0</v>
      </c>
      <c r="DM17" s="327">
        <v>5627519</v>
      </c>
      <c r="DN17" s="327">
        <v>5443144</v>
      </c>
      <c r="DO17" s="327">
        <v>11067776</v>
      </c>
      <c r="DP17" s="327">
        <v>11618849</v>
      </c>
      <c r="DQ17" s="327">
        <v>6520469</v>
      </c>
      <c r="DR17" s="328">
        <v>40277757</v>
      </c>
      <c r="DS17" s="330">
        <v>40942466</v>
      </c>
      <c r="DT17" s="326">
        <v>159407</v>
      </c>
      <c r="DU17" s="327">
        <v>410491</v>
      </c>
      <c r="DV17" s="328">
        <v>569898</v>
      </c>
      <c r="DW17" s="326">
        <v>0</v>
      </c>
      <c r="DX17" s="327">
        <v>5299038</v>
      </c>
      <c r="DY17" s="327">
        <v>5281496</v>
      </c>
      <c r="DZ17" s="327">
        <v>10270049</v>
      </c>
      <c r="EA17" s="327">
        <v>11103007</v>
      </c>
      <c r="EB17" s="327">
        <v>5436026</v>
      </c>
      <c r="EC17" s="328">
        <v>37389616</v>
      </c>
      <c r="ED17" s="330">
        <v>37959514</v>
      </c>
      <c r="EE17" s="326">
        <v>0</v>
      </c>
      <c r="EF17" s="331">
        <v>94811</v>
      </c>
      <c r="EG17" s="328">
        <v>94811</v>
      </c>
      <c r="EH17" s="326">
        <v>0</v>
      </c>
      <c r="EI17" s="327">
        <v>328481</v>
      </c>
      <c r="EJ17" s="327">
        <v>161648</v>
      </c>
      <c r="EK17" s="327">
        <v>797727</v>
      </c>
      <c r="EL17" s="327">
        <v>515842</v>
      </c>
      <c r="EM17" s="327">
        <v>1084443</v>
      </c>
      <c r="EN17" s="331">
        <v>2888141</v>
      </c>
      <c r="EO17" s="330">
        <v>2982952</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2861524</v>
      </c>
      <c r="FM17" s="327">
        <v>4103408</v>
      </c>
      <c r="FN17" s="328">
        <v>6964932</v>
      </c>
      <c r="FO17" s="326">
        <v>0</v>
      </c>
      <c r="FP17" s="327">
        <v>8695819</v>
      </c>
      <c r="FQ17" s="327">
        <v>12896114</v>
      </c>
      <c r="FR17" s="327">
        <v>11041715</v>
      </c>
      <c r="FS17" s="327">
        <v>11031060</v>
      </c>
      <c r="FT17" s="327">
        <v>6922893</v>
      </c>
      <c r="FU17" s="328">
        <v>50587601</v>
      </c>
      <c r="FV17" s="330">
        <v>57552533</v>
      </c>
      <c r="FW17" s="333">
        <v>2209515</v>
      </c>
      <c r="FX17" s="327">
        <v>3178579</v>
      </c>
      <c r="FY17" s="331">
        <v>5388094</v>
      </c>
      <c r="FZ17" s="332">
        <v>0</v>
      </c>
      <c r="GA17" s="327">
        <v>6767770</v>
      </c>
      <c r="GB17" s="327">
        <v>11644733</v>
      </c>
      <c r="GC17" s="327">
        <v>9811040</v>
      </c>
      <c r="GD17" s="327">
        <v>10399188</v>
      </c>
      <c r="GE17" s="327">
        <v>6870357</v>
      </c>
      <c r="GF17" s="328">
        <v>45493088</v>
      </c>
      <c r="GG17" s="334">
        <v>50881182</v>
      </c>
      <c r="GH17" s="333">
        <v>208570</v>
      </c>
      <c r="GI17" s="327">
        <v>346279</v>
      </c>
      <c r="GJ17" s="331">
        <v>554849</v>
      </c>
      <c r="GK17" s="332">
        <v>0</v>
      </c>
      <c r="GL17" s="327">
        <v>619042</v>
      </c>
      <c r="GM17" s="327">
        <v>368898</v>
      </c>
      <c r="GN17" s="327">
        <v>376768</v>
      </c>
      <c r="GO17" s="327">
        <v>309852</v>
      </c>
      <c r="GP17" s="327">
        <v>52536</v>
      </c>
      <c r="GQ17" s="328">
        <v>1727096</v>
      </c>
      <c r="GR17" s="330">
        <v>2281945</v>
      </c>
      <c r="GS17" s="326">
        <v>443439</v>
      </c>
      <c r="GT17" s="327">
        <v>578550</v>
      </c>
      <c r="GU17" s="328">
        <v>1021989</v>
      </c>
      <c r="GV17" s="326">
        <v>0</v>
      </c>
      <c r="GW17" s="327">
        <v>1309007</v>
      </c>
      <c r="GX17" s="327">
        <v>882483</v>
      </c>
      <c r="GY17" s="327">
        <v>853907</v>
      </c>
      <c r="GZ17" s="327">
        <v>322020</v>
      </c>
      <c r="HA17" s="327">
        <v>0</v>
      </c>
      <c r="HB17" s="331">
        <v>3367417</v>
      </c>
      <c r="HC17" s="330">
        <v>4389406</v>
      </c>
      <c r="HD17" s="326">
        <v>2389638</v>
      </c>
      <c r="HE17" s="327">
        <v>2927675</v>
      </c>
      <c r="HF17" s="331">
        <v>5317313</v>
      </c>
      <c r="HG17" s="332">
        <v>0</v>
      </c>
      <c r="HH17" s="327">
        <v>30911938</v>
      </c>
      <c r="HI17" s="327">
        <v>28236827</v>
      </c>
      <c r="HJ17" s="327">
        <v>21948260</v>
      </c>
      <c r="HK17" s="327">
        <v>35596374</v>
      </c>
      <c r="HL17" s="327">
        <v>19663621</v>
      </c>
      <c r="HM17" s="328">
        <v>136357020</v>
      </c>
      <c r="HN17" s="329">
        <v>141674333</v>
      </c>
      <c r="HO17" s="333">
        <v>2689262</v>
      </c>
      <c r="HP17" s="327">
        <v>2921118</v>
      </c>
      <c r="HQ17" s="328">
        <v>5610380</v>
      </c>
      <c r="HR17" s="326">
        <v>0</v>
      </c>
      <c r="HS17" s="327">
        <v>27766924</v>
      </c>
      <c r="HT17" s="327">
        <v>17375375</v>
      </c>
      <c r="HU17" s="327">
        <v>13516262</v>
      </c>
      <c r="HV17" s="327">
        <v>10868855</v>
      </c>
      <c r="HW17" s="327">
        <v>5628843</v>
      </c>
      <c r="HX17" s="331">
        <v>75156259</v>
      </c>
      <c r="HY17" s="330">
        <v>80766639</v>
      </c>
      <c r="HZ17" s="335">
        <v>101861</v>
      </c>
      <c r="IA17" s="336">
        <v>843823</v>
      </c>
      <c r="IB17" s="337">
        <v>945684</v>
      </c>
      <c r="IC17" s="338">
        <v>0</v>
      </c>
      <c r="ID17" s="336">
        <v>52262341</v>
      </c>
      <c r="IE17" s="339">
        <v>50304513</v>
      </c>
      <c r="IF17" s="337">
        <v>54472713</v>
      </c>
      <c r="IG17" s="336">
        <v>37985523</v>
      </c>
      <c r="IH17" s="337">
        <v>17162961</v>
      </c>
      <c r="II17" s="340">
        <v>212188051</v>
      </c>
      <c r="IJ17" s="341">
        <v>213133735</v>
      </c>
      <c r="IK17" s="342">
        <v>0</v>
      </c>
      <c r="IL17" s="343">
        <v>0</v>
      </c>
      <c r="IM17" s="344">
        <v>0</v>
      </c>
      <c r="IN17" s="404">
        <v>0</v>
      </c>
      <c r="IO17" s="345">
        <v>675386</v>
      </c>
      <c r="IP17" s="345">
        <v>731851</v>
      </c>
      <c r="IQ17" s="345">
        <v>465983</v>
      </c>
      <c r="IR17" s="345">
        <v>1453498</v>
      </c>
      <c r="IS17" s="345">
        <v>1310630</v>
      </c>
      <c r="IT17" s="346">
        <v>4637348</v>
      </c>
      <c r="IU17" s="347">
        <v>4637348</v>
      </c>
      <c r="IV17" s="348">
        <v>0</v>
      </c>
      <c r="IW17" s="345">
        <v>0</v>
      </c>
      <c r="IX17" s="349">
        <v>0</v>
      </c>
      <c r="IY17" s="413">
        <v>0</v>
      </c>
      <c r="IZ17" s="345">
        <v>234247</v>
      </c>
      <c r="JA17" s="345">
        <v>238769</v>
      </c>
      <c r="JB17" s="345">
        <v>150760</v>
      </c>
      <c r="JC17" s="345">
        <v>571797</v>
      </c>
      <c r="JD17" s="345">
        <v>476349</v>
      </c>
      <c r="JE17" s="349">
        <v>1671922</v>
      </c>
      <c r="JF17" s="350">
        <v>1671922</v>
      </c>
      <c r="JG17" s="348">
        <v>0</v>
      </c>
      <c r="JH17" s="345">
        <v>0</v>
      </c>
      <c r="JI17" s="346">
        <v>0</v>
      </c>
      <c r="JJ17" s="351">
        <v>0</v>
      </c>
      <c r="JK17" s="345">
        <v>26758206</v>
      </c>
      <c r="JL17" s="345">
        <v>18588158</v>
      </c>
      <c r="JM17" s="345">
        <v>15360913</v>
      </c>
      <c r="JN17" s="345">
        <v>9495601</v>
      </c>
      <c r="JO17" s="345">
        <v>3952949</v>
      </c>
      <c r="JP17" s="349">
        <v>74155827</v>
      </c>
      <c r="JQ17" s="347">
        <v>74155827</v>
      </c>
      <c r="JR17" s="348">
        <v>0</v>
      </c>
      <c r="JS17" s="345">
        <v>0</v>
      </c>
      <c r="JT17" s="346">
        <v>0</v>
      </c>
      <c r="JU17" s="351">
        <v>0</v>
      </c>
      <c r="JV17" s="345">
        <v>1650626</v>
      </c>
      <c r="JW17" s="345">
        <v>1460796</v>
      </c>
      <c r="JX17" s="345">
        <v>1428763</v>
      </c>
      <c r="JY17" s="345">
        <v>1194312</v>
      </c>
      <c r="JZ17" s="345">
        <v>130023</v>
      </c>
      <c r="KA17" s="349">
        <v>5864520</v>
      </c>
      <c r="KB17" s="347">
        <v>5864520</v>
      </c>
      <c r="KC17" s="352">
        <v>101861</v>
      </c>
      <c r="KD17" s="353">
        <v>336904</v>
      </c>
      <c r="KE17" s="349">
        <v>438765</v>
      </c>
      <c r="KF17" s="351">
        <v>0</v>
      </c>
      <c r="KG17" s="345">
        <v>5293541</v>
      </c>
      <c r="KH17" s="345">
        <v>7041619</v>
      </c>
      <c r="KI17" s="345">
        <v>10014800</v>
      </c>
      <c r="KJ17" s="345">
        <v>5989790</v>
      </c>
      <c r="KK17" s="345">
        <v>2994970</v>
      </c>
      <c r="KL17" s="349">
        <v>31334720</v>
      </c>
      <c r="KM17" s="354">
        <v>31773485</v>
      </c>
      <c r="KN17" s="342">
        <v>0</v>
      </c>
      <c r="KO17" s="343">
        <v>506919</v>
      </c>
      <c r="KP17" s="344">
        <v>506919</v>
      </c>
      <c r="KQ17" s="413">
        <v>0</v>
      </c>
      <c r="KR17" s="345">
        <v>15962600</v>
      </c>
      <c r="KS17" s="345">
        <v>20552929</v>
      </c>
      <c r="KT17" s="345">
        <v>24873523</v>
      </c>
      <c r="KU17" s="345">
        <v>16986503</v>
      </c>
      <c r="KV17" s="345">
        <v>7209437</v>
      </c>
      <c r="KW17" s="349">
        <v>85584992</v>
      </c>
      <c r="KX17" s="347">
        <v>86091911</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0</v>
      </c>
      <c r="LP17" s="345">
        <v>0</v>
      </c>
      <c r="LQ17" s="345">
        <v>0</v>
      </c>
      <c r="LR17" s="345">
        <v>0</v>
      </c>
      <c r="LS17" s="349">
        <v>0</v>
      </c>
      <c r="LT17" s="347">
        <v>0</v>
      </c>
      <c r="LU17" s="348">
        <v>0</v>
      </c>
      <c r="LV17" s="345">
        <v>0</v>
      </c>
      <c r="LW17" s="349">
        <v>0</v>
      </c>
      <c r="LX17" s="413">
        <v>0</v>
      </c>
      <c r="LY17" s="345">
        <v>1687735</v>
      </c>
      <c r="LZ17" s="345">
        <v>1690391</v>
      </c>
      <c r="MA17" s="345">
        <v>2177971</v>
      </c>
      <c r="MB17" s="345">
        <v>2294022</v>
      </c>
      <c r="MC17" s="345">
        <v>1088603</v>
      </c>
      <c r="MD17" s="349">
        <v>8938722</v>
      </c>
      <c r="ME17" s="350">
        <v>8938722</v>
      </c>
      <c r="MF17" s="348">
        <v>0</v>
      </c>
      <c r="MG17" s="345">
        <v>0</v>
      </c>
      <c r="MH17" s="349">
        <v>0</v>
      </c>
      <c r="MI17" s="413">
        <v>0</v>
      </c>
      <c r="MJ17" s="345">
        <v>15180977</v>
      </c>
      <c r="MK17" s="345">
        <v>28719505</v>
      </c>
      <c r="ML17" s="345">
        <v>92416108</v>
      </c>
      <c r="MM17" s="345">
        <v>163166820</v>
      </c>
      <c r="MN17" s="345">
        <v>106986185</v>
      </c>
      <c r="MO17" s="349">
        <v>406469595</v>
      </c>
      <c r="MP17" s="354">
        <v>406469595</v>
      </c>
      <c r="MQ17" s="348">
        <v>0</v>
      </c>
      <c r="MR17" s="345">
        <v>0</v>
      </c>
      <c r="MS17" s="349">
        <v>0</v>
      </c>
      <c r="MT17" s="413">
        <v>0</v>
      </c>
      <c r="MU17" s="345">
        <v>406118</v>
      </c>
      <c r="MV17" s="345">
        <v>1664392</v>
      </c>
      <c r="MW17" s="345">
        <v>51105678</v>
      </c>
      <c r="MX17" s="345">
        <v>106804275</v>
      </c>
      <c r="MY17" s="345">
        <v>65991629</v>
      </c>
      <c r="MZ17" s="349">
        <v>225972092</v>
      </c>
      <c r="NA17" s="354">
        <v>225972092</v>
      </c>
      <c r="NB17" s="348">
        <v>0</v>
      </c>
      <c r="NC17" s="345">
        <v>0</v>
      </c>
      <c r="ND17" s="349">
        <v>0</v>
      </c>
      <c r="NE17" s="413">
        <v>0</v>
      </c>
      <c r="NF17" s="345">
        <v>13587978</v>
      </c>
      <c r="NG17" s="345">
        <v>25534555</v>
      </c>
      <c r="NH17" s="345">
        <v>38889189</v>
      </c>
      <c r="NI17" s="345">
        <v>52506733</v>
      </c>
      <c r="NJ17" s="345">
        <v>27107977</v>
      </c>
      <c r="NK17" s="349">
        <v>157626432</v>
      </c>
      <c r="NL17" s="347">
        <v>157626432</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1186881</v>
      </c>
      <c r="OC17" s="345">
        <v>1520558</v>
      </c>
      <c r="OD17" s="345">
        <v>2421241</v>
      </c>
      <c r="OE17" s="345">
        <v>3855812</v>
      </c>
      <c r="OF17" s="345">
        <v>13886579</v>
      </c>
      <c r="OG17" s="349">
        <v>22871071</v>
      </c>
      <c r="OH17" s="350">
        <v>22871071</v>
      </c>
      <c r="OI17" s="348">
        <v>12660985</v>
      </c>
      <c r="OJ17" s="345">
        <v>17985944</v>
      </c>
      <c r="OK17" s="346">
        <v>30646929</v>
      </c>
      <c r="OL17" s="351">
        <v>0</v>
      </c>
      <c r="OM17" s="345">
        <v>224596784</v>
      </c>
      <c r="ON17" s="345">
        <v>220621336</v>
      </c>
      <c r="OO17" s="345">
        <v>279479533</v>
      </c>
      <c r="OP17" s="345">
        <v>348284513</v>
      </c>
      <c r="OQ17" s="345">
        <v>224228167</v>
      </c>
      <c r="OR17" s="349">
        <v>1297210333</v>
      </c>
      <c r="OS17" s="354">
        <v>1327857262</v>
      </c>
    </row>
    <row r="18" spans="2:409" s="70" customFormat="1" ht="21" customHeight="1" x14ac:dyDescent="0.2">
      <c r="B18" s="410" t="s">
        <v>12</v>
      </c>
      <c r="C18" s="326">
        <v>15877684</v>
      </c>
      <c r="D18" s="327">
        <v>35395470</v>
      </c>
      <c r="E18" s="328">
        <v>51273154</v>
      </c>
      <c r="F18" s="329">
        <v>0</v>
      </c>
      <c r="G18" s="327">
        <v>138563996</v>
      </c>
      <c r="H18" s="366">
        <v>163136289</v>
      </c>
      <c r="I18" s="366">
        <v>148895397</v>
      </c>
      <c r="J18" s="366">
        <v>162800665</v>
      </c>
      <c r="K18" s="366">
        <v>116435377</v>
      </c>
      <c r="L18" s="331">
        <v>729831724</v>
      </c>
      <c r="M18" s="330">
        <v>781104878</v>
      </c>
      <c r="N18" s="326">
        <v>3813091</v>
      </c>
      <c r="O18" s="327">
        <v>11117821</v>
      </c>
      <c r="P18" s="328">
        <v>14930912</v>
      </c>
      <c r="Q18" s="326">
        <v>0</v>
      </c>
      <c r="R18" s="327">
        <v>38380823</v>
      </c>
      <c r="S18" s="327">
        <v>52873199</v>
      </c>
      <c r="T18" s="327">
        <v>50262049</v>
      </c>
      <c r="U18" s="327">
        <v>67224634</v>
      </c>
      <c r="V18" s="327">
        <v>59845478</v>
      </c>
      <c r="W18" s="328">
        <v>268586183</v>
      </c>
      <c r="X18" s="330">
        <v>283517095</v>
      </c>
      <c r="Y18" s="326">
        <v>0</v>
      </c>
      <c r="Z18" s="327">
        <v>0</v>
      </c>
      <c r="AA18" s="328">
        <v>0</v>
      </c>
      <c r="AB18" s="326">
        <v>0</v>
      </c>
      <c r="AC18" s="327">
        <v>21335018</v>
      </c>
      <c r="AD18" s="327">
        <v>27808603</v>
      </c>
      <c r="AE18" s="327">
        <v>32136136</v>
      </c>
      <c r="AF18" s="327">
        <v>44277013</v>
      </c>
      <c r="AG18" s="327">
        <v>40030438</v>
      </c>
      <c r="AH18" s="328">
        <v>165587208</v>
      </c>
      <c r="AI18" s="330">
        <v>165587208</v>
      </c>
      <c r="AJ18" s="326">
        <v>0</v>
      </c>
      <c r="AK18" s="327">
        <v>118783</v>
      </c>
      <c r="AL18" s="328">
        <v>118783</v>
      </c>
      <c r="AM18" s="326">
        <v>0</v>
      </c>
      <c r="AN18" s="327">
        <v>146712</v>
      </c>
      <c r="AO18" s="327">
        <v>970279</v>
      </c>
      <c r="AP18" s="327">
        <v>1195834</v>
      </c>
      <c r="AQ18" s="327">
        <v>4012103</v>
      </c>
      <c r="AR18" s="327">
        <v>4518060</v>
      </c>
      <c r="AS18" s="328">
        <v>10842988</v>
      </c>
      <c r="AT18" s="330">
        <v>10961771</v>
      </c>
      <c r="AU18" s="326">
        <v>2601485</v>
      </c>
      <c r="AV18" s="327">
        <v>8901250</v>
      </c>
      <c r="AW18" s="328">
        <v>11502735</v>
      </c>
      <c r="AX18" s="326">
        <v>0</v>
      </c>
      <c r="AY18" s="327">
        <v>11577763</v>
      </c>
      <c r="AZ18" s="327">
        <v>16701342</v>
      </c>
      <c r="BA18" s="327">
        <v>10220175</v>
      </c>
      <c r="BB18" s="327">
        <v>11053864</v>
      </c>
      <c r="BC18" s="327">
        <v>9775496</v>
      </c>
      <c r="BD18" s="328">
        <v>59328640</v>
      </c>
      <c r="BE18" s="330">
        <v>70831375</v>
      </c>
      <c r="BF18" s="326">
        <v>176558</v>
      </c>
      <c r="BG18" s="327">
        <v>749992</v>
      </c>
      <c r="BH18" s="331">
        <v>926550</v>
      </c>
      <c r="BI18" s="332">
        <v>0</v>
      </c>
      <c r="BJ18" s="327">
        <v>407055</v>
      </c>
      <c r="BK18" s="327">
        <v>1499199</v>
      </c>
      <c r="BL18" s="327">
        <v>679079</v>
      </c>
      <c r="BM18" s="327">
        <v>763112</v>
      </c>
      <c r="BN18" s="327">
        <v>528502</v>
      </c>
      <c r="BO18" s="328">
        <v>3876947</v>
      </c>
      <c r="BP18" s="330">
        <v>4803497</v>
      </c>
      <c r="BQ18" s="326">
        <v>1035048</v>
      </c>
      <c r="BR18" s="327">
        <v>1347796</v>
      </c>
      <c r="BS18" s="328">
        <v>2382844</v>
      </c>
      <c r="BT18" s="326">
        <v>0</v>
      </c>
      <c r="BU18" s="327">
        <v>4914275</v>
      </c>
      <c r="BV18" s="327">
        <v>5893776</v>
      </c>
      <c r="BW18" s="327">
        <v>6030825</v>
      </c>
      <c r="BX18" s="327">
        <v>7118542</v>
      </c>
      <c r="BY18" s="327">
        <v>4992982</v>
      </c>
      <c r="BZ18" s="328">
        <v>28950400</v>
      </c>
      <c r="CA18" s="330">
        <v>31333244</v>
      </c>
      <c r="CB18" s="326">
        <v>2190343</v>
      </c>
      <c r="CC18" s="327">
        <v>6111401</v>
      </c>
      <c r="CD18" s="328">
        <v>8301744</v>
      </c>
      <c r="CE18" s="326">
        <v>0</v>
      </c>
      <c r="CF18" s="327">
        <v>43804429</v>
      </c>
      <c r="CG18" s="327">
        <v>43590200</v>
      </c>
      <c r="CH18" s="327">
        <v>34173169</v>
      </c>
      <c r="CI18" s="327">
        <v>28853255</v>
      </c>
      <c r="CJ18" s="327">
        <v>15480445</v>
      </c>
      <c r="CK18" s="328">
        <v>165901498</v>
      </c>
      <c r="CL18" s="330">
        <v>174203242</v>
      </c>
      <c r="CM18" s="326">
        <v>0</v>
      </c>
      <c r="CN18" s="327">
        <v>0</v>
      </c>
      <c r="CO18" s="328">
        <v>0</v>
      </c>
      <c r="CP18" s="332">
        <v>0</v>
      </c>
      <c r="CQ18" s="327">
        <v>37887434</v>
      </c>
      <c r="CR18" s="327">
        <v>31968943</v>
      </c>
      <c r="CS18" s="327">
        <v>25290886</v>
      </c>
      <c r="CT18" s="327">
        <v>23131785</v>
      </c>
      <c r="CU18" s="327">
        <v>12533656</v>
      </c>
      <c r="CV18" s="328">
        <v>130812704</v>
      </c>
      <c r="CW18" s="330">
        <v>130812704</v>
      </c>
      <c r="CX18" s="326">
        <v>2190343</v>
      </c>
      <c r="CY18" s="327">
        <v>6111401</v>
      </c>
      <c r="CZ18" s="328">
        <v>8301744</v>
      </c>
      <c r="DA18" s="326">
        <v>0</v>
      </c>
      <c r="DB18" s="327">
        <v>5916995</v>
      </c>
      <c r="DC18" s="327">
        <v>11621257</v>
      </c>
      <c r="DD18" s="327">
        <v>8882283</v>
      </c>
      <c r="DE18" s="327">
        <v>5721470</v>
      </c>
      <c r="DF18" s="327">
        <v>2946789</v>
      </c>
      <c r="DG18" s="328">
        <v>35088794</v>
      </c>
      <c r="DH18" s="330">
        <v>43390538</v>
      </c>
      <c r="DI18" s="326">
        <v>114786</v>
      </c>
      <c r="DJ18" s="327">
        <v>588932</v>
      </c>
      <c r="DK18" s="331">
        <v>703718</v>
      </c>
      <c r="DL18" s="332">
        <v>0</v>
      </c>
      <c r="DM18" s="327">
        <v>5233383</v>
      </c>
      <c r="DN18" s="327">
        <v>7208741</v>
      </c>
      <c r="DO18" s="327">
        <v>11406952</v>
      </c>
      <c r="DP18" s="327">
        <v>12160738</v>
      </c>
      <c r="DQ18" s="327">
        <v>7117375</v>
      </c>
      <c r="DR18" s="328">
        <v>43127189</v>
      </c>
      <c r="DS18" s="330">
        <v>43830907</v>
      </c>
      <c r="DT18" s="326">
        <v>114786</v>
      </c>
      <c r="DU18" s="327">
        <v>588932</v>
      </c>
      <c r="DV18" s="328">
        <v>703718</v>
      </c>
      <c r="DW18" s="326">
        <v>0</v>
      </c>
      <c r="DX18" s="327">
        <v>4843729</v>
      </c>
      <c r="DY18" s="327">
        <v>6607511</v>
      </c>
      <c r="DZ18" s="327">
        <v>11112635</v>
      </c>
      <c r="EA18" s="327">
        <v>11438902</v>
      </c>
      <c r="EB18" s="327">
        <v>6809026</v>
      </c>
      <c r="EC18" s="328">
        <v>40811803</v>
      </c>
      <c r="ED18" s="330">
        <v>41515521</v>
      </c>
      <c r="EE18" s="326">
        <v>0</v>
      </c>
      <c r="EF18" s="331">
        <v>0</v>
      </c>
      <c r="EG18" s="328">
        <v>0</v>
      </c>
      <c r="EH18" s="326">
        <v>0</v>
      </c>
      <c r="EI18" s="327">
        <v>389654</v>
      </c>
      <c r="EJ18" s="327">
        <v>601230</v>
      </c>
      <c r="EK18" s="327">
        <v>294317</v>
      </c>
      <c r="EL18" s="327">
        <v>721836</v>
      </c>
      <c r="EM18" s="327">
        <v>308349</v>
      </c>
      <c r="EN18" s="331">
        <v>2315386</v>
      </c>
      <c r="EO18" s="330">
        <v>2315386</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882499</v>
      </c>
      <c r="FM18" s="327">
        <v>7834597</v>
      </c>
      <c r="FN18" s="328">
        <v>11717096</v>
      </c>
      <c r="FO18" s="326">
        <v>0</v>
      </c>
      <c r="FP18" s="327">
        <v>5574304</v>
      </c>
      <c r="FQ18" s="327">
        <v>15154369</v>
      </c>
      <c r="FR18" s="327">
        <v>12480837</v>
      </c>
      <c r="FS18" s="327">
        <v>13277384</v>
      </c>
      <c r="FT18" s="327">
        <v>9203925</v>
      </c>
      <c r="FU18" s="328">
        <v>55690819</v>
      </c>
      <c r="FV18" s="330">
        <v>67407915</v>
      </c>
      <c r="FW18" s="333">
        <v>2456528</v>
      </c>
      <c r="FX18" s="327">
        <v>6370557</v>
      </c>
      <c r="FY18" s="331">
        <v>8827085</v>
      </c>
      <c r="FZ18" s="332">
        <v>0</v>
      </c>
      <c r="GA18" s="327">
        <v>4257593</v>
      </c>
      <c r="GB18" s="327">
        <v>14284840</v>
      </c>
      <c r="GC18" s="327">
        <v>11386943</v>
      </c>
      <c r="GD18" s="327">
        <v>12483186</v>
      </c>
      <c r="GE18" s="327">
        <v>8628474</v>
      </c>
      <c r="GF18" s="328">
        <v>51041036</v>
      </c>
      <c r="GG18" s="334">
        <v>59868121</v>
      </c>
      <c r="GH18" s="333">
        <v>189081</v>
      </c>
      <c r="GI18" s="327">
        <v>730280</v>
      </c>
      <c r="GJ18" s="331">
        <v>919361</v>
      </c>
      <c r="GK18" s="332">
        <v>0</v>
      </c>
      <c r="GL18" s="327">
        <v>428258</v>
      </c>
      <c r="GM18" s="327">
        <v>592329</v>
      </c>
      <c r="GN18" s="327">
        <v>355124</v>
      </c>
      <c r="GO18" s="327">
        <v>305498</v>
      </c>
      <c r="GP18" s="327">
        <v>413541</v>
      </c>
      <c r="GQ18" s="328">
        <v>2094750</v>
      </c>
      <c r="GR18" s="330">
        <v>3014111</v>
      </c>
      <c r="GS18" s="326">
        <v>1236890</v>
      </c>
      <c r="GT18" s="327">
        <v>733760</v>
      </c>
      <c r="GU18" s="328">
        <v>1970650</v>
      </c>
      <c r="GV18" s="326">
        <v>0</v>
      </c>
      <c r="GW18" s="327">
        <v>888453</v>
      </c>
      <c r="GX18" s="327">
        <v>277200</v>
      </c>
      <c r="GY18" s="327">
        <v>738770</v>
      </c>
      <c r="GZ18" s="327">
        <v>488700</v>
      </c>
      <c r="HA18" s="327">
        <v>161910</v>
      </c>
      <c r="HB18" s="331">
        <v>2555033</v>
      </c>
      <c r="HC18" s="330">
        <v>4525683</v>
      </c>
      <c r="HD18" s="326">
        <v>2640506</v>
      </c>
      <c r="HE18" s="327">
        <v>3913784</v>
      </c>
      <c r="HF18" s="331">
        <v>6554290</v>
      </c>
      <c r="HG18" s="332">
        <v>0</v>
      </c>
      <c r="HH18" s="327">
        <v>21308477</v>
      </c>
      <c r="HI18" s="327">
        <v>23153006</v>
      </c>
      <c r="HJ18" s="327">
        <v>25800020</v>
      </c>
      <c r="HK18" s="327">
        <v>29110568</v>
      </c>
      <c r="HL18" s="327">
        <v>17822533</v>
      </c>
      <c r="HM18" s="328">
        <v>117194604</v>
      </c>
      <c r="HN18" s="329">
        <v>123748894</v>
      </c>
      <c r="HO18" s="333">
        <v>3236459</v>
      </c>
      <c r="HP18" s="327">
        <v>5828935</v>
      </c>
      <c r="HQ18" s="328">
        <v>9065394</v>
      </c>
      <c r="HR18" s="326">
        <v>0</v>
      </c>
      <c r="HS18" s="327">
        <v>24262580</v>
      </c>
      <c r="HT18" s="327">
        <v>21156774</v>
      </c>
      <c r="HU18" s="327">
        <v>14772370</v>
      </c>
      <c r="HV18" s="327">
        <v>12174086</v>
      </c>
      <c r="HW18" s="327">
        <v>6965621</v>
      </c>
      <c r="HX18" s="331">
        <v>79331431</v>
      </c>
      <c r="HY18" s="330">
        <v>88396825</v>
      </c>
      <c r="HZ18" s="358">
        <v>0</v>
      </c>
      <c r="IA18" s="356">
        <v>92727</v>
      </c>
      <c r="IB18" s="358">
        <v>92727</v>
      </c>
      <c r="IC18" s="355">
        <v>0</v>
      </c>
      <c r="ID18" s="356">
        <v>35181792</v>
      </c>
      <c r="IE18" s="357">
        <v>42182773</v>
      </c>
      <c r="IF18" s="358">
        <v>52053448</v>
      </c>
      <c r="IG18" s="356">
        <v>41670498</v>
      </c>
      <c r="IH18" s="358">
        <v>31905028</v>
      </c>
      <c r="II18" s="359">
        <v>202993539</v>
      </c>
      <c r="IJ18" s="358">
        <v>203086266</v>
      </c>
      <c r="IK18" s="342">
        <v>0</v>
      </c>
      <c r="IL18" s="343">
        <v>0</v>
      </c>
      <c r="IM18" s="344">
        <v>0</v>
      </c>
      <c r="IN18" s="404">
        <v>0</v>
      </c>
      <c r="IO18" s="345">
        <v>674392</v>
      </c>
      <c r="IP18" s="345">
        <v>498996</v>
      </c>
      <c r="IQ18" s="345">
        <v>614787</v>
      </c>
      <c r="IR18" s="345">
        <v>672305</v>
      </c>
      <c r="IS18" s="345">
        <v>1208432</v>
      </c>
      <c r="IT18" s="346">
        <v>3668912</v>
      </c>
      <c r="IU18" s="347">
        <v>3668912</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19358393</v>
      </c>
      <c r="JL18" s="345">
        <v>15774246</v>
      </c>
      <c r="JM18" s="345">
        <v>13647337</v>
      </c>
      <c r="JN18" s="345">
        <v>7220299</v>
      </c>
      <c r="JO18" s="345">
        <v>3502484</v>
      </c>
      <c r="JP18" s="349">
        <v>59502759</v>
      </c>
      <c r="JQ18" s="347">
        <v>59502759</v>
      </c>
      <c r="JR18" s="348">
        <v>0</v>
      </c>
      <c r="JS18" s="345">
        <v>0</v>
      </c>
      <c r="JT18" s="346">
        <v>0</v>
      </c>
      <c r="JU18" s="351">
        <v>0</v>
      </c>
      <c r="JV18" s="345">
        <v>383022</v>
      </c>
      <c r="JW18" s="345">
        <v>224460</v>
      </c>
      <c r="JX18" s="345">
        <v>40514</v>
      </c>
      <c r="JY18" s="345">
        <v>44521</v>
      </c>
      <c r="JZ18" s="345">
        <v>223176</v>
      </c>
      <c r="KA18" s="349">
        <v>915693</v>
      </c>
      <c r="KB18" s="347">
        <v>915693</v>
      </c>
      <c r="KC18" s="352">
        <v>0</v>
      </c>
      <c r="KD18" s="353">
        <v>92727</v>
      </c>
      <c r="KE18" s="349">
        <v>92727</v>
      </c>
      <c r="KF18" s="351">
        <v>0</v>
      </c>
      <c r="KG18" s="345">
        <v>4441319</v>
      </c>
      <c r="KH18" s="345">
        <v>7470859</v>
      </c>
      <c r="KI18" s="345">
        <v>11999008</v>
      </c>
      <c r="KJ18" s="345">
        <v>10227633</v>
      </c>
      <c r="KK18" s="345">
        <v>8445675</v>
      </c>
      <c r="KL18" s="349">
        <v>42584494</v>
      </c>
      <c r="KM18" s="354">
        <v>42677221</v>
      </c>
      <c r="KN18" s="342">
        <v>0</v>
      </c>
      <c r="KO18" s="343">
        <v>0</v>
      </c>
      <c r="KP18" s="344">
        <v>0</v>
      </c>
      <c r="KQ18" s="413">
        <v>0</v>
      </c>
      <c r="KR18" s="345">
        <v>9575960</v>
      </c>
      <c r="KS18" s="345">
        <v>12575509</v>
      </c>
      <c r="KT18" s="345">
        <v>12589923</v>
      </c>
      <c r="KU18" s="345">
        <v>9012159</v>
      </c>
      <c r="KV18" s="345">
        <v>10429160</v>
      </c>
      <c r="KW18" s="349">
        <v>54182711</v>
      </c>
      <c r="KX18" s="347">
        <v>54182711</v>
      </c>
      <c r="KY18" s="348">
        <v>0</v>
      </c>
      <c r="KZ18" s="345">
        <v>0</v>
      </c>
      <c r="LA18" s="349">
        <v>0</v>
      </c>
      <c r="LB18" s="413">
        <v>0</v>
      </c>
      <c r="LC18" s="345">
        <v>0</v>
      </c>
      <c r="LD18" s="345">
        <v>1137872</v>
      </c>
      <c r="LE18" s="345">
        <v>1788571</v>
      </c>
      <c r="LF18" s="345">
        <v>2791651</v>
      </c>
      <c r="LG18" s="345">
        <v>1107143</v>
      </c>
      <c r="LH18" s="349">
        <v>6825237</v>
      </c>
      <c r="LI18" s="350">
        <v>6825237</v>
      </c>
      <c r="LJ18" s="348">
        <v>0</v>
      </c>
      <c r="LK18" s="345">
        <v>0</v>
      </c>
      <c r="LL18" s="349">
        <v>0</v>
      </c>
      <c r="LM18" s="413">
        <v>0</v>
      </c>
      <c r="LN18" s="345">
        <v>0</v>
      </c>
      <c r="LO18" s="345">
        <v>0</v>
      </c>
      <c r="LP18" s="345">
        <v>3321287</v>
      </c>
      <c r="LQ18" s="345">
        <v>4061901</v>
      </c>
      <c r="LR18" s="345">
        <v>1314746</v>
      </c>
      <c r="LS18" s="349">
        <v>8697934</v>
      </c>
      <c r="LT18" s="347">
        <v>8697934</v>
      </c>
      <c r="LU18" s="348">
        <v>0</v>
      </c>
      <c r="LV18" s="345">
        <v>0</v>
      </c>
      <c r="LW18" s="349">
        <v>0</v>
      </c>
      <c r="LX18" s="413">
        <v>0</v>
      </c>
      <c r="LY18" s="345">
        <v>748706</v>
      </c>
      <c r="LZ18" s="345">
        <v>4500831</v>
      </c>
      <c r="MA18" s="345">
        <v>8052021</v>
      </c>
      <c r="MB18" s="345">
        <v>7640029</v>
      </c>
      <c r="MC18" s="345">
        <v>5674212</v>
      </c>
      <c r="MD18" s="349">
        <v>26615799</v>
      </c>
      <c r="ME18" s="350">
        <v>26615799</v>
      </c>
      <c r="MF18" s="348">
        <v>0</v>
      </c>
      <c r="MG18" s="345">
        <v>0</v>
      </c>
      <c r="MH18" s="349">
        <v>0</v>
      </c>
      <c r="MI18" s="413">
        <v>0</v>
      </c>
      <c r="MJ18" s="345">
        <v>9490988</v>
      </c>
      <c r="MK18" s="345">
        <v>26762828</v>
      </c>
      <c r="ML18" s="345">
        <v>101841034</v>
      </c>
      <c r="MM18" s="345">
        <v>155859875</v>
      </c>
      <c r="MN18" s="345">
        <v>88901116</v>
      </c>
      <c r="MO18" s="349">
        <v>382855841</v>
      </c>
      <c r="MP18" s="354">
        <v>382855841</v>
      </c>
      <c r="MQ18" s="348">
        <v>0</v>
      </c>
      <c r="MR18" s="345">
        <v>0</v>
      </c>
      <c r="MS18" s="349">
        <v>0</v>
      </c>
      <c r="MT18" s="413">
        <v>0</v>
      </c>
      <c r="MU18" s="345">
        <v>488617</v>
      </c>
      <c r="MV18" s="345">
        <v>4071723</v>
      </c>
      <c r="MW18" s="345">
        <v>51121730</v>
      </c>
      <c r="MX18" s="345">
        <v>95556093</v>
      </c>
      <c r="MY18" s="345">
        <v>58987202</v>
      </c>
      <c r="MZ18" s="349">
        <v>210225365</v>
      </c>
      <c r="NA18" s="354">
        <v>210225365</v>
      </c>
      <c r="NB18" s="348">
        <v>0</v>
      </c>
      <c r="NC18" s="345">
        <v>0</v>
      </c>
      <c r="ND18" s="349">
        <v>0</v>
      </c>
      <c r="NE18" s="413">
        <v>0</v>
      </c>
      <c r="NF18" s="345">
        <v>9002371</v>
      </c>
      <c r="NG18" s="345">
        <v>22691105</v>
      </c>
      <c r="NH18" s="345">
        <v>49664988</v>
      </c>
      <c r="NI18" s="345">
        <v>53471738</v>
      </c>
      <c r="NJ18" s="345">
        <v>24793296</v>
      </c>
      <c r="NK18" s="349">
        <v>159623498</v>
      </c>
      <c r="NL18" s="347">
        <v>159623498</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0</v>
      </c>
      <c r="OD18" s="345">
        <v>1054316</v>
      </c>
      <c r="OE18" s="345">
        <v>6832044</v>
      </c>
      <c r="OF18" s="345">
        <v>5120618</v>
      </c>
      <c r="OG18" s="349">
        <v>13006978</v>
      </c>
      <c r="OH18" s="350">
        <v>13006978</v>
      </c>
      <c r="OI18" s="348">
        <v>15877684</v>
      </c>
      <c r="OJ18" s="345">
        <v>35488197</v>
      </c>
      <c r="OK18" s="346">
        <v>51365881</v>
      </c>
      <c r="OL18" s="351">
        <v>0</v>
      </c>
      <c r="OM18" s="345">
        <v>183236776</v>
      </c>
      <c r="ON18" s="345">
        <v>232081890</v>
      </c>
      <c r="OO18" s="345">
        <v>302789879</v>
      </c>
      <c r="OP18" s="345">
        <v>360331038</v>
      </c>
      <c r="OQ18" s="345">
        <v>237241521</v>
      </c>
      <c r="OR18" s="349">
        <v>1315681104</v>
      </c>
      <c r="OS18" s="354">
        <v>1367046985</v>
      </c>
    </row>
    <row r="19" spans="2:409" s="70" customFormat="1" ht="21" customHeight="1" x14ac:dyDescent="0.2">
      <c r="B19" s="410" t="s">
        <v>13</v>
      </c>
      <c r="C19" s="326">
        <v>2893047</v>
      </c>
      <c r="D19" s="327">
        <v>5470375</v>
      </c>
      <c r="E19" s="328">
        <v>8363422</v>
      </c>
      <c r="F19" s="326">
        <v>0</v>
      </c>
      <c r="G19" s="366">
        <v>51583309</v>
      </c>
      <c r="H19" s="327">
        <v>65251891</v>
      </c>
      <c r="I19" s="327">
        <v>59789531</v>
      </c>
      <c r="J19" s="327">
        <v>60048270</v>
      </c>
      <c r="K19" s="327">
        <v>50756013</v>
      </c>
      <c r="L19" s="331">
        <v>287429014</v>
      </c>
      <c r="M19" s="330">
        <v>295792436</v>
      </c>
      <c r="N19" s="326">
        <v>613407</v>
      </c>
      <c r="O19" s="327">
        <v>1162606</v>
      </c>
      <c r="P19" s="328">
        <v>1776013</v>
      </c>
      <c r="Q19" s="326">
        <v>0</v>
      </c>
      <c r="R19" s="327">
        <v>13837699</v>
      </c>
      <c r="S19" s="327">
        <v>20528509</v>
      </c>
      <c r="T19" s="327">
        <v>18854850</v>
      </c>
      <c r="U19" s="327">
        <v>24272566</v>
      </c>
      <c r="V19" s="327">
        <v>23957815</v>
      </c>
      <c r="W19" s="328">
        <v>101451439</v>
      </c>
      <c r="X19" s="330">
        <v>103227452</v>
      </c>
      <c r="Y19" s="326">
        <v>0</v>
      </c>
      <c r="Z19" s="327">
        <v>0</v>
      </c>
      <c r="AA19" s="328">
        <v>0</v>
      </c>
      <c r="AB19" s="326">
        <v>0</v>
      </c>
      <c r="AC19" s="327">
        <v>6065352</v>
      </c>
      <c r="AD19" s="327">
        <v>9501508</v>
      </c>
      <c r="AE19" s="327">
        <v>10614505</v>
      </c>
      <c r="AF19" s="327">
        <v>15633647</v>
      </c>
      <c r="AG19" s="327">
        <v>15035246</v>
      </c>
      <c r="AH19" s="328">
        <v>56850258</v>
      </c>
      <c r="AI19" s="330">
        <v>56850258</v>
      </c>
      <c r="AJ19" s="326">
        <v>0</v>
      </c>
      <c r="AK19" s="327">
        <v>0</v>
      </c>
      <c r="AL19" s="328">
        <v>0</v>
      </c>
      <c r="AM19" s="326">
        <v>0</v>
      </c>
      <c r="AN19" s="327">
        <v>54047</v>
      </c>
      <c r="AO19" s="327">
        <v>124426</v>
      </c>
      <c r="AP19" s="327">
        <v>263669</v>
      </c>
      <c r="AQ19" s="327">
        <v>1295278</v>
      </c>
      <c r="AR19" s="327">
        <v>2468804</v>
      </c>
      <c r="AS19" s="328">
        <v>4206224</v>
      </c>
      <c r="AT19" s="330">
        <v>4206224</v>
      </c>
      <c r="AU19" s="326">
        <v>278184</v>
      </c>
      <c r="AV19" s="327">
        <v>709184</v>
      </c>
      <c r="AW19" s="328">
        <v>987368</v>
      </c>
      <c r="AX19" s="326">
        <v>0</v>
      </c>
      <c r="AY19" s="327">
        <v>3894978</v>
      </c>
      <c r="AZ19" s="327">
        <v>6850284</v>
      </c>
      <c r="BA19" s="327">
        <v>4135919</v>
      </c>
      <c r="BB19" s="327">
        <v>4026393</v>
      </c>
      <c r="BC19" s="327">
        <v>3361193</v>
      </c>
      <c r="BD19" s="328">
        <v>22268767</v>
      </c>
      <c r="BE19" s="330">
        <v>23256135</v>
      </c>
      <c r="BF19" s="326">
        <v>36811</v>
      </c>
      <c r="BG19" s="327">
        <v>124181</v>
      </c>
      <c r="BH19" s="331">
        <v>160992</v>
      </c>
      <c r="BI19" s="332">
        <v>0</v>
      </c>
      <c r="BJ19" s="327">
        <v>571453</v>
      </c>
      <c r="BK19" s="327">
        <v>564954</v>
      </c>
      <c r="BL19" s="327">
        <v>505151</v>
      </c>
      <c r="BM19" s="327">
        <v>80218</v>
      </c>
      <c r="BN19" s="327">
        <v>330092</v>
      </c>
      <c r="BO19" s="328">
        <v>2051868</v>
      </c>
      <c r="BP19" s="330">
        <v>2212860</v>
      </c>
      <c r="BQ19" s="326">
        <v>298412</v>
      </c>
      <c r="BR19" s="327">
        <v>329241</v>
      </c>
      <c r="BS19" s="328">
        <v>627653</v>
      </c>
      <c r="BT19" s="326">
        <v>0</v>
      </c>
      <c r="BU19" s="327">
        <v>3251869</v>
      </c>
      <c r="BV19" s="327">
        <v>3487337</v>
      </c>
      <c r="BW19" s="327">
        <v>3335606</v>
      </c>
      <c r="BX19" s="327">
        <v>3237030</v>
      </c>
      <c r="BY19" s="327">
        <v>2762480</v>
      </c>
      <c r="BZ19" s="328">
        <v>16074322</v>
      </c>
      <c r="CA19" s="330">
        <v>16701975</v>
      </c>
      <c r="CB19" s="326">
        <v>266895</v>
      </c>
      <c r="CC19" s="327">
        <v>736926</v>
      </c>
      <c r="CD19" s="328">
        <v>1003821</v>
      </c>
      <c r="CE19" s="326">
        <v>0</v>
      </c>
      <c r="CF19" s="327">
        <v>10189969</v>
      </c>
      <c r="CG19" s="327">
        <v>15474466</v>
      </c>
      <c r="CH19" s="327">
        <v>10294018</v>
      </c>
      <c r="CI19" s="327">
        <v>7436407</v>
      </c>
      <c r="CJ19" s="327">
        <v>4715371</v>
      </c>
      <c r="CK19" s="328">
        <v>48110231</v>
      </c>
      <c r="CL19" s="330">
        <v>49114052</v>
      </c>
      <c r="CM19" s="326">
        <v>0</v>
      </c>
      <c r="CN19" s="327">
        <v>0</v>
      </c>
      <c r="CO19" s="328">
        <v>0</v>
      </c>
      <c r="CP19" s="332">
        <v>0</v>
      </c>
      <c r="CQ19" s="327">
        <v>8700484</v>
      </c>
      <c r="CR19" s="327">
        <v>13309119</v>
      </c>
      <c r="CS19" s="327">
        <v>8641564</v>
      </c>
      <c r="CT19" s="327">
        <v>5647216</v>
      </c>
      <c r="CU19" s="327">
        <v>3181862</v>
      </c>
      <c r="CV19" s="328">
        <v>39480245</v>
      </c>
      <c r="CW19" s="330">
        <v>39480245</v>
      </c>
      <c r="CX19" s="326">
        <v>266895</v>
      </c>
      <c r="CY19" s="327">
        <v>736926</v>
      </c>
      <c r="CZ19" s="328">
        <v>1003821</v>
      </c>
      <c r="DA19" s="326">
        <v>0</v>
      </c>
      <c r="DB19" s="327">
        <v>1489485</v>
      </c>
      <c r="DC19" s="327">
        <v>2165347</v>
      </c>
      <c r="DD19" s="327">
        <v>1652454</v>
      </c>
      <c r="DE19" s="327">
        <v>1789191</v>
      </c>
      <c r="DF19" s="327">
        <v>1533509</v>
      </c>
      <c r="DG19" s="328">
        <v>8629986</v>
      </c>
      <c r="DH19" s="330">
        <v>9633807</v>
      </c>
      <c r="DI19" s="326">
        <v>0</v>
      </c>
      <c r="DJ19" s="327">
        <v>0</v>
      </c>
      <c r="DK19" s="331">
        <v>0</v>
      </c>
      <c r="DL19" s="332">
        <v>0</v>
      </c>
      <c r="DM19" s="327">
        <v>816996</v>
      </c>
      <c r="DN19" s="327">
        <v>1841171</v>
      </c>
      <c r="DO19" s="327">
        <v>5126336</v>
      </c>
      <c r="DP19" s="327">
        <v>3606081</v>
      </c>
      <c r="DQ19" s="327">
        <v>4220589</v>
      </c>
      <c r="DR19" s="328">
        <v>15611173</v>
      </c>
      <c r="DS19" s="330">
        <v>15611173</v>
      </c>
      <c r="DT19" s="326">
        <v>0</v>
      </c>
      <c r="DU19" s="327">
        <v>0</v>
      </c>
      <c r="DV19" s="328">
        <v>0</v>
      </c>
      <c r="DW19" s="326">
        <v>0</v>
      </c>
      <c r="DX19" s="327">
        <v>816996</v>
      </c>
      <c r="DY19" s="327">
        <v>1675919</v>
      </c>
      <c r="DZ19" s="327">
        <v>4228112</v>
      </c>
      <c r="EA19" s="327">
        <v>3159257</v>
      </c>
      <c r="EB19" s="327">
        <v>3708882</v>
      </c>
      <c r="EC19" s="328">
        <v>13589166</v>
      </c>
      <c r="ED19" s="330">
        <v>13589166</v>
      </c>
      <c r="EE19" s="326">
        <v>0</v>
      </c>
      <c r="EF19" s="331">
        <v>0</v>
      </c>
      <c r="EG19" s="328">
        <v>0</v>
      </c>
      <c r="EH19" s="326">
        <v>0</v>
      </c>
      <c r="EI19" s="327">
        <v>0</v>
      </c>
      <c r="EJ19" s="327">
        <v>165252</v>
      </c>
      <c r="EK19" s="327">
        <v>898224</v>
      </c>
      <c r="EL19" s="327">
        <v>446824</v>
      </c>
      <c r="EM19" s="327">
        <v>511707</v>
      </c>
      <c r="EN19" s="331">
        <v>2022007</v>
      </c>
      <c r="EO19" s="330">
        <v>2022007</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612162</v>
      </c>
      <c r="FM19" s="327">
        <v>1307810</v>
      </c>
      <c r="FN19" s="328">
        <v>1919972</v>
      </c>
      <c r="FO19" s="326">
        <v>0</v>
      </c>
      <c r="FP19" s="327">
        <v>2536149</v>
      </c>
      <c r="FQ19" s="327">
        <v>5932523</v>
      </c>
      <c r="FR19" s="327">
        <v>4915140</v>
      </c>
      <c r="FS19" s="327">
        <v>4401787</v>
      </c>
      <c r="FT19" s="327">
        <v>2866988</v>
      </c>
      <c r="FU19" s="328">
        <v>20652587</v>
      </c>
      <c r="FV19" s="330">
        <v>22572559</v>
      </c>
      <c r="FW19" s="333">
        <v>417724</v>
      </c>
      <c r="FX19" s="327">
        <v>994250</v>
      </c>
      <c r="FY19" s="331">
        <v>1411974</v>
      </c>
      <c r="FZ19" s="332">
        <v>0</v>
      </c>
      <c r="GA19" s="327">
        <v>1964055</v>
      </c>
      <c r="GB19" s="327">
        <v>5328856</v>
      </c>
      <c r="GC19" s="327">
        <v>4073165</v>
      </c>
      <c r="GD19" s="327">
        <v>3951888</v>
      </c>
      <c r="GE19" s="327">
        <v>2785988</v>
      </c>
      <c r="GF19" s="328">
        <v>18103952</v>
      </c>
      <c r="GG19" s="334">
        <v>19515926</v>
      </c>
      <c r="GH19" s="333">
        <v>72438</v>
      </c>
      <c r="GI19" s="327">
        <v>23760</v>
      </c>
      <c r="GJ19" s="331">
        <v>96198</v>
      </c>
      <c r="GK19" s="332">
        <v>0</v>
      </c>
      <c r="GL19" s="327">
        <v>205622</v>
      </c>
      <c r="GM19" s="327">
        <v>253067</v>
      </c>
      <c r="GN19" s="327">
        <v>141075</v>
      </c>
      <c r="GO19" s="327">
        <v>160099</v>
      </c>
      <c r="GP19" s="327">
        <v>0</v>
      </c>
      <c r="GQ19" s="328">
        <v>759863</v>
      </c>
      <c r="GR19" s="330">
        <v>856061</v>
      </c>
      <c r="GS19" s="326">
        <v>122000</v>
      </c>
      <c r="GT19" s="327">
        <v>289800</v>
      </c>
      <c r="GU19" s="328">
        <v>411800</v>
      </c>
      <c r="GV19" s="326">
        <v>0</v>
      </c>
      <c r="GW19" s="327">
        <v>366472</v>
      </c>
      <c r="GX19" s="327">
        <v>350600</v>
      </c>
      <c r="GY19" s="327">
        <v>700900</v>
      </c>
      <c r="GZ19" s="327">
        <v>289800</v>
      </c>
      <c r="HA19" s="327">
        <v>81000</v>
      </c>
      <c r="HB19" s="331">
        <v>1788772</v>
      </c>
      <c r="HC19" s="330">
        <v>2200572</v>
      </c>
      <c r="HD19" s="326">
        <v>890664</v>
      </c>
      <c r="HE19" s="327">
        <v>1306025</v>
      </c>
      <c r="HF19" s="331">
        <v>2196689</v>
      </c>
      <c r="HG19" s="332">
        <v>0</v>
      </c>
      <c r="HH19" s="327">
        <v>15204946</v>
      </c>
      <c r="HI19" s="327">
        <v>12435070</v>
      </c>
      <c r="HJ19" s="327">
        <v>14885510</v>
      </c>
      <c r="HK19" s="327">
        <v>16312892</v>
      </c>
      <c r="HL19" s="327">
        <v>12300289</v>
      </c>
      <c r="HM19" s="328">
        <v>71138707</v>
      </c>
      <c r="HN19" s="329">
        <v>73335396</v>
      </c>
      <c r="HO19" s="333">
        <v>509919</v>
      </c>
      <c r="HP19" s="327">
        <v>957008</v>
      </c>
      <c r="HQ19" s="328">
        <v>1466927</v>
      </c>
      <c r="HR19" s="326">
        <v>0</v>
      </c>
      <c r="HS19" s="327">
        <v>8997550</v>
      </c>
      <c r="HT19" s="327">
        <v>9040152</v>
      </c>
      <c r="HU19" s="327">
        <v>5713677</v>
      </c>
      <c r="HV19" s="327">
        <v>4018537</v>
      </c>
      <c r="HW19" s="327">
        <v>2694961</v>
      </c>
      <c r="HX19" s="331">
        <v>30464877</v>
      </c>
      <c r="HY19" s="330">
        <v>31931804</v>
      </c>
      <c r="HZ19" s="335">
        <v>198479</v>
      </c>
      <c r="IA19" s="336">
        <v>66888</v>
      </c>
      <c r="IB19" s="337">
        <v>265367</v>
      </c>
      <c r="IC19" s="338">
        <v>0</v>
      </c>
      <c r="ID19" s="336">
        <v>14163735</v>
      </c>
      <c r="IE19" s="339">
        <v>15661767</v>
      </c>
      <c r="IF19" s="337">
        <v>14032527</v>
      </c>
      <c r="IG19" s="336">
        <v>13788878</v>
      </c>
      <c r="IH19" s="337">
        <v>8655113</v>
      </c>
      <c r="II19" s="340">
        <v>66302020</v>
      </c>
      <c r="IJ19" s="341">
        <v>66567387</v>
      </c>
      <c r="IK19" s="342">
        <v>0</v>
      </c>
      <c r="IL19" s="343">
        <v>0</v>
      </c>
      <c r="IM19" s="344">
        <v>0</v>
      </c>
      <c r="IN19" s="404">
        <v>0</v>
      </c>
      <c r="IO19" s="345">
        <v>76600</v>
      </c>
      <c r="IP19" s="345">
        <v>133798</v>
      </c>
      <c r="IQ19" s="345">
        <v>164173</v>
      </c>
      <c r="IR19" s="345">
        <v>284737</v>
      </c>
      <c r="IS19" s="345">
        <v>631094</v>
      </c>
      <c r="IT19" s="346">
        <v>1290402</v>
      </c>
      <c r="IU19" s="347">
        <v>1290402</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6543183</v>
      </c>
      <c r="JL19" s="345">
        <v>9808937</v>
      </c>
      <c r="JM19" s="345">
        <v>5750948</v>
      </c>
      <c r="JN19" s="345">
        <v>3922237</v>
      </c>
      <c r="JO19" s="345">
        <v>1725906</v>
      </c>
      <c r="JP19" s="349">
        <v>27751211</v>
      </c>
      <c r="JQ19" s="347">
        <v>27751211</v>
      </c>
      <c r="JR19" s="348">
        <v>0</v>
      </c>
      <c r="JS19" s="345">
        <v>0</v>
      </c>
      <c r="JT19" s="346">
        <v>0</v>
      </c>
      <c r="JU19" s="351">
        <v>0</v>
      </c>
      <c r="JV19" s="345">
        <v>150951</v>
      </c>
      <c r="JW19" s="345">
        <v>558199</v>
      </c>
      <c r="JX19" s="345">
        <v>1641480</v>
      </c>
      <c r="JY19" s="345">
        <v>958116</v>
      </c>
      <c r="JZ19" s="345">
        <v>1023075</v>
      </c>
      <c r="KA19" s="349">
        <v>4331821</v>
      </c>
      <c r="KB19" s="347">
        <v>4331821</v>
      </c>
      <c r="KC19" s="352">
        <v>198479</v>
      </c>
      <c r="KD19" s="353">
        <v>66888</v>
      </c>
      <c r="KE19" s="349">
        <v>265367</v>
      </c>
      <c r="KF19" s="351">
        <v>0</v>
      </c>
      <c r="KG19" s="345">
        <v>2626946</v>
      </c>
      <c r="KH19" s="345">
        <v>1585979</v>
      </c>
      <c r="KI19" s="345">
        <v>1664194</v>
      </c>
      <c r="KJ19" s="345">
        <v>263071</v>
      </c>
      <c r="KK19" s="345">
        <v>861752</v>
      </c>
      <c r="KL19" s="349">
        <v>7001942</v>
      </c>
      <c r="KM19" s="354">
        <v>7267309</v>
      </c>
      <c r="KN19" s="342">
        <v>0</v>
      </c>
      <c r="KO19" s="343">
        <v>0</v>
      </c>
      <c r="KP19" s="344">
        <v>0</v>
      </c>
      <c r="KQ19" s="413">
        <v>0</v>
      </c>
      <c r="KR19" s="345">
        <v>4238904</v>
      </c>
      <c r="KS19" s="345">
        <v>3377422</v>
      </c>
      <c r="KT19" s="345">
        <v>3980232</v>
      </c>
      <c r="KU19" s="345">
        <v>6669608</v>
      </c>
      <c r="KV19" s="345">
        <v>4150079</v>
      </c>
      <c r="KW19" s="349">
        <v>22416245</v>
      </c>
      <c r="KX19" s="347">
        <v>22416245</v>
      </c>
      <c r="KY19" s="348">
        <v>0</v>
      </c>
      <c r="KZ19" s="345">
        <v>0</v>
      </c>
      <c r="LA19" s="349">
        <v>0</v>
      </c>
      <c r="LB19" s="413">
        <v>0</v>
      </c>
      <c r="LC19" s="345">
        <v>527151</v>
      </c>
      <c r="LD19" s="345">
        <v>197432</v>
      </c>
      <c r="LE19" s="345">
        <v>831500</v>
      </c>
      <c r="LF19" s="345">
        <v>1691109</v>
      </c>
      <c r="LG19" s="345">
        <v>263207</v>
      </c>
      <c r="LH19" s="349">
        <v>3510399</v>
      </c>
      <c r="LI19" s="350">
        <v>3510399</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2777344</v>
      </c>
      <c r="MK19" s="345">
        <v>6709039</v>
      </c>
      <c r="ML19" s="345">
        <v>26273420</v>
      </c>
      <c r="MM19" s="345">
        <v>45978065</v>
      </c>
      <c r="MN19" s="345">
        <v>44380129</v>
      </c>
      <c r="MO19" s="349">
        <v>126117997</v>
      </c>
      <c r="MP19" s="354">
        <v>126117997</v>
      </c>
      <c r="MQ19" s="348">
        <v>0</v>
      </c>
      <c r="MR19" s="345">
        <v>0</v>
      </c>
      <c r="MS19" s="349">
        <v>0</v>
      </c>
      <c r="MT19" s="413">
        <v>0</v>
      </c>
      <c r="MU19" s="345">
        <v>240612</v>
      </c>
      <c r="MV19" s="345">
        <v>1532448</v>
      </c>
      <c r="MW19" s="345">
        <v>15336550</v>
      </c>
      <c r="MX19" s="345">
        <v>35100507</v>
      </c>
      <c r="MY19" s="345">
        <v>36759921</v>
      </c>
      <c r="MZ19" s="349">
        <v>88970038</v>
      </c>
      <c r="NA19" s="354">
        <v>88970038</v>
      </c>
      <c r="NB19" s="348">
        <v>0</v>
      </c>
      <c r="NC19" s="345">
        <v>0</v>
      </c>
      <c r="ND19" s="349">
        <v>0</v>
      </c>
      <c r="NE19" s="413">
        <v>0</v>
      </c>
      <c r="NF19" s="345">
        <v>2536732</v>
      </c>
      <c r="NG19" s="345">
        <v>5176591</v>
      </c>
      <c r="NH19" s="345">
        <v>10770094</v>
      </c>
      <c r="NI19" s="345">
        <v>10877558</v>
      </c>
      <c r="NJ19" s="345">
        <v>7620208</v>
      </c>
      <c r="NK19" s="349">
        <v>36981183</v>
      </c>
      <c r="NL19" s="347">
        <v>36981183</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166776</v>
      </c>
      <c r="OE19" s="345">
        <v>0</v>
      </c>
      <c r="OF19" s="345">
        <v>0</v>
      </c>
      <c r="OG19" s="349">
        <v>166776</v>
      </c>
      <c r="OH19" s="350">
        <v>166776</v>
      </c>
      <c r="OI19" s="348">
        <v>3091526</v>
      </c>
      <c r="OJ19" s="345">
        <v>5537263</v>
      </c>
      <c r="OK19" s="346">
        <v>8628789</v>
      </c>
      <c r="OL19" s="351">
        <v>0</v>
      </c>
      <c r="OM19" s="345">
        <v>68524388</v>
      </c>
      <c r="ON19" s="345">
        <v>87622697</v>
      </c>
      <c r="OO19" s="345">
        <v>100095478</v>
      </c>
      <c r="OP19" s="345">
        <v>119815213</v>
      </c>
      <c r="OQ19" s="345">
        <v>103791255</v>
      </c>
      <c r="OR19" s="349">
        <v>479849031</v>
      </c>
      <c r="OS19" s="354">
        <v>488477820</v>
      </c>
    </row>
    <row r="20" spans="2:409" s="70" customFormat="1" ht="21" customHeight="1" x14ac:dyDescent="0.2">
      <c r="B20" s="410" t="s">
        <v>15</v>
      </c>
      <c r="C20" s="326">
        <v>2624567</v>
      </c>
      <c r="D20" s="327">
        <v>4005537</v>
      </c>
      <c r="E20" s="328">
        <v>6630104</v>
      </c>
      <c r="F20" s="329">
        <v>0</v>
      </c>
      <c r="G20" s="327">
        <v>33742830</v>
      </c>
      <c r="H20" s="327">
        <v>41827470</v>
      </c>
      <c r="I20" s="327">
        <v>38476014</v>
      </c>
      <c r="J20" s="327">
        <v>43151421</v>
      </c>
      <c r="K20" s="327">
        <v>23546301</v>
      </c>
      <c r="L20" s="329">
        <v>180744036</v>
      </c>
      <c r="M20" s="330">
        <v>187374140</v>
      </c>
      <c r="N20" s="326">
        <v>331491</v>
      </c>
      <c r="O20" s="327">
        <v>663559</v>
      </c>
      <c r="P20" s="328">
        <v>995050</v>
      </c>
      <c r="Q20" s="326">
        <v>0</v>
      </c>
      <c r="R20" s="327">
        <v>6586043</v>
      </c>
      <c r="S20" s="327">
        <v>11560575</v>
      </c>
      <c r="T20" s="327">
        <v>11296493</v>
      </c>
      <c r="U20" s="327">
        <v>12848073</v>
      </c>
      <c r="V20" s="327">
        <v>11567169</v>
      </c>
      <c r="W20" s="328">
        <v>53858353</v>
      </c>
      <c r="X20" s="330">
        <v>54853403</v>
      </c>
      <c r="Y20" s="326">
        <v>0</v>
      </c>
      <c r="Z20" s="327">
        <v>0</v>
      </c>
      <c r="AA20" s="328">
        <v>0</v>
      </c>
      <c r="AB20" s="326">
        <v>0</v>
      </c>
      <c r="AC20" s="327">
        <v>2677899</v>
      </c>
      <c r="AD20" s="327">
        <v>5746267</v>
      </c>
      <c r="AE20" s="327">
        <v>6850354</v>
      </c>
      <c r="AF20" s="327">
        <v>7945472</v>
      </c>
      <c r="AG20" s="327">
        <v>7009955</v>
      </c>
      <c r="AH20" s="328">
        <v>30229947</v>
      </c>
      <c r="AI20" s="330">
        <v>30229947</v>
      </c>
      <c r="AJ20" s="326">
        <v>0</v>
      </c>
      <c r="AK20" s="327">
        <v>0</v>
      </c>
      <c r="AL20" s="328">
        <v>0</v>
      </c>
      <c r="AM20" s="326">
        <v>0</v>
      </c>
      <c r="AN20" s="327">
        <v>0</v>
      </c>
      <c r="AO20" s="327">
        <v>108094</v>
      </c>
      <c r="AP20" s="327">
        <v>449528</v>
      </c>
      <c r="AQ20" s="327">
        <v>898787</v>
      </c>
      <c r="AR20" s="327">
        <v>1136853</v>
      </c>
      <c r="AS20" s="328">
        <v>2593262</v>
      </c>
      <c r="AT20" s="330">
        <v>2593262</v>
      </c>
      <c r="AU20" s="326">
        <v>149808</v>
      </c>
      <c r="AV20" s="327">
        <v>509158</v>
      </c>
      <c r="AW20" s="328">
        <v>658966</v>
      </c>
      <c r="AX20" s="326">
        <v>0</v>
      </c>
      <c r="AY20" s="327">
        <v>1967355</v>
      </c>
      <c r="AZ20" s="327">
        <v>3525178</v>
      </c>
      <c r="BA20" s="327">
        <v>2282040</v>
      </c>
      <c r="BB20" s="327">
        <v>1977951</v>
      </c>
      <c r="BC20" s="327">
        <v>2202174</v>
      </c>
      <c r="BD20" s="328">
        <v>11954698</v>
      </c>
      <c r="BE20" s="330">
        <v>12613664</v>
      </c>
      <c r="BF20" s="326">
        <v>0</v>
      </c>
      <c r="BG20" s="327">
        <v>58330</v>
      </c>
      <c r="BH20" s="331">
        <v>58330</v>
      </c>
      <c r="BI20" s="332">
        <v>0</v>
      </c>
      <c r="BJ20" s="327">
        <v>281437</v>
      </c>
      <c r="BK20" s="327">
        <v>436856</v>
      </c>
      <c r="BL20" s="327">
        <v>138572</v>
      </c>
      <c r="BM20" s="327">
        <v>108447</v>
      </c>
      <c r="BN20" s="327">
        <v>248764</v>
      </c>
      <c r="BO20" s="328">
        <v>1214076</v>
      </c>
      <c r="BP20" s="330">
        <v>1272406</v>
      </c>
      <c r="BQ20" s="326">
        <v>181683</v>
      </c>
      <c r="BR20" s="327">
        <v>96071</v>
      </c>
      <c r="BS20" s="328">
        <v>277754</v>
      </c>
      <c r="BT20" s="326">
        <v>0</v>
      </c>
      <c r="BU20" s="327">
        <v>1659352</v>
      </c>
      <c r="BV20" s="327">
        <v>1744180</v>
      </c>
      <c r="BW20" s="327">
        <v>1575999</v>
      </c>
      <c r="BX20" s="327">
        <v>1917416</v>
      </c>
      <c r="BY20" s="327">
        <v>969423</v>
      </c>
      <c r="BZ20" s="328">
        <v>7866370</v>
      </c>
      <c r="CA20" s="330">
        <v>8144124</v>
      </c>
      <c r="CB20" s="326">
        <v>71365</v>
      </c>
      <c r="CC20" s="327">
        <v>278011</v>
      </c>
      <c r="CD20" s="328">
        <v>349376</v>
      </c>
      <c r="CE20" s="326">
        <v>0</v>
      </c>
      <c r="CF20" s="327">
        <v>7456300</v>
      </c>
      <c r="CG20" s="327">
        <v>10927007</v>
      </c>
      <c r="CH20" s="327">
        <v>7522747</v>
      </c>
      <c r="CI20" s="327">
        <v>4355242</v>
      </c>
      <c r="CJ20" s="327">
        <v>1959487</v>
      </c>
      <c r="CK20" s="328">
        <v>32220783</v>
      </c>
      <c r="CL20" s="330">
        <v>32570159</v>
      </c>
      <c r="CM20" s="326">
        <v>0</v>
      </c>
      <c r="CN20" s="327">
        <v>0</v>
      </c>
      <c r="CO20" s="328">
        <v>0</v>
      </c>
      <c r="CP20" s="332">
        <v>0</v>
      </c>
      <c r="CQ20" s="327">
        <v>5632890</v>
      </c>
      <c r="CR20" s="327">
        <v>8173841</v>
      </c>
      <c r="CS20" s="327">
        <v>5644707</v>
      </c>
      <c r="CT20" s="327">
        <v>3229759</v>
      </c>
      <c r="CU20" s="327">
        <v>1201502</v>
      </c>
      <c r="CV20" s="328">
        <v>23882699</v>
      </c>
      <c r="CW20" s="330">
        <v>23882699</v>
      </c>
      <c r="CX20" s="326">
        <v>71365</v>
      </c>
      <c r="CY20" s="327">
        <v>278011</v>
      </c>
      <c r="CZ20" s="328">
        <v>349376</v>
      </c>
      <c r="DA20" s="326">
        <v>0</v>
      </c>
      <c r="DB20" s="327">
        <v>1823410</v>
      </c>
      <c r="DC20" s="327">
        <v>2753166</v>
      </c>
      <c r="DD20" s="327">
        <v>1878040</v>
      </c>
      <c r="DE20" s="327">
        <v>1125483</v>
      </c>
      <c r="DF20" s="327">
        <v>757985</v>
      </c>
      <c r="DG20" s="328">
        <v>8338084</v>
      </c>
      <c r="DH20" s="330">
        <v>8687460</v>
      </c>
      <c r="DI20" s="326">
        <v>0</v>
      </c>
      <c r="DJ20" s="327">
        <v>0</v>
      </c>
      <c r="DK20" s="331">
        <v>0</v>
      </c>
      <c r="DL20" s="332">
        <v>0</v>
      </c>
      <c r="DM20" s="327">
        <v>1067866</v>
      </c>
      <c r="DN20" s="327">
        <v>2199351</v>
      </c>
      <c r="DO20" s="327">
        <v>6886322</v>
      </c>
      <c r="DP20" s="327">
        <v>9543648</v>
      </c>
      <c r="DQ20" s="327">
        <v>2504128</v>
      </c>
      <c r="DR20" s="328">
        <v>22201315</v>
      </c>
      <c r="DS20" s="330">
        <v>22201315</v>
      </c>
      <c r="DT20" s="326">
        <v>0</v>
      </c>
      <c r="DU20" s="327">
        <v>0</v>
      </c>
      <c r="DV20" s="328">
        <v>0</v>
      </c>
      <c r="DW20" s="326">
        <v>0</v>
      </c>
      <c r="DX20" s="327">
        <v>775395</v>
      </c>
      <c r="DY20" s="327">
        <v>1814147</v>
      </c>
      <c r="DZ20" s="327">
        <v>6605292</v>
      </c>
      <c r="EA20" s="327">
        <v>9310143</v>
      </c>
      <c r="EB20" s="327">
        <v>2466688</v>
      </c>
      <c r="EC20" s="328">
        <v>20971665</v>
      </c>
      <c r="ED20" s="330">
        <v>20971665</v>
      </c>
      <c r="EE20" s="326">
        <v>0</v>
      </c>
      <c r="EF20" s="331">
        <v>0</v>
      </c>
      <c r="EG20" s="328">
        <v>0</v>
      </c>
      <c r="EH20" s="326">
        <v>0</v>
      </c>
      <c r="EI20" s="327">
        <v>292471</v>
      </c>
      <c r="EJ20" s="327">
        <v>385204</v>
      </c>
      <c r="EK20" s="327">
        <v>281030</v>
      </c>
      <c r="EL20" s="327">
        <v>233505</v>
      </c>
      <c r="EM20" s="327">
        <v>37440</v>
      </c>
      <c r="EN20" s="331">
        <v>1229650</v>
      </c>
      <c r="EO20" s="330">
        <v>122965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671970</v>
      </c>
      <c r="FM20" s="327">
        <v>1119140</v>
      </c>
      <c r="FN20" s="328">
        <v>1791110</v>
      </c>
      <c r="FO20" s="326">
        <v>0</v>
      </c>
      <c r="FP20" s="327">
        <v>2042879</v>
      </c>
      <c r="FQ20" s="327">
        <v>4869435</v>
      </c>
      <c r="FR20" s="327">
        <v>2990686</v>
      </c>
      <c r="FS20" s="327">
        <v>2731324</v>
      </c>
      <c r="FT20" s="327">
        <v>1862854</v>
      </c>
      <c r="FU20" s="328">
        <v>14497178</v>
      </c>
      <c r="FV20" s="330">
        <v>16288288</v>
      </c>
      <c r="FW20" s="333">
        <v>418170</v>
      </c>
      <c r="FX20" s="327">
        <v>878696</v>
      </c>
      <c r="FY20" s="331">
        <v>1296866</v>
      </c>
      <c r="FZ20" s="332">
        <v>0</v>
      </c>
      <c r="GA20" s="327">
        <v>1436594</v>
      </c>
      <c r="GB20" s="327">
        <v>4295675</v>
      </c>
      <c r="GC20" s="327">
        <v>2625542</v>
      </c>
      <c r="GD20" s="327">
        <v>2370568</v>
      </c>
      <c r="GE20" s="327">
        <v>1799494</v>
      </c>
      <c r="GF20" s="328">
        <v>12527873</v>
      </c>
      <c r="GG20" s="334">
        <v>13824739</v>
      </c>
      <c r="GH20" s="333">
        <v>0</v>
      </c>
      <c r="GI20" s="327">
        <v>25344</v>
      </c>
      <c r="GJ20" s="331">
        <v>25344</v>
      </c>
      <c r="GK20" s="332">
        <v>0</v>
      </c>
      <c r="GL20" s="327">
        <v>185085</v>
      </c>
      <c r="GM20" s="327">
        <v>143870</v>
      </c>
      <c r="GN20" s="327">
        <v>218444</v>
      </c>
      <c r="GO20" s="327">
        <v>42066</v>
      </c>
      <c r="GP20" s="327">
        <v>63360</v>
      </c>
      <c r="GQ20" s="328">
        <v>652825</v>
      </c>
      <c r="GR20" s="330">
        <v>678169</v>
      </c>
      <c r="GS20" s="326">
        <v>253800</v>
      </c>
      <c r="GT20" s="327">
        <v>215100</v>
      </c>
      <c r="GU20" s="328">
        <v>468900</v>
      </c>
      <c r="GV20" s="326">
        <v>0</v>
      </c>
      <c r="GW20" s="327">
        <v>421200</v>
      </c>
      <c r="GX20" s="327">
        <v>429890</v>
      </c>
      <c r="GY20" s="327">
        <v>146700</v>
      </c>
      <c r="GZ20" s="327">
        <v>318690</v>
      </c>
      <c r="HA20" s="327">
        <v>0</v>
      </c>
      <c r="HB20" s="331">
        <v>1316480</v>
      </c>
      <c r="HC20" s="330">
        <v>1785380</v>
      </c>
      <c r="HD20" s="326">
        <v>1128981</v>
      </c>
      <c r="HE20" s="327">
        <v>995329</v>
      </c>
      <c r="HF20" s="331">
        <v>2124310</v>
      </c>
      <c r="HG20" s="332">
        <v>0</v>
      </c>
      <c r="HH20" s="327">
        <v>9628060</v>
      </c>
      <c r="HI20" s="327">
        <v>4627746</v>
      </c>
      <c r="HJ20" s="327">
        <v>5388879</v>
      </c>
      <c r="HK20" s="327">
        <v>10577651</v>
      </c>
      <c r="HL20" s="327">
        <v>3838447</v>
      </c>
      <c r="HM20" s="328">
        <v>34060783</v>
      </c>
      <c r="HN20" s="329">
        <v>36185093</v>
      </c>
      <c r="HO20" s="333">
        <v>420760</v>
      </c>
      <c r="HP20" s="327">
        <v>949498</v>
      </c>
      <c r="HQ20" s="328">
        <v>1370258</v>
      </c>
      <c r="HR20" s="326">
        <v>0</v>
      </c>
      <c r="HS20" s="327">
        <v>6961682</v>
      </c>
      <c r="HT20" s="327">
        <v>7643356</v>
      </c>
      <c r="HU20" s="327">
        <v>4390887</v>
      </c>
      <c r="HV20" s="327">
        <v>3095483</v>
      </c>
      <c r="HW20" s="327">
        <v>1814216</v>
      </c>
      <c r="HX20" s="331">
        <v>23905624</v>
      </c>
      <c r="HY20" s="330">
        <v>25275882</v>
      </c>
      <c r="HZ20" s="358">
        <v>102367</v>
      </c>
      <c r="IA20" s="356">
        <v>1417867</v>
      </c>
      <c r="IB20" s="358">
        <v>1520234</v>
      </c>
      <c r="IC20" s="355">
        <v>0</v>
      </c>
      <c r="ID20" s="356">
        <v>22802446</v>
      </c>
      <c r="IE20" s="357">
        <v>26187638</v>
      </c>
      <c r="IF20" s="358">
        <v>25243348</v>
      </c>
      <c r="IG20" s="356">
        <v>16156411</v>
      </c>
      <c r="IH20" s="358">
        <v>12024672</v>
      </c>
      <c r="II20" s="359">
        <v>102414515</v>
      </c>
      <c r="IJ20" s="358">
        <v>103934749</v>
      </c>
      <c r="IK20" s="342">
        <v>0</v>
      </c>
      <c r="IL20" s="343">
        <v>0</v>
      </c>
      <c r="IM20" s="344">
        <v>0</v>
      </c>
      <c r="IN20" s="404">
        <v>0</v>
      </c>
      <c r="IO20" s="345">
        <v>458603</v>
      </c>
      <c r="IP20" s="345">
        <v>493817</v>
      </c>
      <c r="IQ20" s="345">
        <v>565553</v>
      </c>
      <c r="IR20" s="345">
        <v>817762</v>
      </c>
      <c r="IS20" s="345">
        <v>1017504</v>
      </c>
      <c r="IT20" s="346">
        <v>3353239</v>
      </c>
      <c r="IU20" s="347">
        <v>3353239</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9104915</v>
      </c>
      <c r="JL20" s="345">
        <v>10058279</v>
      </c>
      <c r="JM20" s="345">
        <v>6861053</v>
      </c>
      <c r="JN20" s="345">
        <v>3277855</v>
      </c>
      <c r="JO20" s="345">
        <v>1883898</v>
      </c>
      <c r="JP20" s="349">
        <v>31186000</v>
      </c>
      <c r="JQ20" s="347">
        <v>31186000</v>
      </c>
      <c r="JR20" s="348">
        <v>0</v>
      </c>
      <c r="JS20" s="345">
        <v>0</v>
      </c>
      <c r="JT20" s="346">
        <v>0</v>
      </c>
      <c r="JU20" s="351">
        <v>0</v>
      </c>
      <c r="JV20" s="345">
        <v>79361</v>
      </c>
      <c r="JW20" s="345">
        <v>172996</v>
      </c>
      <c r="JX20" s="345">
        <v>674561</v>
      </c>
      <c r="JY20" s="345">
        <v>228192</v>
      </c>
      <c r="JZ20" s="345">
        <v>283059</v>
      </c>
      <c r="KA20" s="349">
        <v>1438169</v>
      </c>
      <c r="KB20" s="347">
        <v>1438169</v>
      </c>
      <c r="KC20" s="352">
        <v>102367</v>
      </c>
      <c r="KD20" s="353">
        <v>1165995</v>
      </c>
      <c r="KE20" s="349">
        <v>1268362</v>
      </c>
      <c r="KF20" s="351">
        <v>0</v>
      </c>
      <c r="KG20" s="345">
        <v>2444563</v>
      </c>
      <c r="KH20" s="345">
        <v>1962270</v>
      </c>
      <c r="KI20" s="345">
        <v>752149</v>
      </c>
      <c r="KJ20" s="345">
        <v>1617557</v>
      </c>
      <c r="KK20" s="345">
        <v>1017044</v>
      </c>
      <c r="KL20" s="349">
        <v>7793583</v>
      </c>
      <c r="KM20" s="354">
        <v>9061945</v>
      </c>
      <c r="KN20" s="342">
        <v>0</v>
      </c>
      <c r="KO20" s="343">
        <v>251872</v>
      </c>
      <c r="KP20" s="344">
        <v>251872</v>
      </c>
      <c r="KQ20" s="413">
        <v>0</v>
      </c>
      <c r="KR20" s="345">
        <v>10135703</v>
      </c>
      <c r="KS20" s="345">
        <v>11608321</v>
      </c>
      <c r="KT20" s="345">
        <v>11721403</v>
      </c>
      <c r="KU20" s="345">
        <v>6427115</v>
      </c>
      <c r="KV20" s="345">
        <v>4625035</v>
      </c>
      <c r="KW20" s="349">
        <v>44517577</v>
      </c>
      <c r="KX20" s="347">
        <v>44769449</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3250252</v>
      </c>
      <c r="LQ20" s="345">
        <v>3429570</v>
      </c>
      <c r="LR20" s="345">
        <v>2729123</v>
      </c>
      <c r="LS20" s="349">
        <v>9408945</v>
      </c>
      <c r="LT20" s="347">
        <v>9408945</v>
      </c>
      <c r="LU20" s="348">
        <v>0</v>
      </c>
      <c r="LV20" s="345">
        <v>0</v>
      </c>
      <c r="LW20" s="349">
        <v>0</v>
      </c>
      <c r="LX20" s="413">
        <v>0</v>
      </c>
      <c r="LY20" s="345">
        <v>579301</v>
      </c>
      <c r="LZ20" s="345">
        <v>1891955</v>
      </c>
      <c r="MA20" s="345">
        <v>1418377</v>
      </c>
      <c r="MB20" s="345">
        <v>358360</v>
      </c>
      <c r="MC20" s="345">
        <v>469009</v>
      </c>
      <c r="MD20" s="349">
        <v>4717002</v>
      </c>
      <c r="ME20" s="350">
        <v>4717002</v>
      </c>
      <c r="MF20" s="348">
        <v>0</v>
      </c>
      <c r="MG20" s="345">
        <v>0</v>
      </c>
      <c r="MH20" s="349">
        <v>0</v>
      </c>
      <c r="MI20" s="413">
        <v>0</v>
      </c>
      <c r="MJ20" s="345">
        <v>4752323</v>
      </c>
      <c r="MK20" s="345">
        <v>10238166</v>
      </c>
      <c r="ML20" s="345">
        <v>38696411</v>
      </c>
      <c r="MM20" s="345">
        <v>63618563</v>
      </c>
      <c r="MN20" s="345">
        <v>30735092</v>
      </c>
      <c r="MO20" s="349">
        <v>148040555</v>
      </c>
      <c r="MP20" s="354">
        <v>148040555</v>
      </c>
      <c r="MQ20" s="348">
        <v>0</v>
      </c>
      <c r="MR20" s="345">
        <v>0</v>
      </c>
      <c r="MS20" s="349">
        <v>0</v>
      </c>
      <c r="MT20" s="413">
        <v>0</v>
      </c>
      <c r="MU20" s="345">
        <v>161459</v>
      </c>
      <c r="MV20" s="345">
        <v>236068</v>
      </c>
      <c r="MW20" s="345">
        <v>24622444</v>
      </c>
      <c r="MX20" s="345">
        <v>45330151</v>
      </c>
      <c r="MY20" s="345">
        <v>22253707</v>
      </c>
      <c r="MZ20" s="349">
        <v>92603829</v>
      </c>
      <c r="NA20" s="354">
        <v>92603829</v>
      </c>
      <c r="NB20" s="348">
        <v>0</v>
      </c>
      <c r="NC20" s="345">
        <v>0</v>
      </c>
      <c r="ND20" s="349">
        <v>0</v>
      </c>
      <c r="NE20" s="413">
        <v>0</v>
      </c>
      <c r="NF20" s="345">
        <v>4590864</v>
      </c>
      <c r="NG20" s="345">
        <v>10002098</v>
      </c>
      <c r="NH20" s="345">
        <v>14073967</v>
      </c>
      <c r="NI20" s="345">
        <v>18288412</v>
      </c>
      <c r="NJ20" s="345">
        <v>8481385</v>
      </c>
      <c r="NK20" s="349">
        <v>55436726</v>
      </c>
      <c r="NL20" s="347">
        <v>55436726</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2726934</v>
      </c>
      <c r="OJ20" s="345">
        <v>5423404</v>
      </c>
      <c r="OK20" s="346">
        <v>8150338</v>
      </c>
      <c r="OL20" s="351">
        <v>0</v>
      </c>
      <c r="OM20" s="345">
        <v>61297599</v>
      </c>
      <c r="ON20" s="345">
        <v>78253274</v>
      </c>
      <c r="OO20" s="345">
        <v>102415773</v>
      </c>
      <c r="OP20" s="345">
        <v>122926395</v>
      </c>
      <c r="OQ20" s="345">
        <v>66306065</v>
      </c>
      <c r="OR20" s="349">
        <v>431199106</v>
      </c>
      <c r="OS20" s="354">
        <v>439349444</v>
      </c>
    </row>
    <row r="21" spans="2:409" s="70" customFormat="1" ht="21" customHeight="1" x14ac:dyDescent="0.2">
      <c r="B21" s="410" t="s">
        <v>16</v>
      </c>
      <c r="C21" s="326">
        <v>6367520</v>
      </c>
      <c r="D21" s="327">
        <v>14694283</v>
      </c>
      <c r="E21" s="328">
        <v>21061803</v>
      </c>
      <c r="F21" s="329">
        <v>0</v>
      </c>
      <c r="G21" s="327">
        <v>80108460</v>
      </c>
      <c r="H21" s="327">
        <v>139849505</v>
      </c>
      <c r="I21" s="327">
        <v>103862495</v>
      </c>
      <c r="J21" s="327">
        <v>106770988</v>
      </c>
      <c r="K21" s="327">
        <v>63762031</v>
      </c>
      <c r="L21" s="329">
        <v>494353479</v>
      </c>
      <c r="M21" s="330">
        <v>515415282</v>
      </c>
      <c r="N21" s="326">
        <v>1287270</v>
      </c>
      <c r="O21" s="327">
        <v>2412280</v>
      </c>
      <c r="P21" s="328">
        <v>3699550</v>
      </c>
      <c r="Q21" s="326">
        <v>0</v>
      </c>
      <c r="R21" s="327">
        <v>15946847</v>
      </c>
      <c r="S21" s="327">
        <v>33613824</v>
      </c>
      <c r="T21" s="327">
        <v>26950822</v>
      </c>
      <c r="U21" s="327">
        <v>31191175</v>
      </c>
      <c r="V21" s="327">
        <v>23594222</v>
      </c>
      <c r="W21" s="328">
        <v>131296890</v>
      </c>
      <c r="X21" s="330">
        <v>134996440</v>
      </c>
      <c r="Y21" s="326">
        <v>0</v>
      </c>
      <c r="Z21" s="327">
        <v>0</v>
      </c>
      <c r="AA21" s="328">
        <v>0</v>
      </c>
      <c r="AB21" s="326">
        <v>0</v>
      </c>
      <c r="AC21" s="327">
        <v>6102158</v>
      </c>
      <c r="AD21" s="327">
        <v>12995745</v>
      </c>
      <c r="AE21" s="327">
        <v>13722307</v>
      </c>
      <c r="AF21" s="327">
        <v>16440235</v>
      </c>
      <c r="AG21" s="327">
        <v>11283239</v>
      </c>
      <c r="AH21" s="328">
        <v>60543684</v>
      </c>
      <c r="AI21" s="330">
        <v>60543684</v>
      </c>
      <c r="AJ21" s="326">
        <v>0</v>
      </c>
      <c r="AK21" s="327">
        <v>0</v>
      </c>
      <c r="AL21" s="328">
        <v>0</v>
      </c>
      <c r="AM21" s="326">
        <v>0</v>
      </c>
      <c r="AN21" s="327">
        <v>113878</v>
      </c>
      <c r="AO21" s="327">
        <v>398097</v>
      </c>
      <c r="AP21" s="327">
        <v>360738</v>
      </c>
      <c r="AQ21" s="327">
        <v>1395728</v>
      </c>
      <c r="AR21" s="327">
        <v>2924560</v>
      </c>
      <c r="AS21" s="328">
        <v>5193001</v>
      </c>
      <c r="AT21" s="330">
        <v>5193001</v>
      </c>
      <c r="AU21" s="326">
        <v>645942</v>
      </c>
      <c r="AV21" s="327">
        <v>1558429</v>
      </c>
      <c r="AW21" s="328">
        <v>2204371</v>
      </c>
      <c r="AX21" s="326">
        <v>0</v>
      </c>
      <c r="AY21" s="327">
        <v>5904396</v>
      </c>
      <c r="AZ21" s="327">
        <v>13497577</v>
      </c>
      <c r="BA21" s="327">
        <v>8279211</v>
      </c>
      <c r="BB21" s="327">
        <v>8398745</v>
      </c>
      <c r="BC21" s="327">
        <v>5964732</v>
      </c>
      <c r="BD21" s="328">
        <v>42044661</v>
      </c>
      <c r="BE21" s="330">
        <v>44249032</v>
      </c>
      <c r="BF21" s="326">
        <v>155209</v>
      </c>
      <c r="BG21" s="327">
        <v>258877</v>
      </c>
      <c r="BH21" s="331">
        <v>414086</v>
      </c>
      <c r="BI21" s="332">
        <v>0</v>
      </c>
      <c r="BJ21" s="327">
        <v>285593</v>
      </c>
      <c r="BK21" s="327">
        <v>1226943</v>
      </c>
      <c r="BL21" s="327">
        <v>401316</v>
      </c>
      <c r="BM21" s="327">
        <v>316721</v>
      </c>
      <c r="BN21" s="327">
        <v>404676</v>
      </c>
      <c r="BO21" s="328">
        <v>2635249</v>
      </c>
      <c r="BP21" s="330">
        <v>3049335</v>
      </c>
      <c r="BQ21" s="326">
        <v>486119</v>
      </c>
      <c r="BR21" s="327">
        <v>594974</v>
      </c>
      <c r="BS21" s="328">
        <v>1081093</v>
      </c>
      <c r="BT21" s="326">
        <v>0</v>
      </c>
      <c r="BU21" s="327">
        <v>3540822</v>
      </c>
      <c r="BV21" s="327">
        <v>5495462</v>
      </c>
      <c r="BW21" s="327">
        <v>4187250</v>
      </c>
      <c r="BX21" s="327">
        <v>4639746</v>
      </c>
      <c r="BY21" s="327">
        <v>3017015</v>
      </c>
      <c r="BZ21" s="328">
        <v>20880295</v>
      </c>
      <c r="CA21" s="330">
        <v>21961388</v>
      </c>
      <c r="CB21" s="326">
        <v>981879</v>
      </c>
      <c r="CC21" s="327">
        <v>4681765</v>
      </c>
      <c r="CD21" s="328">
        <v>5663644</v>
      </c>
      <c r="CE21" s="326">
        <v>0</v>
      </c>
      <c r="CF21" s="327">
        <v>27390979</v>
      </c>
      <c r="CG21" s="327">
        <v>48293297</v>
      </c>
      <c r="CH21" s="327">
        <v>33070276</v>
      </c>
      <c r="CI21" s="327">
        <v>27890680</v>
      </c>
      <c r="CJ21" s="327">
        <v>13511231</v>
      </c>
      <c r="CK21" s="328">
        <v>150156463</v>
      </c>
      <c r="CL21" s="330">
        <v>155820107</v>
      </c>
      <c r="CM21" s="326">
        <v>0</v>
      </c>
      <c r="CN21" s="327">
        <v>0</v>
      </c>
      <c r="CO21" s="328">
        <v>0</v>
      </c>
      <c r="CP21" s="332">
        <v>0</v>
      </c>
      <c r="CQ21" s="327">
        <v>17990076</v>
      </c>
      <c r="CR21" s="327">
        <v>30005218</v>
      </c>
      <c r="CS21" s="327">
        <v>25146336</v>
      </c>
      <c r="CT21" s="327">
        <v>22034746</v>
      </c>
      <c r="CU21" s="327">
        <v>10703655</v>
      </c>
      <c r="CV21" s="328">
        <v>105880031</v>
      </c>
      <c r="CW21" s="330">
        <v>105880031</v>
      </c>
      <c r="CX21" s="326">
        <v>981879</v>
      </c>
      <c r="CY21" s="327">
        <v>4681765</v>
      </c>
      <c r="CZ21" s="328">
        <v>5663644</v>
      </c>
      <c r="DA21" s="326">
        <v>0</v>
      </c>
      <c r="DB21" s="327">
        <v>9400903</v>
      </c>
      <c r="DC21" s="327">
        <v>18288079</v>
      </c>
      <c r="DD21" s="327">
        <v>7923940</v>
      </c>
      <c r="DE21" s="327">
        <v>5855934</v>
      </c>
      <c r="DF21" s="327">
        <v>2807576</v>
      </c>
      <c r="DG21" s="328">
        <v>44276432</v>
      </c>
      <c r="DH21" s="330">
        <v>49940076</v>
      </c>
      <c r="DI21" s="326">
        <v>64948</v>
      </c>
      <c r="DJ21" s="327">
        <v>117169</v>
      </c>
      <c r="DK21" s="331">
        <v>182117</v>
      </c>
      <c r="DL21" s="332">
        <v>0</v>
      </c>
      <c r="DM21" s="327">
        <v>2059893</v>
      </c>
      <c r="DN21" s="327">
        <v>5876440</v>
      </c>
      <c r="DO21" s="327">
        <v>7106254</v>
      </c>
      <c r="DP21" s="327">
        <v>5774661</v>
      </c>
      <c r="DQ21" s="327">
        <v>3376765</v>
      </c>
      <c r="DR21" s="328">
        <v>24194013</v>
      </c>
      <c r="DS21" s="330">
        <v>24376130</v>
      </c>
      <c r="DT21" s="326">
        <v>64948</v>
      </c>
      <c r="DU21" s="327">
        <v>117169</v>
      </c>
      <c r="DV21" s="328">
        <v>182117</v>
      </c>
      <c r="DW21" s="326">
        <v>0</v>
      </c>
      <c r="DX21" s="327">
        <v>1914788</v>
      </c>
      <c r="DY21" s="327">
        <v>5544870</v>
      </c>
      <c r="DZ21" s="327">
        <v>6792607</v>
      </c>
      <c r="EA21" s="327">
        <v>5422547</v>
      </c>
      <c r="EB21" s="327">
        <v>2872352</v>
      </c>
      <c r="EC21" s="328">
        <v>22547164</v>
      </c>
      <c r="ED21" s="330">
        <v>22729281</v>
      </c>
      <c r="EE21" s="326">
        <v>0</v>
      </c>
      <c r="EF21" s="331">
        <v>0</v>
      </c>
      <c r="EG21" s="328">
        <v>0</v>
      </c>
      <c r="EH21" s="326">
        <v>0</v>
      </c>
      <c r="EI21" s="327">
        <v>145105</v>
      </c>
      <c r="EJ21" s="327">
        <v>331570</v>
      </c>
      <c r="EK21" s="327">
        <v>313647</v>
      </c>
      <c r="EL21" s="327">
        <v>352114</v>
      </c>
      <c r="EM21" s="327">
        <v>504413</v>
      </c>
      <c r="EN21" s="331">
        <v>1646849</v>
      </c>
      <c r="EO21" s="330">
        <v>1646849</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198361</v>
      </c>
      <c r="FM21" s="327">
        <v>3306165</v>
      </c>
      <c r="FN21" s="328">
        <v>4504526</v>
      </c>
      <c r="FO21" s="326">
        <v>0</v>
      </c>
      <c r="FP21" s="327">
        <v>3941385</v>
      </c>
      <c r="FQ21" s="327">
        <v>12842034</v>
      </c>
      <c r="FR21" s="327">
        <v>7823469</v>
      </c>
      <c r="FS21" s="327">
        <v>7449206</v>
      </c>
      <c r="FT21" s="327">
        <v>5264871</v>
      </c>
      <c r="FU21" s="328">
        <v>37320965</v>
      </c>
      <c r="FV21" s="330">
        <v>41825491</v>
      </c>
      <c r="FW21" s="333">
        <v>923544</v>
      </c>
      <c r="FX21" s="327">
        <v>2691006</v>
      </c>
      <c r="FY21" s="331">
        <v>3614550</v>
      </c>
      <c r="FZ21" s="332">
        <v>0</v>
      </c>
      <c r="GA21" s="327">
        <v>3007388</v>
      </c>
      <c r="GB21" s="327">
        <v>12083338</v>
      </c>
      <c r="GC21" s="327">
        <v>7435066</v>
      </c>
      <c r="GD21" s="327">
        <v>7209354</v>
      </c>
      <c r="GE21" s="327">
        <v>5146269</v>
      </c>
      <c r="GF21" s="328">
        <v>34881415</v>
      </c>
      <c r="GG21" s="334">
        <v>38495965</v>
      </c>
      <c r="GH21" s="333">
        <v>0</v>
      </c>
      <c r="GI21" s="327">
        <v>208923</v>
      </c>
      <c r="GJ21" s="331">
        <v>208923</v>
      </c>
      <c r="GK21" s="332">
        <v>0</v>
      </c>
      <c r="GL21" s="327">
        <v>182610</v>
      </c>
      <c r="GM21" s="327">
        <v>165306</v>
      </c>
      <c r="GN21" s="327">
        <v>47124</v>
      </c>
      <c r="GO21" s="327">
        <v>173052</v>
      </c>
      <c r="GP21" s="327">
        <v>118602</v>
      </c>
      <c r="GQ21" s="328">
        <v>686694</v>
      </c>
      <c r="GR21" s="330">
        <v>895617</v>
      </c>
      <c r="GS21" s="326">
        <v>274817</v>
      </c>
      <c r="GT21" s="327">
        <v>406236</v>
      </c>
      <c r="GU21" s="328">
        <v>681053</v>
      </c>
      <c r="GV21" s="326">
        <v>0</v>
      </c>
      <c r="GW21" s="327">
        <v>751387</v>
      </c>
      <c r="GX21" s="327">
        <v>593390</v>
      </c>
      <c r="GY21" s="327">
        <v>341279</v>
      </c>
      <c r="GZ21" s="327">
        <v>66800</v>
      </c>
      <c r="HA21" s="327">
        <v>0</v>
      </c>
      <c r="HB21" s="331">
        <v>1752856</v>
      </c>
      <c r="HC21" s="330">
        <v>2433909</v>
      </c>
      <c r="HD21" s="326">
        <v>1699745</v>
      </c>
      <c r="HE21" s="327">
        <v>1790536</v>
      </c>
      <c r="HF21" s="331">
        <v>3490281</v>
      </c>
      <c r="HG21" s="332">
        <v>0</v>
      </c>
      <c r="HH21" s="327">
        <v>18472925</v>
      </c>
      <c r="HI21" s="327">
        <v>21916734</v>
      </c>
      <c r="HJ21" s="327">
        <v>18837678</v>
      </c>
      <c r="HK21" s="327">
        <v>27144699</v>
      </c>
      <c r="HL21" s="327">
        <v>14231139</v>
      </c>
      <c r="HM21" s="328">
        <v>100603175</v>
      </c>
      <c r="HN21" s="329">
        <v>104093456</v>
      </c>
      <c r="HO21" s="333">
        <v>1135317</v>
      </c>
      <c r="HP21" s="327">
        <v>2386368</v>
      </c>
      <c r="HQ21" s="328">
        <v>3521685</v>
      </c>
      <c r="HR21" s="326">
        <v>0</v>
      </c>
      <c r="HS21" s="327">
        <v>12296431</v>
      </c>
      <c r="HT21" s="327">
        <v>17307176</v>
      </c>
      <c r="HU21" s="327">
        <v>10073996</v>
      </c>
      <c r="HV21" s="327">
        <v>7320567</v>
      </c>
      <c r="HW21" s="327">
        <v>3783803</v>
      </c>
      <c r="HX21" s="331">
        <v>50781973</v>
      </c>
      <c r="HY21" s="330">
        <v>54303658</v>
      </c>
      <c r="HZ21" s="335">
        <v>148629</v>
      </c>
      <c r="IA21" s="336">
        <v>591664</v>
      </c>
      <c r="IB21" s="337">
        <v>740293</v>
      </c>
      <c r="IC21" s="338">
        <v>0</v>
      </c>
      <c r="ID21" s="336">
        <v>17010139</v>
      </c>
      <c r="IE21" s="339">
        <v>31901705</v>
      </c>
      <c r="IF21" s="337">
        <v>31309573</v>
      </c>
      <c r="IG21" s="336">
        <v>27050060</v>
      </c>
      <c r="IH21" s="337">
        <v>20203833</v>
      </c>
      <c r="II21" s="340">
        <v>127475310</v>
      </c>
      <c r="IJ21" s="341">
        <v>128215603</v>
      </c>
      <c r="IK21" s="342">
        <v>0</v>
      </c>
      <c r="IL21" s="343">
        <v>0</v>
      </c>
      <c r="IM21" s="344">
        <v>0</v>
      </c>
      <c r="IN21" s="404">
        <v>0</v>
      </c>
      <c r="IO21" s="345">
        <v>545258</v>
      </c>
      <c r="IP21" s="345">
        <v>1576574</v>
      </c>
      <c r="IQ21" s="345">
        <v>2408987</v>
      </c>
      <c r="IR21" s="345">
        <v>2142886</v>
      </c>
      <c r="IS21" s="345">
        <v>2128877</v>
      </c>
      <c r="IT21" s="346">
        <v>8802582</v>
      </c>
      <c r="IU21" s="347">
        <v>8802582</v>
      </c>
      <c r="IV21" s="348">
        <v>0</v>
      </c>
      <c r="IW21" s="345">
        <v>0</v>
      </c>
      <c r="IX21" s="349">
        <v>0</v>
      </c>
      <c r="IY21" s="413">
        <v>0</v>
      </c>
      <c r="IZ21" s="345">
        <v>0</v>
      </c>
      <c r="JA21" s="345">
        <v>36702</v>
      </c>
      <c r="JB21" s="345">
        <v>18671</v>
      </c>
      <c r="JC21" s="345">
        <v>16560</v>
      </c>
      <c r="JD21" s="345">
        <v>18671</v>
      </c>
      <c r="JE21" s="349">
        <v>90604</v>
      </c>
      <c r="JF21" s="350">
        <v>90604</v>
      </c>
      <c r="JG21" s="348">
        <v>0</v>
      </c>
      <c r="JH21" s="345">
        <v>0</v>
      </c>
      <c r="JI21" s="346">
        <v>0</v>
      </c>
      <c r="JJ21" s="351">
        <v>0</v>
      </c>
      <c r="JK21" s="345">
        <v>6864430</v>
      </c>
      <c r="JL21" s="345">
        <v>9912892</v>
      </c>
      <c r="JM21" s="345">
        <v>8133252</v>
      </c>
      <c r="JN21" s="345">
        <v>3970978</v>
      </c>
      <c r="JO21" s="345">
        <v>2132391</v>
      </c>
      <c r="JP21" s="349">
        <v>31013943</v>
      </c>
      <c r="JQ21" s="347">
        <v>31013943</v>
      </c>
      <c r="JR21" s="348">
        <v>0</v>
      </c>
      <c r="JS21" s="345">
        <v>0</v>
      </c>
      <c r="JT21" s="346">
        <v>0</v>
      </c>
      <c r="JU21" s="351">
        <v>0</v>
      </c>
      <c r="JV21" s="345">
        <v>563547</v>
      </c>
      <c r="JW21" s="345">
        <v>900960</v>
      </c>
      <c r="JX21" s="345">
        <v>901684</v>
      </c>
      <c r="JY21" s="345">
        <v>902789</v>
      </c>
      <c r="JZ21" s="345">
        <v>540795</v>
      </c>
      <c r="KA21" s="349">
        <v>3809775</v>
      </c>
      <c r="KB21" s="347">
        <v>3809775</v>
      </c>
      <c r="KC21" s="352">
        <v>148629</v>
      </c>
      <c r="KD21" s="353">
        <v>341670</v>
      </c>
      <c r="KE21" s="349">
        <v>490299</v>
      </c>
      <c r="KF21" s="351">
        <v>0</v>
      </c>
      <c r="KG21" s="345">
        <v>2594117</v>
      </c>
      <c r="KH21" s="345">
        <v>5099297</v>
      </c>
      <c r="KI21" s="345">
        <v>3586846</v>
      </c>
      <c r="KJ21" s="345">
        <v>4474868</v>
      </c>
      <c r="KK21" s="345">
        <v>2745875</v>
      </c>
      <c r="KL21" s="349">
        <v>18501003</v>
      </c>
      <c r="KM21" s="354">
        <v>18991302</v>
      </c>
      <c r="KN21" s="342">
        <v>0</v>
      </c>
      <c r="KO21" s="343">
        <v>249994</v>
      </c>
      <c r="KP21" s="344">
        <v>249994</v>
      </c>
      <c r="KQ21" s="413">
        <v>0</v>
      </c>
      <c r="KR21" s="345">
        <v>6292037</v>
      </c>
      <c r="KS21" s="345">
        <v>12787679</v>
      </c>
      <c r="KT21" s="345">
        <v>12922586</v>
      </c>
      <c r="KU21" s="345">
        <v>10978600</v>
      </c>
      <c r="KV21" s="345">
        <v>7596647</v>
      </c>
      <c r="KW21" s="349">
        <v>50577549</v>
      </c>
      <c r="KX21" s="347">
        <v>50827543</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391717</v>
      </c>
      <c r="LP21" s="345">
        <v>1953637</v>
      </c>
      <c r="LQ21" s="345">
        <v>3670275</v>
      </c>
      <c r="LR21" s="345">
        <v>2593064</v>
      </c>
      <c r="LS21" s="349">
        <v>8608693</v>
      </c>
      <c r="LT21" s="347">
        <v>8608693</v>
      </c>
      <c r="LU21" s="348">
        <v>0</v>
      </c>
      <c r="LV21" s="345">
        <v>0</v>
      </c>
      <c r="LW21" s="349">
        <v>0</v>
      </c>
      <c r="LX21" s="413">
        <v>0</v>
      </c>
      <c r="LY21" s="345">
        <v>150750</v>
      </c>
      <c r="LZ21" s="345">
        <v>1195884</v>
      </c>
      <c r="MA21" s="345">
        <v>1383910</v>
      </c>
      <c r="MB21" s="345">
        <v>893104</v>
      </c>
      <c r="MC21" s="345">
        <v>2447513</v>
      </c>
      <c r="MD21" s="349">
        <v>6071161</v>
      </c>
      <c r="ME21" s="350">
        <v>6071161</v>
      </c>
      <c r="MF21" s="348">
        <v>0</v>
      </c>
      <c r="MG21" s="345">
        <v>0</v>
      </c>
      <c r="MH21" s="349">
        <v>0</v>
      </c>
      <c r="MI21" s="413">
        <v>0</v>
      </c>
      <c r="MJ21" s="345">
        <v>13866032</v>
      </c>
      <c r="MK21" s="345">
        <v>29470772</v>
      </c>
      <c r="ML21" s="345">
        <v>87112413</v>
      </c>
      <c r="MM21" s="345">
        <v>118430729</v>
      </c>
      <c r="MN21" s="345">
        <v>72342337</v>
      </c>
      <c r="MO21" s="349">
        <v>321222283</v>
      </c>
      <c r="MP21" s="354">
        <v>321222283</v>
      </c>
      <c r="MQ21" s="348">
        <v>0</v>
      </c>
      <c r="MR21" s="345">
        <v>0</v>
      </c>
      <c r="MS21" s="349">
        <v>0</v>
      </c>
      <c r="MT21" s="413">
        <v>0</v>
      </c>
      <c r="MU21" s="345">
        <v>1064663</v>
      </c>
      <c r="MV21" s="345">
        <v>2940139</v>
      </c>
      <c r="MW21" s="345">
        <v>46684934</v>
      </c>
      <c r="MX21" s="345">
        <v>74634519</v>
      </c>
      <c r="MY21" s="345">
        <v>50068696</v>
      </c>
      <c r="MZ21" s="349">
        <v>175392951</v>
      </c>
      <c r="NA21" s="354">
        <v>175392951</v>
      </c>
      <c r="NB21" s="348">
        <v>0</v>
      </c>
      <c r="NC21" s="345">
        <v>0</v>
      </c>
      <c r="ND21" s="349">
        <v>0</v>
      </c>
      <c r="NE21" s="413">
        <v>0</v>
      </c>
      <c r="NF21" s="345">
        <v>12801369</v>
      </c>
      <c r="NG21" s="345">
        <v>26530633</v>
      </c>
      <c r="NH21" s="345">
        <v>39716792</v>
      </c>
      <c r="NI21" s="345">
        <v>39085150</v>
      </c>
      <c r="NJ21" s="345">
        <v>18391405</v>
      </c>
      <c r="NK21" s="349">
        <v>136525349</v>
      </c>
      <c r="NL21" s="347">
        <v>136525349</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710687</v>
      </c>
      <c r="OE21" s="345">
        <v>4711060</v>
      </c>
      <c r="OF21" s="345">
        <v>3882236</v>
      </c>
      <c r="OG21" s="349">
        <v>9303983</v>
      </c>
      <c r="OH21" s="350">
        <v>9303983</v>
      </c>
      <c r="OI21" s="348">
        <v>6516149</v>
      </c>
      <c r="OJ21" s="345">
        <v>15285947</v>
      </c>
      <c r="OK21" s="346">
        <v>21802096</v>
      </c>
      <c r="OL21" s="351">
        <v>0</v>
      </c>
      <c r="OM21" s="345">
        <v>110984631</v>
      </c>
      <c r="ON21" s="345">
        <v>201221982</v>
      </c>
      <c r="OO21" s="345">
        <v>222284481</v>
      </c>
      <c r="OP21" s="345">
        <v>252251777</v>
      </c>
      <c r="OQ21" s="345">
        <v>156308201</v>
      </c>
      <c r="OR21" s="349">
        <v>943051072</v>
      </c>
      <c r="OS21" s="354">
        <v>964853168</v>
      </c>
    </row>
    <row r="22" spans="2:409" s="70" customFormat="1" ht="21" customHeight="1" x14ac:dyDescent="0.2">
      <c r="B22" s="410" t="s">
        <v>17</v>
      </c>
      <c r="C22" s="326">
        <v>7305541</v>
      </c>
      <c r="D22" s="327">
        <v>18342241</v>
      </c>
      <c r="E22" s="328">
        <v>25647782</v>
      </c>
      <c r="F22" s="329">
        <v>0</v>
      </c>
      <c r="G22" s="327">
        <v>78811406</v>
      </c>
      <c r="H22" s="327">
        <v>177908054</v>
      </c>
      <c r="I22" s="327">
        <v>150307901</v>
      </c>
      <c r="J22" s="327">
        <v>141914879</v>
      </c>
      <c r="K22" s="327">
        <v>100409715</v>
      </c>
      <c r="L22" s="329">
        <v>649351955</v>
      </c>
      <c r="M22" s="330">
        <v>674999737</v>
      </c>
      <c r="N22" s="326">
        <v>1516133</v>
      </c>
      <c r="O22" s="327">
        <v>4007580</v>
      </c>
      <c r="P22" s="328">
        <v>5523713</v>
      </c>
      <c r="Q22" s="326">
        <v>0</v>
      </c>
      <c r="R22" s="327">
        <v>18355129</v>
      </c>
      <c r="S22" s="327">
        <v>47708635</v>
      </c>
      <c r="T22" s="327">
        <v>49006531</v>
      </c>
      <c r="U22" s="327">
        <v>54360271</v>
      </c>
      <c r="V22" s="327">
        <v>46968253</v>
      </c>
      <c r="W22" s="328">
        <v>216398819</v>
      </c>
      <c r="X22" s="330">
        <v>221922532</v>
      </c>
      <c r="Y22" s="326">
        <v>0</v>
      </c>
      <c r="Z22" s="327">
        <v>0</v>
      </c>
      <c r="AA22" s="328">
        <v>0</v>
      </c>
      <c r="AB22" s="326">
        <v>0</v>
      </c>
      <c r="AC22" s="327">
        <v>6825816</v>
      </c>
      <c r="AD22" s="327">
        <v>22212628</v>
      </c>
      <c r="AE22" s="327">
        <v>28170707</v>
      </c>
      <c r="AF22" s="327">
        <v>33081567</v>
      </c>
      <c r="AG22" s="327">
        <v>27491352</v>
      </c>
      <c r="AH22" s="328">
        <v>117782070</v>
      </c>
      <c r="AI22" s="330">
        <v>117782070</v>
      </c>
      <c r="AJ22" s="326">
        <v>0</v>
      </c>
      <c r="AK22" s="327">
        <v>104620</v>
      </c>
      <c r="AL22" s="328">
        <v>104620</v>
      </c>
      <c r="AM22" s="326">
        <v>0</v>
      </c>
      <c r="AN22" s="327">
        <v>0</v>
      </c>
      <c r="AO22" s="327">
        <v>178817</v>
      </c>
      <c r="AP22" s="327">
        <v>1025654</v>
      </c>
      <c r="AQ22" s="327">
        <v>2818791</v>
      </c>
      <c r="AR22" s="327">
        <v>5131108</v>
      </c>
      <c r="AS22" s="328">
        <v>9154370</v>
      </c>
      <c r="AT22" s="330">
        <v>9258990</v>
      </c>
      <c r="AU22" s="326">
        <v>792543</v>
      </c>
      <c r="AV22" s="327">
        <v>2821060</v>
      </c>
      <c r="AW22" s="328">
        <v>3613603</v>
      </c>
      <c r="AX22" s="326">
        <v>0</v>
      </c>
      <c r="AY22" s="327">
        <v>7186894</v>
      </c>
      <c r="AZ22" s="327">
        <v>15677079</v>
      </c>
      <c r="BA22" s="327">
        <v>10998131</v>
      </c>
      <c r="BB22" s="327">
        <v>9453874</v>
      </c>
      <c r="BC22" s="327">
        <v>8134345</v>
      </c>
      <c r="BD22" s="328">
        <v>51450323</v>
      </c>
      <c r="BE22" s="330">
        <v>55063926</v>
      </c>
      <c r="BF22" s="326">
        <v>153894</v>
      </c>
      <c r="BG22" s="327">
        <v>274654</v>
      </c>
      <c r="BH22" s="331">
        <v>428548</v>
      </c>
      <c r="BI22" s="332">
        <v>0</v>
      </c>
      <c r="BJ22" s="327">
        <v>592600</v>
      </c>
      <c r="BK22" s="327">
        <v>1826960</v>
      </c>
      <c r="BL22" s="327">
        <v>1108472</v>
      </c>
      <c r="BM22" s="327">
        <v>1088838</v>
      </c>
      <c r="BN22" s="327">
        <v>918034</v>
      </c>
      <c r="BO22" s="328">
        <v>5534904</v>
      </c>
      <c r="BP22" s="330">
        <v>5963452</v>
      </c>
      <c r="BQ22" s="326">
        <v>569696</v>
      </c>
      <c r="BR22" s="327">
        <v>807246</v>
      </c>
      <c r="BS22" s="328">
        <v>1376942</v>
      </c>
      <c r="BT22" s="326">
        <v>0</v>
      </c>
      <c r="BU22" s="327">
        <v>3749819</v>
      </c>
      <c r="BV22" s="327">
        <v>7813151</v>
      </c>
      <c r="BW22" s="327">
        <v>7703567</v>
      </c>
      <c r="BX22" s="327">
        <v>7917201</v>
      </c>
      <c r="BY22" s="327">
        <v>5293414</v>
      </c>
      <c r="BZ22" s="328">
        <v>32477152</v>
      </c>
      <c r="CA22" s="330">
        <v>33854094</v>
      </c>
      <c r="CB22" s="326">
        <v>962927</v>
      </c>
      <c r="CC22" s="327">
        <v>3467138</v>
      </c>
      <c r="CD22" s="328">
        <v>4430065</v>
      </c>
      <c r="CE22" s="326">
        <v>0</v>
      </c>
      <c r="CF22" s="327">
        <v>23981765</v>
      </c>
      <c r="CG22" s="327">
        <v>52946144</v>
      </c>
      <c r="CH22" s="327">
        <v>40180796</v>
      </c>
      <c r="CI22" s="327">
        <v>26999982</v>
      </c>
      <c r="CJ22" s="327">
        <v>16132851</v>
      </c>
      <c r="CK22" s="328">
        <v>160241538</v>
      </c>
      <c r="CL22" s="330">
        <v>164671603</v>
      </c>
      <c r="CM22" s="326">
        <v>0</v>
      </c>
      <c r="CN22" s="327">
        <v>0</v>
      </c>
      <c r="CO22" s="328">
        <v>0</v>
      </c>
      <c r="CP22" s="332">
        <v>0</v>
      </c>
      <c r="CQ22" s="327">
        <v>20172559</v>
      </c>
      <c r="CR22" s="327">
        <v>39463790</v>
      </c>
      <c r="CS22" s="327">
        <v>31366828</v>
      </c>
      <c r="CT22" s="327">
        <v>23048502</v>
      </c>
      <c r="CU22" s="327">
        <v>14236050</v>
      </c>
      <c r="CV22" s="328">
        <v>128287729</v>
      </c>
      <c r="CW22" s="330">
        <v>128287729</v>
      </c>
      <c r="CX22" s="326">
        <v>962927</v>
      </c>
      <c r="CY22" s="327">
        <v>3467138</v>
      </c>
      <c r="CZ22" s="328">
        <v>4430065</v>
      </c>
      <c r="DA22" s="326">
        <v>0</v>
      </c>
      <c r="DB22" s="327">
        <v>3809206</v>
      </c>
      <c r="DC22" s="327">
        <v>13482354</v>
      </c>
      <c r="DD22" s="327">
        <v>8813968</v>
      </c>
      <c r="DE22" s="327">
        <v>3951480</v>
      </c>
      <c r="DF22" s="327">
        <v>1896801</v>
      </c>
      <c r="DG22" s="328">
        <v>31953809</v>
      </c>
      <c r="DH22" s="330">
        <v>36383874</v>
      </c>
      <c r="DI22" s="326">
        <v>21843</v>
      </c>
      <c r="DJ22" s="327">
        <v>160503</v>
      </c>
      <c r="DK22" s="331">
        <v>182346</v>
      </c>
      <c r="DL22" s="332">
        <v>0</v>
      </c>
      <c r="DM22" s="327">
        <v>2895171</v>
      </c>
      <c r="DN22" s="327">
        <v>8358058</v>
      </c>
      <c r="DO22" s="327">
        <v>11001937</v>
      </c>
      <c r="DP22" s="327">
        <v>13750874</v>
      </c>
      <c r="DQ22" s="327">
        <v>5790173</v>
      </c>
      <c r="DR22" s="328">
        <v>41796213</v>
      </c>
      <c r="DS22" s="330">
        <v>41978559</v>
      </c>
      <c r="DT22" s="326">
        <v>21843</v>
      </c>
      <c r="DU22" s="327">
        <v>160503</v>
      </c>
      <c r="DV22" s="328">
        <v>182346</v>
      </c>
      <c r="DW22" s="326">
        <v>0</v>
      </c>
      <c r="DX22" s="327">
        <v>2557088</v>
      </c>
      <c r="DY22" s="327">
        <v>6909658</v>
      </c>
      <c r="DZ22" s="327">
        <v>10016033</v>
      </c>
      <c r="EA22" s="327">
        <v>12242646</v>
      </c>
      <c r="EB22" s="327">
        <v>4872752</v>
      </c>
      <c r="EC22" s="328">
        <v>36598177</v>
      </c>
      <c r="ED22" s="330">
        <v>36780523</v>
      </c>
      <c r="EE22" s="326">
        <v>0</v>
      </c>
      <c r="EF22" s="331">
        <v>0</v>
      </c>
      <c r="EG22" s="328">
        <v>0</v>
      </c>
      <c r="EH22" s="326">
        <v>0</v>
      </c>
      <c r="EI22" s="327">
        <v>338083</v>
      </c>
      <c r="EJ22" s="327">
        <v>1448400</v>
      </c>
      <c r="EK22" s="327">
        <v>985904</v>
      </c>
      <c r="EL22" s="327">
        <v>1508228</v>
      </c>
      <c r="EM22" s="327">
        <v>917421</v>
      </c>
      <c r="EN22" s="331">
        <v>5198036</v>
      </c>
      <c r="EO22" s="330">
        <v>5198036</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774123</v>
      </c>
      <c r="FM22" s="327">
        <v>4190293</v>
      </c>
      <c r="FN22" s="328">
        <v>5964416</v>
      </c>
      <c r="FO22" s="326">
        <v>0</v>
      </c>
      <c r="FP22" s="327">
        <v>3367986</v>
      </c>
      <c r="FQ22" s="327">
        <v>18628238</v>
      </c>
      <c r="FR22" s="327">
        <v>12707433</v>
      </c>
      <c r="FS22" s="327">
        <v>11353823</v>
      </c>
      <c r="FT22" s="327">
        <v>8239462</v>
      </c>
      <c r="FU22" s="328">
        <v>54296942</v>
      </c>
      <c r="FV22" s="330">
        <v>60261358</v>
      </c>
      <c r="FW22" s="333">
        <v>1004191</v>
      </c>
      <c r="FX22" s="327">
        <v>3405935</v>
      </c>
      <c r="FY22" s="331">
        <v>4410126</v>
      </c>
      <c r="FZ22" s="332">
        <v>0</v>
      </c>
      <c r="GA22" s="327">
        <v>3065086</v>
      </c>
      <c r="GB22" s="327">
        <v>16892883</v>
      </c>
      <c r="GC22" s="327">
        <v>12101696</v>
      </c>
      <c r="GD22" s="327">
        <v>10487509</v>
      </c>
      <c r="GE22" s="327">
        <v>7727653</v>
      </c>
      <c r="GF22" s="328">
        <v>50274827</v>
      </c>
      <c r="GG22" s="334">
        <v>54684953</v>
      </c>
      <c r="GH22" s="333">
        <v>152232</v>
      </c>
      <c r="GI22" s="327">
        <v>83218</v>
      </c>
      <c r="GJ22" s="331">
        <v>235450</v>
      </c>
      <c r="GK22" s="332">
        <v>0</v>
      </c>
      <c r="GL22" s="327">
        <v>208174</v>
      </c>
      <c r="GM22" s="327">
        <v>442485</v>
      </c>
      <c r="GN22" s="327">
        <v>238444</v>
      </c>
      <c r="GO22" s="327">
        <v>306014</v>
      </c>
      <c r="GP22" s="327">
        <v>250836</v>
      </c>
      <c r="GQ22" s="328">
        <v>1445953</v>
      </c>
      <c r="GR22" s="330">
        <v>1681403</v>
      </c>
      <c r="GS22" s="326">
        <v>617700</v>
      </c>
      <c r="GT22" s="327">
        <v>701140</v>
      </c>
      <c r="GU22" s="328">
        <v>1318840</v>
      </c>
      <c r="GV22" s="326">
        <v>0</v>
      </c>
      <c r="GW22" s="327">
        <v>94726</v>
      </c>
      <c r="GX22" s="327">
        <v>1292870</v>
      </c>
      <c r="GY22" s="327">
        <v>367293</v>
      </c>
      <c r="GZ22" s="327">
        <v>560300</v>
      </c>
      <c r="HA22" s="327">
        <v>260973</v>
      </c>
      <c r="HB22" s="331">
        <v>2576162</v>
      </c>
      <c r="HC22" s="330">
        <v>3895002</v>
      </c>
      <c r="HD22" s="326">
        <v>1681084</v>
      </c>
      <c r="HE22" s="327">
        <v>3349668</v>
      </c>
      <c r="HF22" s="331">
        <v>5030752</v>
      </c>
      <c r="HG22" s="332">
        <v>0</v>
      </c>
      <c r="HH22" s="327">
        <v>15754716</v>
      </c>
      <c r="HI22" s="327">
        <v>25808802</v>
      </c>
      <c r="HJ22" s="327">
        <v>20452494</v>
      </c>
      <c r="HK22" s="327">
        <v>23981507</v>
      </c>
      <c r="HL22" s="327">
        <v>17255103</v>
      </c>
      <c r="HM22" s="328">
        <v>103252622</v>
      </c>
      <c r="HN22" s="329">
        <v>108283374</v>
      </c>
      <c r="HO22" s="333">
        <v>1349431</v>
      </c>
      <c r="HP22" s="327">
        <v>3167059</v>
      </c>
      <c r="HQ22" s="328">
        <v>4516490</v>
      </c>
      <c r="HR22" s="326">
        <v>0</v>
      </c>
      <c r="HS22" s="327">
        <v>14456639</v>
      </c>
      <c r="HT22" s="327">
        <v>24458177</v>
      </c>
      <c r="HU22" s="327">
        <v>16958710</v>
      </c>
      <c r="HV22" s="327">
        <v>11468422</v>
      </c>
      <c r="HW22" s="327">
        <v>6023873</v>
      </c>
      <c r="HX22" s="331">
        <v>73365821</v>
      </c>
      <c r="HY22" s="330">
        <v>77882311</v>
      </c>
      <c r="HZ22" s="358">
        <v>241535</v>
      </c>
      <c r="IA22" s="356">
        <v>487657</v>
      </c>
      <c r="IB22" s="358">
        <v>729192</v>
      </c>
      <c r="IC22" s="355">
        <v>0</v>
      </c>
      <c r="ID22" s="356">
        <v>24435655</v>
      </c>
      <c r="IE22" s="357">
        <v>44479341</v>
      </c>
      <c r="IF22" s="358">
        <v>62527049</v>
      </c>
      <c r="IG22" s="356">
        <v>51613500</v>
      </c>
      <c r="IH22" s="358">
        <v>32430174</v>
      </c>
      <c r="II22" s="359">
        <v>215485719</v>
      </c>
      <c r="IJ22" s="358">
        <v>216214911</v>
      </c>
      <c r="IK22" s="342">
        <v>0</v>
      </c>
      <c r="IL22" s="343">
        <v>0</v>
      </c>
      <c r="IM22" s="344">
        <v>0</v>
      </c>
      <c r="IN22" s="404">
        <v>0</v>
      </c>
      <c r="IO22" s="345">
        <v>58347</v>
      </c>
      <c r="IP22" s="345">
        <v>383041</v>
      </c>
      <c r="IQ22" s="345">
        <v>530399</v>
      </c>
      <c r="IR22" s="345">
        <v>221431</v>
      </c>
      <c r="IS22" s="345">
        <v>0</v>
      </c>
      <c r="IT22" s="346">
        <v>1193218</v>
      </c>
      <c r="IU22" s="347">
        <v>1193218</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2338361</v>
      </c>
      <c r="JL22" s="345">
        <v>17830090</v>
      </c>
      <c r="JM22" s="345">
        <v>15841000</v>
      </c>
      <c r="JN22" s="345">
        <v>13618186</v>
      </c>
      <c r="JO22" s="345">
        <v>4849187</v>
      </c>
      <c r="JP22" s="349">
        <v>64476824</v>
      </c>
      <c r="JQ22" s="347">
        <v>64476824</v>
      </c>
      <c r="JR22" s="348">
        <v>57978</v>
      </c>
      <c r="JS22" s="345">
        <v>97381</v>
      </c>
      <c r="JT22" s="346">
        <v>155359</v>
      </c>
      <c r="JU22" s="351">
        <v>0</v>
      </c>
      <c r="JV22" s="345">
        <v>1802903</v>
      </c>
      <c r="JW22" s="345">
        <v>1870278</v>
      </c>
      <c r="JX22" s="345">
        <v>2310363</v>
      </c>
      <c r="JY22" s="345">
        <v>931551</v>
      </c>
      <c r="JZ22" s="345">
        <v>712842</v>
      </c>
      <c r="KA22" s="349">
        <v>7627937</v>
      </c>
      <c r="KB22" s="347">
        <v>7783296</v>
      </c>
      <c r="KC22" s="352">
        <v>183557</v>
      </c>
      <c r="KD22" s="353">
        <v>390276</v>
      </c>
      <c r="KE22" s="349">
        <v>573833</v>
      </c>
      <c r="KF22" s="351">
        <v>0</v>
      </c>
      <c r="KG22" s="345">
        <v>1147613</v>
      </c>
      <c r="KH22" s="345">
        <v>6081204</v>
      </c>
      <c r="KI22" s="345">
        <v>11665074</v>
      </c>
      <c r="KJ22" s="345">
        <v>7255833</v>
      </c>
      <c r="KK22" s="345">
        <v>5709034</v>
      </c>
      <c r="KL22" s="349">
        <v>31858758</v>
      </c>
      <c r="KM22" s="354">
        <v>32432591</v>
      </c>
      <c r="KN22" s="342">
        <v>0</v>
      </c>
      <c r="KO22" s="343">
        <v>0</v>
      </c>
      <c r="KP22" s="344">
        <v>0</v>
      </c>
      <c r="KQ22" s="413">
        <v>0</v>
      </c>
      <c r="KR22" s="345">
        <v>8908434</v>
      </c>
      <c r="KS22" s="345">
        <v>17275052</v>
      </c>
      <c r="KT22" s="345">
        <v>23086705</v>
      </c>
      <c r="KU22" s="345">
        <v>13918652</v>
      </c>
      <c r="KV22" s="345">
        <v>6658190</v>
      </c>
      <c r="KW22" s="349">
        <v>69847033</v>
      </c>
      <c r="KX22" s="347">
        <v>69847033</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279315</v>
      </c>
      <c r="LP22" s="345">
        <v>8136220</v>
      </c>
      <c r="LQ22" s="345">
        <v>13984649</v>
      </c>
      <c r="LR22" s="345">
        <v>9685623</v>
      </c>
      <c r="LS22" s="349">
        <v>32085807</v>
      </c>
      <c r="LT22" s="347">
        <v>32085807</v>
      </c>
      <c r="LU22" s="348">
        <v>0</v>
      </c>
      <c r="LV22" s="345">
        <v>0</v>
      </c>
      <c r="LW22" s="349">
        <v>0</v>
      </c>
      <c r="LX22" s="413">
        <v>0</v>
      </c>
      <c r="LY22" s="345">
        <v>179997</v>
      </c>
      <c r="LZ22" s="345">
        <v>760361</v>
      </c>
      <c r="MA22" s="345">
        <v>957288</v>
      </c>
      <c r="MB22" s="345">
        <v>1683198</v>
      </c>
      <c r="MC22" s="345">
        <v>4815298</v>
      </c>
      <c r="MD22" s="349">
        <v>8396142</v>
      </c>
      <c r="ME22" s="350">
        <v>8396142</v>
      </c>
      <c r="MF22" s="348">
        <v>0</v>
      </c>
      <c r="MG22" s="345">
        <v>0</v>
      </c>
      <c r="MH22" s="349">
        <v>0</v>
      </c>
      <c r="MI22" s="413">
        <v>0</v>
      </c>
      <c r="MJ22" s="345">
        <v>11826881</v>
      </c>
      <c r="MK22" s="345">
        <v>35095668</v>
      </c>
      <c r="ML22" s="345">
        <v>102002640</v>
      </c>
      <c r="MM22" s="345">
        <v>133962416</v>
      </c>
      <c r="MN22" s="345">
        <v>99075606</v>
      </c>
      <c r="MO22" s="349">
        <v>381963211</v>
      </c>
      <c r="MP22" s="354">
        <v>381963211</v>
      </c>
      <c r="MQ22" s="348">
        <v>0</v>
      </c>
      <c r="MR22" s="345">
        <v>0</v>
      </c>
      <c r="MS22" s="349">
        <v>0</v>
      </c>
      <c r="MT22" s="413">
        <v>0</v>
      </c>
      <c r="MU22" s="345">
        <v>1140246</v>
      </c>
      <c r="MV22" s="345">
        <v>3406035</v>
      </c>
      <c r="MW22" s="345">
        <v>56297843</v>
      </c>
      <c r="MX22" s="345">
        <v>84632714</v>
      </c>
      <c r="MY22" s="345">
        <v>66940131</v>
      </c>
      <c r="MZ22" s="349">
        <v>212416969</v>
      </c>
      <c r="NA22" s="354">
        <v>212416969</v>
      </c>
      <c r="NB22" s="348">
        <v>0</v>
      </c>
      <c r="NC22" s="345">
        <v>0</v>
      </c>
      <c r="ND22" s="349">
        <v>0</v>
      </c>
      <c r="NE22" s="413">
        <v>0</v>
      </c>
      <c r="NF22" s="345">
        <v>10686635</v>
      </c>
      <c r="NG22" s="345">
        <v>31689633</v>
      </c>
      <c r="NH22" s="345">
        <v>45704797</v>
      </c>
      <c r="NI22" s="345">
        <v>46683212</v>
      </c>
      <c r="NJ22" s="345">
        <v>25288141</v>
      </c>
      <c r="NK22" s="349">
        <v>160052418</v>
      </c>
      <c r="NL22" s="347">
        <v>160052418</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2646490</v>
      </c>
      <c r="OF22" s="345">
        <v>6847334</v>
      </c>
      <c r="OG22" s="349">
        <v>9493824</v>
      </c>
      <c r="OH22" s="350">
        <v>9493824</v>
      </c>
      <c r="OI22" s="348">
        <v>7547076</v>
      </c>
      <c r="OJ22" s="345">
        <v>18829898</v>
      </c>
      <c r="OK22" s="346">
        <v>26376974</v>
      </c>
      <c r="OL22" s="351">
        <v>0</v>
      </c>
      <c r="OM22" s="345">
        <v>115073942</v>
      </c>
      <c r="ON22" s="345">
        <v>257483063</v>
      </c>
      <c r="OO22" s="345">
        <v>314837590</v>
      </c>
      <c r="OP22" s="345">
        <v>327490795</v>
      </c>
      <c r="OQ22" s="345">
        <v>231915495</v>
      </c>
      <c r="OR22" s="349">
        <v>1246800885</v>
      </c>
      <c r="OS22" s="354">
        <v>1273177859</v>
      </c>
    </row>
    <row r="23" spans="2:409" s="70" customFormat="1" ht="21" customHeight="1" x14ac:dyDescent="0.2">
      <c r="B23" s="410" t="s">
        <v>18</v>
      </c>
      <c r="C23" s="326">
        <v>9657187</v>
      </c>
      <c r="D23" s="327">
        <v>18297317</v>
      </c>
      <c r="E23" s="328">
        <v>27954504</v>
      </c>
      <c r="F23" s="329">
        <v>0</v>
      </c>
      <c r="G23" s="327">
        <v>140463047</v>
      </c>
      <c r="H23" s="327">
        <v>177381099</v>
      </c>
      <c r="I23" s="327">
        <v>160385387</v>
      </c>
      <c r="J23" s="327">
        <v>148809631</v>
      </c>
      <c r="K23" s="327">
        <v>112877978</v>
      </c>
      <c r="L23" s="329">
        <v>739917142</v>
      </c>
      <c r="M23" s="330">
        <v>767871646</v>
      </c>
      <c r="N23" s="326">
        <v>2443094</v>
      </c>
      <c r="O23" s="327">
        <v>4851066</v>
      </c>
      <c r="P23" s="328">
        <v>7294160</v>
      </c>
      <c r="Q23" s="326">
        <v>0</v>
      </c>
      <c r="R23" s="327">
        <v>38643409</v>
      </c>
      <c r="S23" s="327">
        <v>56754179</v>
      </c>
      <c r="T23" s="327">
        <v>49107468</v>
      </c>
      <c r="U23" s="327">
        <v>56993905</v>
      </c>
      <c r="V23" s="327">
        <v>59504711</v>
      </c>
      <c r="W23" s="328">
        <v>261003672</v>
      </c>
      <c r="X23" s="330">
        <v>268297832</v>
      </c>
      <c r="Y23" s="326">
        <v>0</v>
      </c>
      <c r="Z23" s="327">
        <v>0</v>
      </c>
      <c r="AA23" s="328">
        <v>0</v>
      </c>
      <c r="AB23" s="326">
        <v>0</v>
      </c>
      <c r="AC23" s="327">
        <v>17118429</v>
      </c>
      <c r="AD23" s="327">
        <v>27034648</v>
      </c>
      <c r="AE23" s="327">
        <v>26692922</v>
      </c>
      <c r="AF23" s="327">
        <v>35399990</v>
      </c>
      <c r="AG23" s="327">
        <v>37039754</v>
      </c>
      <c r="AH23" s="328">
        <v>143285743</v>
      </c>
      <c r="AI23" s="330">
        <v>143285743</v>
      </c>
      <c r="AJ23" s="326">
        <v>0</v>
      </c>
      <c r="AK23" s="327">
        <v>0</v>
      </c>
      <c r="AL23" s="328">
        <v>0</v>
      </c>
      <c r="AM23" s="326">
        <v>0</v>
      </c>
      <c r="AN23" s="327">
        <v>147942</v>
      </c>
      <c r="AO23" s="327">
        <v>347806</v>
      </c>
      <c r="AP23" s="327">
        <v>1006293</v>
      </c>
      <c r="AQ23" s="327">
        <v>3130933</v>
      </c>
      <c r="AR23" s="327">
        <v>5684965</v>
      </c>
      <c r="AS23" s="328">
        <v>10317939</v>
      </c>
      <c r="AT23" s="330">
        <v>10317939</v>
      </c>
      <c r="AU23" s="326">
        <v>1188116</v>
      </c>
      <c r="AV23" s="327">
        <v>3703045</v>
      </c>
      <c r="AW23" s="328">
        <v>4891161</v>
      </c>
      <c r="AX23" s="326">
        <v>0</v>
      </c>
      <c r="AY23" s="327">
        <v>12547454</v>
      </c>
      <c r="AZ23" s="327">
        <v>17133806</v>
      </c>
      <c r="BA23" s="327">
        <v>11348268</v>
      </c>
      <c r="BB23" s="327">
        <v>8981035</v>
      </c>
      <c r="BC23" s="327">
        <v>9490053</v>
      </c>
      <c r="BD23" s="328">
        <v>59500616</v>
      </c>
      <c r="BE23" s="330">
        <v>64391777</v>
      </c>
      <c r="BF23" s="326">
        <v>305994</v>
      </c>
      <c r="BG23" s="327">
        <v>449957</v>
      </c>
      <c r="BH23" s="331">
        <v>755951</v>
      </c>
      <c r="BI23" s="332">
        <v>0</v>
      </c>
      <c r="BJ23" s="327">
        <v>1715606</v>
      </c>
      <c r="BK23" s="327">
        <v>2978984</v>
      </c>
      <c r="BL23" s="327">
        <v>1729472</v>
      </c>
      <c r="BM23" s="327">
        <v>961829</v>
      </c>
      <c r="BN23" s="327">
        <v>637590</v>
      </c>
      <c r="BO23" s="328">
        <v>8023481</v>
      </c>
      <c r="BP23" s="330">
        <v>8779432</v>
      </c>
      <c r="BQ23" s="326">
        <v>948984</v>
      </c>
      <c r="BR23" s="327">
        <v>698064</v>
      </c>
      <c r="BS23" s="328">
        <v>1647048</v>
      </c>
      <c r="BT23" s="326">
        <v>0</v>
      </c>
      <c r="BU23" s="327">
        <v>7113978</v>
      </c>
      <c r="BV23" s="327">
        <v>9258935</v>
      </c>
      <c r="BW23" s="327">
        <v>8330513</v>
      </c>
      <c r="BX23" s="327">
        <v>8520118</v>
      </c>
      <c r="BY23" s="327">
        <v>6652349</v>
      </c>
      <c r="BZ23" s="328">
        <v>39875893</v>
      </c>
      <c r="CA23" s="330">
        <v>41522941</v>
      </c>
      <c r="CB23" s="326">
        <v>1558853</v>
      </c>
      <c r="CC23" s="327">
        <v>4564319</v>
      </c>
      <c r="CD23" s="328">
        <v>6123172</v>
      </c>
      <c r="CE23" s="326">
        <v>0</v>
      </c>
      <c r="CF23" s="327">
        <v>45012236</v>
      </c>
      <c r="CG23" s="327">
        <v>52990178</v>
      </c>
      <c r="CH23" s="327">
        <v>46165523</v>
      </c>
      <c r="CI23" s="327">
        <v>30995147</v>
      </c>
      <c r="CJ23" s="327">
        <v>13959492</v>
      </c>
      <c r="CK23" s="328">
        <v>189122576</v>
      </c>
      <c r="CL23" s="330">
        <v>195245748</v>
      </c>
      <c r="CM23" s="326">
        <v>0</v>
      </c>
      <c r="CN23" s="327">
        <v>0</v>
      </c>
      <c r="CO23" s="328">
        <v>0</v>
      </c>
      <c r="CP23" s="332">
        <v>0</v>
      </c>
      <c r="CQ23" s="327">
        <v>36762797</v>
      </c>
      <c r="CR23" s="327">
        <v>42472759</v>
      </c>
      <c r="CS23" s="327">
        <v>36970924</v>
      </c>
      <c r="CT23" s="327">
        <v>24647526</v>
      </c>
      <c r="CU23" s="327">
        <v>11337881</v>
      </c>
      <c r="CV23" s="328">
        <v>152191887</v>
      </c>
      <c r="CW23" s="330">
        <v>152191887</v>
      </c>
      <c r="CX23" s="326">
        <v>1558853</v>
      </c>
      <c r="CY23" s="327">
        <v>4564319</v>
      </c>
      <c r="CZ23" s="328">
        <v>6123172</v>
      </c>
      <c r="DA23" s="326">
        <v>0</v>
      </c>
      <c r="DB23" s="327">
        <v>8249439</v>
      </c>
      <c r="DC23" s="327">
        <v>10517419</v>
      </c>
      <c r="DD23" s="327">
        <v>9194599</v>
      </c>
      <c r="DE23" s="327">
        <v>6347621</v>
      </c>
      <c r="DF23" s="327">
        <v>2621611</v>
      </c>
      <c r="DG23" s="328">
        <v>36930689</v>
      </c>
      <c r="DH23" s="330">
        <v>43053861</v>
      </c>
      <c r="DI23" s="326">
        <v>79262</v>
      </c>
      <c r="DJ23" s="327">
        <v>321993</v>
      </c>
      <c r="DK23" s="331">
        <v>401255</v>
      </c>
      <c r="DL23" s="332">
        <v>0</v>
      </c>
      <c r="DM23" s="327">
        <v>2613886</v>
      </c>
      <c r="DN23" s="327">
        <v>6722256</v>
      </c>
      <c r="DO23" s="327">
        <v>15455549</v>
      </c>
      <c r="DP23" s="327">
        <v>14483849</v>
      </c>
      <c r="DQ23" s="327">
        <v>6365956</v>
      </c>
      <c r="DR23" s="328">
        <v>45641496</v>
      </c>
      <c r="DS23" s="330">
        <v>46042751</v>
      </c>
      <c r="DT23" s="326">
        <v>79262</v>
      </c>
      <c r="DU23" s="327">
        <v>321993</v>
      </c>
      <c r="DV23" s="328">
        <v>401255</v>
      </c>
      <c r="DW23" s="326">
        <v>0</v>
      </c>
      <c r="DX23" s="327">
        <v>2444770</v>
      </c>
      <c r="DY23" s="327">
        <v>6152842</v>
      </c>
      <c r="DZ23" s="327">
        <v>15043835</v>
      </c>
      <c r="EA23" s="327">
        <v>14355208</v>
      </c>
      <c r="EB23" s="327">
        <v>6365956</v>
      </c>
      <c r="EC23" s="328">
        <v>44362611</v>
      </c>
      <c r="ED23" s="330">
        <v>44763866</v>
      </c>
      <c r="EE23" s="326">
        <v>0</v>
      </c>
      <c r="EF23" s="331">
        <v>0</v>
      </c>
      <c r="EG23" s="328">
        <v>0</v>
      </c>
      <c r="EH23" s="326">
        <v>0</v>
      </c>
      <c r="EI23" s="327">
        <v>169116</v>
      </c>
      <c r="EJ23" s="327">
        <v>569414</v>
      </c>
      <c r="EK23" s="327">
        <v>411714</v>
      </c>
      <c r="EL23" s="327">
        <v>128641</v>
      </c>
      <c r="EM23" s="327">
        <v>0</v>
      </c>
      <c r="EN23" s="331">
        <v>1278885</v>
      </c>
      <c r="EO23" s="330">
        <v>1278885</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1843079</v>
      </c>
      <c r="FM23" s="327">
        <v>4191853</v>
      </c>
      <c r="FN23" s="328">
        <v>6034932</v>
      </c>
      <c r="FO23" s="326">
        <v>0</v>
      </c>
      <c r="FP23" s="327">
        <v>7369784</v>
      </c>
      <c r="FQ23" s="327">
        <v>15863163</v>
      </c>
      <c r="FR23" s="327">
        <v>11817518</v>
      </c>
      <c r="FS23" s="327">
        <v>10165342</v>
      </c>
      <c r="FT23" s="327">
        <v>7990660</v>
      </c>
      <c r="FU23" s="328">
        <v>53206467</v>
      </c>
      <c r="FV23" s="330">
        <v>59241399</v>
      </c>
      <c r="FW23" s="333">
        <v>1216913</v>
      </c>
      <c r="FX23" s="327">
        <v>3435313</v>
      </c>
      <c r="FY23" s="331">
        <v>4652226</v>
      </c>
      <c r="FZ23" s="332">
        <v>0</v>
      </c>
      <c r="GA23" s="327">
        <v>6056666</v>
      </c>
      <c r="GB23" s="327">
        <v>14690681</v>
      </c>
      <c r="GC23" s="327">
        <v>11269746</v>
      </c>
      <c r="GD23" s="327">
        <v>9859382</v>
      </c>
      <c r="GE23" s="327">
        <v>7912186</v>
      </c>
      <c r="GF23" s="328">
        <v>49788661</v>
      </c>
      <c r="GG23" s="334">
        <v>54440887</v>
      </c>
      <c r="GH23" s="333">
        <v>139716</v>
      </c>
      <c r="GI23" s="327">
        <v>159660</v>
      </c>
      <c r="GJ23" s="331">
        <v>299376</v>
      </c>
      <c r="GK23" s="332">
        <v>0</v>
      </c>
      <c r="GL23" s="327">
        <v>284958</v>
      </c>
      <c r="GM23" s="327">
        <v>387182</v>
      </c>
      <c r="GN23" s="327">
        <v>214577</v>
      </c>
      <c r="GO23" s="327">
        <v>284050</v>
      </c>
      <c r="GP23" s="327">
        <v>78474</v>
      </c>
      <c r="GQ23" s="328">
        <v>1249241</v>
      </c>
      <c r="GR23" s="330">
        <v>1548617</v>
      </c>
      <c r="GS23" s="326">
        <v>486450</v>
      </c>
      <c r="GT23" s="327">
        <v>596880</v>
      </c>
      <c r="GU23" s="328">
        <v>1083330</v>
      </c>
      <c r="GV23" s="326">
        <v>0</v>
      </c>
      <c r="GW23" s="327">
        <v>1028160</v>
      </c>
      <c r="GX23" s="327">
        <v>785300</v>
      </c>
      <c r="GY23" s="327">
        <v>333195</v>
      </c>
      <c r="GZ23" s="327">
        <v>21910</v>
      </c>
      <c r="HA23" s="327">
        <v>0</v>
      </c>
      <c r="HB23" s="331">
        <v>2168565</v>
      </c>
      <c r="HC23" s="330">
        <v>3251895</v>
      </c>
      <c r="HD23" s="326">
        <v>2045716</v>
      </c>
      <c r="HE23" s="327">
        <v>877353</v>
      </c>
      <c r="HF23" s="331">
        <v>2923069</v>
      </c>
      <c r="HG23" s="332">
        <v>0</v>
      </c>
      <c r="HH23" s="327">
        <v>22240383</v>
      </c>
      <c r="HI23" s="327">
        <v>21779258</v>
      </c>
      <c r="HJ23" s="327">
        <v>22211851</v>
      </c>
      <c r="HK23" s="327">
        <v>25739531</v>
      </c>
      <c r="HL23" s="327">
        <v>18521690</v>
      </c>
      <c r="HM23" s="328">
        <v>110492713</v>
      </c>
      <c r="HN23" s="329">
        <v>113415782</v>
      </c>
      <c r="HO23" s="333">
        <v>1687183</v>
      </c>
      <c r="HP23" s="327">
        <v>3490733</v>
      </c>
      <c r="HQ23" s="328">
        <v>5177916</v>
      </c>
      <c r="HR23" s="326">
        <v>0</v>
      </c>
      <c r="HS23" s="327">
        <v>24583349</v>
      </c>
      <c r="HT23" s="327">
        <v>23272065</v>
      </c>
      <c r="HU23" s="327">
        <v>15627478</v>
      </c>
      <c r="HV23" s="327">
        <v>10431857</v>
      </c>
      <c r="HW23" s="327">
        <v>6535469</v>
      </c>
      <c r="HX23" s="331">
        <v>80450218</v>
      </c>
      <c r="HY23" s="330">
        <v>85628134</v>
      </c>
      <c r="HZ23" s="335">
        <v>270552</v>
      </c>
      <c r="IA23" s="336">
        <v>2546824</v>
      </c>
      <c r="IB23" s="337">
        <v>2817376</v>
      </c>
      <c r="IC23" s="338">
        <v>0</v>
      </c>
      <c r="ID23" s="336">
        <v>37886777</v>
      </c>
      <c r="IE23" s="339">
        <v>46254225</v>
      </c>
      <c r="IF23" s="337">
        <v>57303979</v>
      </c>
      <c r="IG23" s="336">
        <v>46549585</v>
      </c>
      <c r="IH23" s="337">
        <v>25615085</v>
      </c>
      <c r="II23" s="340">
        <v>213609651</v>
      </c>
      <c r="IJ23" s="341">
        <v>216427027</v>
      </c>
      <c r="IK23" s="342">
        <v>0</v>
      </c>
      <c r="IL23" s="343">
        <v>0</v>
      </c>
      <c r="IM23" s="344">
        <v>0</v>
      </c>
      <c r="IN23" s="404">
        <v>0</v>
      </c>
      <c r="IO23" s="345">
        <v>638244</v>
      </c>
      <c r="IP23" s="345">
        <v>574708</v>
      </c>
      <c r="IQ23" s="345">
        <v>567686</v>
      </c>
      <c r="IR23" s="345">
        <v>1285426</v>
      </c>
      <c r="IS23" s="345">
        <v>1701963</v>
      </c>
      <c r="IT23" s="346">
        <v>4768027</v>
      </c>
      <c r="IU23" s="347">
        <v>4768027</v>
      </c>
      <c r="IV23" s="348">
        <v>0</v>
      </c>
      <c r="IW23" s="345">
        <v>0</v>
      </c>
      <c r="IX23" s="349">
        <v>0</v>
      </c>
      <c r="IY23" s="413">
        <v>0</v>
      </c>
      <c r="IZ23" s="345">
        <v>0</v>
      </c>
      <c r="JA23" s="345">
        <v>0</v>
      </c>
      <c r="JB23" s="345">
        <v>0</v>
      </c>
      <c r="JC23" s="345">
        <v>0</v>
      </c>
      <c r="JD23" s="345">
        <v>33039</v>
      </c>
      <c r="JE23" s="349">
        <v>33039</v>
      </c>
      <c r="JF23" s="350">
        <v>33039</v>
      </c>
      <c r="JG23" s="348">
        <v>0</v>
      </c>
      <c r="JH23" s="345">
        <v>0</v>
      </c>
      <c r="JI23" s="346">
        <v>0</v>
      </c>
      <c r="JJ23" s="351">
        <v>0</v>
      </c>
      <c r="JK23" s="345">
        <v>12458526</v>
      </c>
      <c r="JL23" s="345">
        <v>10760917</v>
      </c>
      <c r="JM23" s="345">
        <v>8255326</v>
      </c>
      <c r="JN23" s="345">
        <v>3906357</v>
      </c>
      <c r="JO23" s="345">
        <v>2249073</v>
      </c>
      <c r="JP23" s="349">
        <v>37630199</v>
      </c>
      <c r="JQ23" s="347">
        <v>37630199</v>
      </c>
      <c r="JR23" s="348">
        <v>0</v>
      </c>
      <c r="JS23" s="345">
        <v>0</v>
      </c>
      <c r="JT23" s="346">
        <v>0</v>
      </c>
      <c r="JU23" s="351">
        <v>0</v>
      </c>
      <c r="JV23" s="345">
        <v>943698</v>
      </c>
      <c r="JW23" s="345">
        <v>872451</v>
      </c>
      <c r="JX23" s="345">
        <v>2718198</v>
      </c>
      <c r="JY23" s="345">
        <v>2163916</v>
      </c>
      <c r="JZ23" s="345">
        <v>950588</v>
      </c>
      <c r="KA23" s="349">
        <v>7648851</v>
      </c>
      <c r="KB23" s="347">
        <v>7648851</v>
      </c>
      <c r="KC23" s="352">
        <v>270552</v>
      </c>
      <c r="KD23" s="353">
        <v>1548270</v>
      </c>
      <c r="KE23" s="349">
        <v>1818822</v>
      </c>
      <c r="KF23" s="351">
        <v>0</v>
      </c>
      <c r="KG23" s="345">
        <v>6070893</v>
      </c>
      <c r="KH23" s="345">
        <v>8248172</v>
      </c>
      <c r="KI23" s="345">
        <v>13258481</v>
      </c>
      <c r="KJ23" s="345">
        <v>5586008</v>
      </c>
      <c r="KK23" s="345">
        <v>2710740</v>
      </c>
      <c r="KL23" s="349">
        <v>35874294</v>
      </c>
      <c r="KM23" s="354">
        <v>37693116</v>
      </c>
      <c r="KN23" s="342">
        <v>0</v>
      </c>
      <c r="KO23" s="343">
        <v>998554</v>
      </c>
      <c r="KP23" s="344">
        <v>998554</v>
      </c>
      <c r="KQ23" s="413">
        <v>0</v>
      </c>
      <c r="KR23" s="345">
        <v>17067282</v>
      </c>
      <c r="KS23" s="345">
        <v>22874089</v>
      </c>
      <c r="KT23" s="345">
        <v>27731138</v>
      </c>
      <c r="KU23" s="345">
        <v>21979227</v>
      </c>
      <c r="KV23" s="345">
        <v>6297226</v>
      </c>
      <c r="KW23" s="349">
        <v>95948962</v>
      </c>
      <c r="KX23" s="347">
        <v>96947516</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517922</v>
      </c>
      <c r="LP23" s="345">
        <v>1804049</v>
      </c>
      <c r="LQ23" s="345">
        <v>4967954</v>
      </c>
      <c r="LR23" s="345">
        <v>1683440</v>
      </c>
      <c r="LS23" s="349">
        <v>8973365</v>
      </c>
      <c r="LT23" s="347">
        <v>8973365</v>
      </c>
      <c r="LU23" s="348">
        <v>0</v>
      </c>
      <c r="LV23" s="345">
        <v>0</v>
      </c>
      <c r="LW23" s="349">
        <v>0</v>
      </c>
      <c r="LX23" s="413">
        <v>0</v>
      </c>
      <c r="LY23" s="345">
        <v>708134</v>
      </c>
      <c r="LZ23" s="345">
        <v>2405966</v>
      </c>
      <c r="MA23" s="345">
        <v>2969101</v>
      </c>
      <c r="MB23" s="345">
        <v>6660697</v>
      </c>
      <c r="MC23" s="345">
        <v>9989016</v>
      </c>
      <c r="MD23" s="349">
        <v>22732914</v>
      </c>
      <c r="ME23" s="350">
        <v>22732914</v>
      </c>
      <c r="MF23" s="348">
        <v>0</v>
      </c>
      <c r="MG23" s="345">
        <v>0</v>
      </c>
      <c r="MH23" s="349">
        <v>0</v>
      </c>
      <c r="MI23" s="413">
        <v>0</v>
      </c>
      <c r="MJ23" s="345">
        <v>7530061</v>
      </c>
      <c r="MK23" s="345">
        <v>25517178</v>
      </c>
      <c r="ML23" s="345">
        <v>95571125</v>
      </c>
      <c r="MM23" s="345">
        <v>157440184</v>
      </c>
      <c r="MN23" s="345">
        <v>113085873</v>
      </c>
      <c r="MO23" s="349">
        <v>399144421</v>
      </c>
      <c r="MP23" s="354">
        <v>399144421</v>
      </c>
      <c r="MQ23" s="348">
        <v>0</v>
      </c>
      <c r="MR23" s="345">
        <v>0</v>
      </c>
      <c r="MS23" s="349">
        <v>0</v>
      </c>
      <c r="MT23" s="413">
        <v>0</v>
      </c>
      <c r="MU23" s="345">
        <v>1175978</v>
      </c>
      <c r="MV23" s="345">
        <v>3267611</v>
      </c>
      <c r="MW23" s="345">
        <v>54224823</v>
      </c>
      <c r="MX23" s="345">
        <v>113603312</v>
      </c>
      <c r="MY23" s="345">
        <v>80677538</v>
      </c>
      <c r="MZ23" s="349">
        <v>252949262</v>
      </c>
      <c r="NA23" s="354">
        <v>252949262</v>
      </c>
      <c r="NB23" s="348">
        <v>0</v>
      </c>
      <c r="NC23" s="345">
        <v>0</v>
      </c>
      <c r="ND23" s="349">
        <v>0</v>
      </c>
      <c r="NE23" s="413">
        <v>0</v>
      </c>
      <c r="NF23" s="345">
        <v>6354083</v>
      </c>
      <c r="NG23" s="345">
        <v>21955411</v>
      </c>
      <c r="NH23" s="345">
        <v>40714472</v>
      </c>
      <c r="NI23" s="345">
        <v>38290512</v>
      </c>
      <c r="NJ23" s="345">
        <v>26019889</v>
      </c>
      <c r="NK23" s="349">
        <v>133334367</v>
      </c>
      <c r="NL23" s="347">
        <v>133334367</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294156</v>
      </c>
      <c r="OD23" s="345">
        <v>631830</v>
      </c>
      <c r="OE23" s="345">
        <v>5546360</v>
      </c>
      <c r="OF23" s="345">
        <v>6388446</v>
      </c>
      <c r="OG23" s="349">
        <v>12860792</v>
      </c>
      <c r="OH23" s="350">
        <v>12860792</v>
      </c>
      <c r="OI23" s="348">
        <v>9927739</v>
      </c>
      <c r="OJ23" s="345">
        <v>20844141</v>
      </c>
      <c r="OK23" s="346">
        <v>30771880</v>
      </c>
      <c r="OL23" s="351">
        <v>0</v>
      </c>
      <c r="OM23" s="345">
        <v>185879885</v>
      </c>
      <c r="ON23" s="345">
        <v>249152502</v>
      </c>
      <c r="OO23" s="345">
        <v>313260491</v>
      </c>
      <c r="OP23" s="345">
        <v>352799400</v>
      </c>
      <c r="OQ23" s="345">
        <v>251578936</v>
      </c>
      <c r="OR23" s="349">
        <v>1352671214</v>
      </c>
      <c r="OS23" s="354">
        <v>1383443094</v>
      </c>
    </row>
    <row r="24" spans="2:409" s="70" customFormat="1" ht="21" customHeight="1" x14ac:dyDescent="0.2">
      <c r="B24" s="410" t="s">
        <v>19</v>
      </c>
      <c r="C24" s="326">
        <v>5922236</v>
      </c>
      <c r="D24" s="327">
        <v>10416131</v>
      </c>
      <c r="E24" s="328">
        <v>16338367</v>
      </c>
      <c r="F24" s="329">
        <v>0</v>
      </c>
      <c r="G24" s="327">
        <v>65592374</v>
      </c>
      <c r="H24" s="327">
        <v>72908599</v>
      </c>
      <c r="I24" s="327">
        <v>63906092</v>
      </c>
      <c r="J24" s="327">
        <v>50157238</v>
      </c>
      <c r="K24" s="327">
        <v>39237753</v>
      </c>
      <c r="L24" s="329">
        <v>291802056</v>
      </c>
      <c r="M24" s="330">
        <v>308140423</v>
      </c>
      <c r="N24" s="326">
        <v>1411742</v>
      </c>
      <c r="O24" s="327">
        <v>2061354</v>
      </c>
      <c r="P24" s="328">
        <v>3473096</v>
      </c>
      <c r="Q24" s="326">
        <v>0</v>
      </c>
      <c r="R24" s="327">
        <v>16878369</v>
      </c>
      <c r="S24" s="327">
        <v>18832934</v>
      </c>
      <c r="T24" s="327">
        <v>18661160</v>
      </c>
      <c r="U24" s="327">
        <v>17928370</v>
      </c>
      <c r="V24" s="327">
        <v>16527031</v>
      </c>
      <c r="W24" s="328">
        <v>88827864</v>
      </c>
      <c r="X24" s="330">
        <v>92300960</v>
      </c>
      <c r="Y24" s="326">
        <v>0</v>
      </c>
      <c r="Z24" s="327">
        <v>0</v>
      </c>
      <c r="AA24" s="328">
        <v>0</v>
      </c>
      <c r="AB24" s="326">
        <v>0</v>
      </c>
      <c r="AC24" s="327">
        <v>6544875</v>
      </c>
      <c r="AD24" s="327">
        <v>8181122</v>
      </c>
      <c r="AE24" s="327">
        <v>9104439</v>
      </c>
      <c r="AF24" s="327">
        <v>9924942</v>
      </c>
      <c r="AG24" s="327">
        <v>8943292</v>
      </c>
      <c r="AH24" s="328">
        <v>42698670</v>
      </c>
      <c r="AI24" s="330">
        <v>42698670</v>
      </c>
      <c r="AJ24" s="326">
        <v>0</v>
      </c>
      <c r="AK24" s="327">
        <v>0</v>
      </c>
      <c r="AL24" s="328">
        <v>0</v>
      </c>
      <c r="AM24" s="326">
        <v>0</v>
      </c>
      <c r="AN24" s="327">
        <v>181123</v>
      </c>
      <c r="AO24" s="327">
        <v>418921</v>
      </c>
      <c r="AP24" s="327">
        <v>576927</v>
      </c>
      <c r="AQ24" s="327">
        <v>933719</v>
      </c>
      <c r="AR24" s="327">
        <v>1813856</v>
      </c>
      <c r="AS24" s="328">
        <v>3924546</v>
      </c>
      <c r="AT24" s="330">
        <v>3924546</v>
      </c>
      <c r="AU24" s="326">
        <v>805608</v>
      </c>
      <c r="AV24" s="327">
        <v>1339538</v>
      </c>
      <c r="AW24" s="328">
        <v>2145146</v>
      </c>
      <c r="AX24" s="326">
        <v>0</v>
      </c>
      <c r="AY24" s="327">
        <v>6426630</v>
      </c>
      <c r="AZ24" s="327">
        <v>6366883</v>
      </c>
      <c r="BA24" s="327">
        <v>5383367</v>
      </c>
      <c r="BB24" s="327">
        <v>3721249</v>
      </c>
      <c r="BC24" s="327">
        <v>3567208</v>
      </c>
      <c r="BD24" s="328">
        <v>25465337</v>
      </c>
      <c r="BE24" s="330">
        <v>27610483</v>
      </c>
      <c r="BF24" s="326">
        <v>26014</v>
      </c>
      <c r="BG24" s="327">
        <v>99615</v>
      </c>
      <c r="BH24" s="331">
        <v>125629</v>
      </c>
      <c r="BI24" s="332">
        <v>0</v>
      </c>
      <c r="BJ24" s="327">
        <v>704646</v>
      </c>
      <c r="BK24" s="327">
        <v>457910</v>
      </c>
      <c r="BL24" s="327">
        <v>335964</v>
      </c>
      <c r="BM24" s="327">
        <v>517813</v>
      </c>
      <c r="BN24" s="327">
        <v>131326</v>
      </c>
      <c r="BO24" s="328">
        <v>2147659</v>
      </c>
      <c r="BP24" s="330">
        <v>2273288</v>
      </c>
      <c r="BQ24" s="326">
        <v>580120</v>
      </c>
      <c r="BR24" s="327">
        <v>622201</v>
      </c>
      <c r="BS24" s="328">
        <v>1202321</v>
      </c>
      <c r="BT24" s="326">
        <v>0</v>
      </c>
      <c r="BU24" s="327">
        <v>3021095</v>
      </c>
      <c r="BV24" s="327">
        <v>3408098</v>
      </c>
      <c r="BW24" s="327">
        <v>3260463</v>
      </c>
      <c r="BX24" s="327">
        <v>2830647</v>
      </c>
      <c r="BY24" s="327">
        <v>2071349</v>
      </c>
      <c r="BZ24" s="328">
        <v>14591652</v>
      </c>
      <c r="CA24" s="330">
        <v>15793973</v>
      </c>
      <c r="CB24" s="326">
        <v>1009435</v>
      </c>
      <c r="CC24" s="327">
        <v>3128029</v>
      </c>
      <c r="CD24" s="328">
        <v>4137464</v>
      </c>
      <c r="CE24" s="326">
        <v>0</v>
      </c>
      <c r="CF24" s="327">
        <v>20611868</v>
      </c>
      <c r="CG24" s="327">
        <v>25169075</v>
      </c>
      <c r="CH24" s="327">
        <v>17166172</v>
      </c>
      <c r="CI24" s="327">
        <v>9238858</v>
      </c>
      <c r="CJ24" s="327">
        <v>6255378</v>
      </c>
      <c r="CK24" s="328">
        <v>78441351</v>
      </c>
      <c r="CL24" s="330">
        <v>82578815</v>
      </c>
      <c r="CM24" s="326">
        <v>0</v>
      </c>
      <c r="CN24" s="327">
        <v>0</v>
      </c>
      <c r="CO24" s="328">
        <v>0</v>
      </c>
      <c r="CP24" s="332">
        <v>0</v>
      </c>
      <c r="CQ24" s="327">
        <v>14918117</v>
      </c>
      <c r="CR24" s="327">
        <v>17681559</v>
      </c>
      <c r="CS24" s="327">
        <v>12457801</v>
      </c>
      <c r="CT24" s="327">
        <v>6643421</v>
      </c>
      <c r="CU24" s="327">
        <v>5294309</v>
      </c>
      <c r="CV24" s="328">
        <v>56995207</v>
      </c>
      <c r="CW24" s="330">
        <v>56995207</v>
      </c>
      <c r="CX24" s="326">
        <v>1009435</v>
      </c>
      <c r="CY24" s="327">
        <v>3128029</v>
      </c>
      <c r="CZ24" s="328">
        <v>4137464</v>
      </c>
      <c r="DA24" s="326">
        <v>0</v>
      </c>
      <c r="DB24" s="327">
        <v>5693751</v>
      </c>
      <c r="DC24" s="327">
        <v>7487516</v>
      </c>
      <c r="DD24" s="327">
        <v>4708371</v>
      </c>
      <c r="DE24" s="327">
        <v>2595437</v>
      </c>
      <c r="DF24" s="327">
        <v>961069</v>
      </c>
      <c r="DG24" s="328">
        <v>21446144</v>
      </c>
      <c r="DH24" s="330">
        <v>25583608</v>
      </c>
      <c r="DI24" s="326">
        <v>55307</v>
      </c>
      <c r="DJ24" s="327">
        <v>96809</v>
      </c>
      <c r="DK24" s="331">
        <v>152116</v>
      </c>
      <c r="DL24" s="332">
        <v>0</v>
      </c>
      <c r="DM24" s="327">
        <v>1794406</v>
      </c>
      <c r="DN24" s="327">
        <v>4105326</v>
      </c>
      <c r="DO24" s="327">
        <v>5278341</v>
      </c>
      <c r="DP24" s="327">
        <v>3383633</v>
      </c>
      <c r="DQ24" s="327">
        <v>2026713</v>
      </c>
      <c r="DR24" s="328">
        <v>16588419</v>
      </c>
      <c r="DS24" s="330">
        <v>16740535</v>
      </c>
      <c r="DT24" s="326">
        <v>55307</v>
      </c>
      <c r="DU24" s="327">
        <v>96809</v>
      </c>
      <c r="DV24" s="328">
        <v>152116</v>
      </c>
      <c r="DW24" s="326">
        <v>0</v>
      </c>
      <c r="DX24" s="327">
        <v>1522681</v>
      </c>
      <c r="DY24" s="327">
        <v>3334068</v>
      </c>
      <c r="DZ24" s="327">
        <v>4749191</v>
      </c>
      <c r="EA24" s="327">
        <v>2929246</v>
      </c>
      <c r="EB24" s="327">
        <v>878657</v>
      </c>
      <c r="EC24" s="328">
        <v>13413843</v>
      </c>
      <c r="ED24" s="330">
        <v>13565959</v>
      </c>
      <c r="EE24" s="326">
        <v>0</v>
      </c>
      <c r="EF24" s="331">
        <v>0</v>
      </c>
      <c r="EG24" s="328">
        <v>0</v>
      </c>
      <c r="EH24" s="326">
        <v>0</v>
      </c>
      <c r="EI24" s="327">
        <v>271725</v>
      </c>
      <c r="EJ24" s="327">
        <v>771258</v>
      </c>
      <c r="EK24" s="327">
        <v>529150</v>
      </c>
      <c r="EL24" s="327">
        <v>454387</v>
      </c>
      <c r="EM24" s="327">
        <v>1148056</v>
      </c>
      <c r="EN24" s="331">
        <v>3174576</v>
      </c>
      <c r="EO24" s="330">
        <v>317457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164745</v>
      </c>
      <c r="FM24" s="327">
        <v>1900985</v>
      </c>
      <c r="FN24" s="328">
        <v>3065730</v>
      </c>
      <c r="FO24" s="326">
        <v>0</v>
      </c>
      <c r="FP24" s="327">
        <v>4477810</v>
      </c>
      <c r="FQ24" s="327">
        <v>5892116</v>
      </c>
      <c r="FR24" s="327">
        <v>5099563</v>
      </c>
      <c r="FS24" s="327">
        <v>4174738</v>
      </c>
      <c r="FT24" s="327">
        <v>3181549</v>
      </c>
      <c r="FU24" s="328">
        <v>22825776</v>
      </c>
      <c r="FV24" s="330">
        <v>25891506</v>
      </c>
      <c r="FW24" s="333">
        <v>1013014</v>
      </c>
      <c r="FX24" s="327">
        <v>1502391</v>
      </c>
      <c r="FY24" s="331">
        <v>2515405</v>
      </c>
      <c r="FZ24" s="332">
        <v>0</v>
      </c>
      <c r="GA24" s="327">
        <v>3836327</v>
      </c>
      <c r="GB24" s="327">
        <v>5735146</v>
      </c>
      <c r="GC24" s="327">
        <v>4702708</v>
      </c>
      <c r="GD24" s="327">
        <v>3814950</v>
      </c>
      <c r="GE24" s="327">
        <v>3029353</v>
      </c>
      <c r="GF24" s="328">
        <v>21118484</v>
      </c>
      <c r="GG24" s="334">
        <v>23633889</v>
      </c>
      <c r="GH24" s="333">
        <v>57321</v>
      </c>
      <c r="GI24" s="327">
        <v>105435</v>
      </c>
      <c r="GJ24" s="331">
        <v>162756</v>
      </c>
      <c r="GK24" s="332">
        <v>0</v>
      </c>
      <c r="GL24" s="327">
        <v>265221</v>
      </c>
      <c r="GM24" s="327">
        <v>109674</v>
      </c>
      <c r="GN24" s="327">
        <v>108999</v>
      </c>
      <c r="GO24" s="327">
        <v>156208</v>
      </c>
      <c r="GP24" s="327">
        <v>0</v>
      </c>
      <c r="GQ24" s="328">
        <v>640102</v>
      </c>
      <c r="GR24" s="330">
        <v>802858</v>
      </c>
      <c r="GS24" s="326">
        <v>94410</v>
      </c>
      <c r="GT24" s="327">
        <v>293159</v>
      </c>
      <c r="GU24" s="328">
        <v>387569</v>
      </c>
      <c r="GV24" s="326">
        <v>0</v>
      </c>
      <c r="GW24" s="327">
        <v>376262</v>
      </c>
      <c r="GX24" s="327">
        <v>47296</v>
      </c>
      <c r="GY24" s="327">
        <v>287856</v>
      </c>
      <c r="GZ24" s="327">
        <v>203580</v>
      </c>
      <c r="HA24" s="327">
        <v>152196</v>
      </c>
      <c r="HB24" s="331">
        <v>1067190</v>
      </c>
      <c r="HC24" s="330">
        <v>1454759</v>
      </c>
      <c r="HD24" s="326">
        <v>1194221</v>
      </c>
      <c r="HE24" s="327">
        <v>1732851</v>
      </c>
      <c r="HF24" s="331">
        <v>2927072</v>
      </c>
      <c r="HG24" s="332">
        <v>0</v>
      </c>
      <c r="HH24" s="327">
        <v>10803326</v>
      </c>
      <c r="HI24" s="327">
        <v>10266079</v>
      </c>
      <c r="HJ24" s="327">
        <v>11990772</v>
      </c>
      <c r="HK24" s="327">
        <v>12012291</v>
      </c>
      <c r="HL24" s="327">
        <v>9294722</v>
      </c>
      <c r="HM24" s="328">
        <v>54367190</v>
      </c>
      <c r="HN24" s="329">
        <v>57294262</v>
      </c>
      <c r="HO24" s="333">
        <v>1086786</v>
      </c>
      <c r="HP24" s="327">
        <v>1496103</v>
      </c>
      <c r="HQ24" s="328">
        <v>2582889</v>
      </c>
      <c r="HR24" s="326">
        <v>0</v>
      </c>
      <c r="HS24" s="327">
        <v>11026595</v>
      </c>
      <c r="HT24" s="327">
        <v>8643069</v>
      </c>
      <c r="HU24" s="327">
        <v>5710084</v>
      </c>
      <c r="HV24" s="327">
        <v>3419348</v>
      </c>
      <c r="HW24" s="327">
        <v>1952360</v>
      </c>
      <c r="HX24" s="331">
        <v>30751456</v>
      </c>
      <c r="HY24" s="330">
        <v>33334345</v>
      </c>
      <c r="HZ24" s="358">
        <v>38208</v>
      </c>
      <c r="IA24" s="356">
        <v>97769</v>
      </c>
      <c r="IB24" s="358">
        <v>135977</v>
      </c>
      <c r="IC24" s="355">
        <v>0</v>
      </c>
      <c r="ID24" s="356">
        <v>14819386</v>
      </c>
      <c r="IE24" s="357">
        <v>24870549</v>
      </c>
      <c r="IF24" s="358">
        <v>23739857</v>
      </c>
      <c r="IG24" s="356">
        <v>14145190</v>
      </c>
      <c r="IH24" s="358">
        <v>14609327</v>
      </c>
      <c r="II24" s="359">
        <v>92184309</v>
      </c>
      <c r="IJ24" s="358">
        <v>92320286</v>
      </c>
      <c r="IK24" s="342">
        <v>0</v>
      </c>
      <c r="IL24" s="343">
        <v>0</v>
      </c>
      <c r="IM24" s="344">
        <v>0</v>
      </c>
      <c r="IN24" s="404">
        <v>0</v>
      </c>
      <c r="IO24" s="345">
        <v>742503</v>
      </c>
      <c r="IP24" s="345">
        <v>1626984</v>
      </c>
      <c r="IQ24" s="345">
        <v>1344351</v>
      </c>
      <c r="IR24" s="345">
        <v>922393</v>
      </c>
      <c r="IS24" s="345">
        <v>625361</v>
      </c>
      <c r="IT24" s="346">
        <v>5261592</v>
      </c>
      <c r="IU24" s="347">
        <v>5261592</v>
      </c>
      <c r="IV24" s="348">
        <v>0</v>
      </c>
      <c r="IW24" s="345">
        <v>0</v>
      </c>
      <c r="IX24" s="349">
        <v>0</v>
      </c>
      <c r="IY24" s="413">
        <v>0</v>
      </c>
      <c r="IZ24" s="345">
        <v>16331</v>
      </c>
      <c r="JA24" s="345">
        <v>0</v>
      </c>
      <c r="JB24" s="345">
        <v>34983</v>
      </c>
      <c r="JC24" s="345">
        <v>93773</v>
      </c>
      <c r="JD24" s="345">
        <v>86197</v>
      </c>
      <c r="JE24" s="349">
        <v>231284</v>
      </c>
      <c r="JF24" s="350">
        <v>231284</v>
      </c>
      <c r="JG24" s="348">
        <v>0</v>
      </c>
      <c r="JH24" s="345">
        <v>0</v>
      </c>
      <c r="JI24" s="346">
        <v>0</v>
      </c>
      <c r="JJ24" s="351">
        <v>0</v>
      </c>
      <c r="JK24" s="345">
        <v>5754472</v>
      </c>
      <c r="JL24" s="345">
        <v>5877069</v>
      </c>
      <c r="JM24" s="345">
        <v>4994462</v>
      </c>
      <c r="JN24" s="345">
        <v>2555229</v>
      </c>
      <c r="JO24" s="345">
        <v>1508703</v>
      </c>
      <c r="JP24" s="349">
        <v>20689935</v>
      </c>
      <c r="JQ24" s="347">
        <v>20689935</v>
      </c>
      <c r="JR24" s="348">
        <v>38208</v>
      </c>
      <c r="JS24" s="345">
        <v>0</v>
      </c>
      <c r="JT24" s="346">
        <v>38208</v>
      </c>
      <c r="JU24" s="351">
        <v>0</v>
      </c>
      <c r="JV24" s="345">
        <v>1017541</v>
      </c>
      <c r="JW24" s="345">
        <v>1953904</v>
      </c>
      <c r="JX24" s="345">
        <v>2111256</v>
      </c>
      <c r="JY24" s="345">
        <v>555085</v>
      </c>
      <c r="JZ24" s="345">
        <v>682411</v>
      </c>
      <c r="KA24" s="349">
        <v>6320197</v>
      </c>
      <c r="KB24" s="347">
        <v>6358405</v>
      </c>
      <c r="KC24" s="352">
        <v>0</v>
      </c>
      <c r="KD24" s="353">
        <v>97769</v>
      </c>
      <c r="KE24" s="349">
        <v>97769</v>
      </c>
      <c r="KF24" s="351">
        <v>0</v>
      </c>
      <c r="KG24" s="345">
        <v>3816448</v>
      </c>
      <c r="KH24" s="345">
        <v>8240316</v>
      </c>
      <c r="KI24" s="345">
        <v>6582384</v>
      </c>
      <c r="KJ24" s="345">
        <v>3731773</v>
      </c>
      <c r="KK24" s="345">
        <v>2725277</v>
      </c>
      <c r="KL24" s="349">
        <v>25096198</v>
      </c>
      <c r="KM24" s="354">
        <v>25193967</v>
      </c>
      <c r="KN24" s="342">
        <v>0</v>
      </c>
      <c r="KO24" s="343">
        <v>0</v>
      </c>
      <c r="KP24" s="344">
        <v>0</v>
      </c>
      <c r="KQ24" s="413">
        <v>0</v>
      </c>
      <c r="KR24" s="345">
        <v>3267817</v>
      </c>
      <c r="KS24" s="345">
        <v>6913804</v>
      </c>
      <c r="KT24" s="345">
        <v>8066830</v>
      </c>
      <c r="KU24" s="345">
        <v>4982850</v>
      </c>
      <c r="KV24" s="345">
        <v>4002488</v>
      </c>
      <c r="KW24" s="349">
        <v>27233789</v>
      </c>
      <c r="KX24" s="347">
        <v>27233789</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204274</v>
      </c>
      <c r="LZ24" s="345">
        <v>258472</v>
      </c>
      <c r="MA24" s="345">
        <v>605591</v>
      </c>
      <c r="MB24" s="345">
        <v>1304087</v>
      </c>
      <c r="MC24" s="345">
        <v>4978890</v>
      </c>
      <c r="MD24" s="349">
        <v>7351314</v>
      </c>
      <c r="ME24" s="350">
        <v>7351314</v>
      </c>
      <c r="MF24" s="348">
        <v>0</v>
      </c>
      <c r="MG24" s="345">
        <v>0</v>
      </c>
      <c r="MH24" s="349">
        <v>0</v>
      </c>
      <c r="MI24" s="413">
        <v>0</v>
      </c>
      <c r="MJ24" s="345">
        <v>7200316</v>
      </c>
      <c r="MK24" s="345">
        <v>15367785</v>
      </c>
      <c r="ML24" s="345">
        <v>48999594</v>
      </c>
      <c r="MM24" s="345">
        <v>52086317</v>
      </c>
      <c r="MN24" s="345">
        <v>44094178</v>
      </c>
      <c r="MO24" s="349">
        <v>167748190</v>
      </c>
      <c r="MP24" s="354">
        <v>167748190</v>
      </c>
      <c r="MQ24" s="348">
        <v>0</v>
      </c>
      <c r="MR24" s="345">
        <v>0</v>
      </c>
      <c r="MS24" s="349">
        <v>0</v>
      </c>
      <c r="MT24" s="413">
        <v>0</v>
      </c>
      <c r="MU24" s="345">
        <v>0</v>
      </c>
      <c r="MV24" s="345">
        <v>1222285</v>
      </c>
      <c r="MW24" s="345">
        <v>29937369</v>
      </c>
      <c r="MX24" s="345">
        <v>30872095</v>
      </c>
      <c r="MY24" s="345">
        <v>33276216</v>
      </c>
      <c r="MZ24" s="349">
        <v>95307965</v>
      </c>
      <c r="NA24" s="354">
        <v>95307965</v>
      </c>
      <c r="NB24" s="348">
        <v>0</v>
      </c>
      <c r="NC24" s="345">
        <v>0</v>
      </c>
      <c r="ND24" s="349">
        <v>0</v>
      </c>
      <c r="NE24" s="413">
        <v>0</v>
      </c>
      <c r="NF24" s="345">
        <v>7200316</v>
      </c>
      <c r="NG24" s="345">
        <v>14145500</v>
      </c>
      <c r="NH24" s="345">
        <v>19062225</v>
      </c>
      <c r="NI24" s="345">
        <v>20422165</v>
      </c>
      <c r="NJ24" s="345">
        <v>8596967</v>
      </c>
      <c r="NK24" s="349">
        <v>69427173</v>
      </c>
      <c r="NL24" s="347">
        <v>69427173</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792057</v>
      </c>
      <c r="OF24" s="345">
        <v>2220995</v>
      </c>
      <c r="OG24" s="349">
        <v>3013052</v>
      </c>
      <c r="OH24" s="350">
        <v>3013052</v>
      </c>
      <c r="OI24" s="348">
        <v>5960444</v>
      </c>
      <c r="OJ24" s="345">
        <v>10513900</v>
      </c>
      <c r="OK24" s="346">
        <v>16474344</v>
      </c>
      <c r="OL24" s="351">
        <v>0</v>
      </c>
      <c r="OM24" s="345">
        <v>87612076</v>
      </c>
      <c r="ON24" s="345">
        <v>113146933</v>
      </c>
      <c r="OO24" s="345">
        <v>136645543</v>
      </c>
      <c r="OP24" s="345">
        <v>116388745</v>
      </c>
      <c r="OQ24" s="345">
        <v>97941258</v>
      </c>
      <c r="OR24" s="349">
        <v>551734555</v>
      </c>
      <c r="OS24" s="354">
        <v>568208899</v>
      </c>
    </row>
    <row r="25" spans="2:409" s="70" customFormat="1" ht="21" customHeight="1" x14ac:dyDescent="0.2">
      <c r="B25" s="410" t="s">
        <v>20</v>
      </c>
      <c r="C25" s="326">
        <v>5344530</v>
      </c>
      <c r="D25" s="327">
        <v>11301727</v>
      </c>
      <c r="E25" s="328">
        <v>16646257</v>
      </c>
      <c r="F25" s="326">
        <v>0</v>
      </c>
      <c r="G25" s="327">
        <v>92284017</v>
      </c>
      <c r="H25" s="327">
        <v>85909887</v>
      </c>
      <c r="I25" s="327">
        <v>84170503</v>
      </c>
      <c r="J25" s="327">
        <v>69085859</v>
      </c>
      <c r="K25" s="327">
        <v>49807219</v>
      </c>
      <c r="L25" s="367">
        <v>381257485</v>
      </c>
      <c r="M25" s="330">
        <v>397903742</v>
      </c>
      <c r="N25" s="326">
        <v>1586373</v>
      </c>
      <c r="O25" s="327">
        <v>3973650</v>
      </c>
      <c r="P25" s="328">
        <v>5560023</v>
      </c>
      <c r="Q25" s="326">
        <v>0</v>
      </c>
      <c r="R25" s="327">
        <v>27471230</v>
      </c>
      <c r="S25" s="327">
        <v>27295272</v>
      </c>
      <c r="T25" s="327">
        <v>27557826</v>
      </c>
      <c r="U25" s="327">
        <v>25437327</v>
      </c>
      <c r="V25" s="327">
        <v>24671606</v>
      </c>
      <c r="W25" s="328">
        <v>132433261</v>
      </c>
      <c r="X25" s="330">
        <v>137993284</v>
      </c>
      <c r="Y25" s="326">
        <v>0</v>
      </c>
      <c r="Z25" s="327">
        <v>0</v>
      </c>
      <c r="AA25" s="328">
        <v>0</v>
      </c>
      <c r="AB25" s="326">
        <v>0</v>
      </c>
      <c r="AC25" s="327">
        <v>12107780</v>
      </c>
      <c r="AD25" s="327">
        <v>11900706</v>
      </c>
      <c r="AE25" s="327">
        <v>15604109</v>
      </c>
      <c r="AF25" s="327">
        <v>15017669</v>
      </c>
      <c r="AG25" s="327">
        <v>16068769</v>
      </c>
      <c r="AH25" s="328">
        <v>70699033</v>
      </c>
      <c r="AI25" s="330">
        <v>70699033</v>
      </c>
      <c r="AJ25" s="326">
        <v>0</v>
      </c>
      <c r="AK25" s="327">
        <v>0</v>
      </c>
      <c r="AL25" s="328">
        <v>0</v>
      </c>
      <c r="AM25" s="326">
        <v>0</v>
      </c>
      <c r="AN25" s="327">
        <v>108902</v>
      </c>
      <c r="AO25" s="327">
        <v>193249</v>
      </c>
      <c r="AP25" s="327">
        <v>475750</v>
      </c>
      <c r="AQ25" s="327">
        <v>1753569</v>
      </c>
      <c r="AR25" s="327">
        <v>2446559</v>
      </c>
      <c r="AS25" s="328">
        <v>4978029</v>
      </c>
      <c r="AT25" s="330">
        <v>4978029</v>
      </c>
      <c r="AU25" s="326">
        <v>937195</v>
      </c>
      <c r="AV25" s="327">
        <v>2314408</v>
      </c>
      <c r="AW25" s="328">
        <v>3251603</v>
      </c>
      <c r="AX25" s="326">
        <v>0</v>
      </c>
      <c r="AY25" s="327">
        <v>9105069</v>
      </c>
      <c r="AZ25" s="327">
        <v>9135832</v>
      </c>
      <c r="BA25" s="327">
        <v>5250780</v>
      </c>
      <c r="BB25" s="327">
        <v>4365062</v>
      </c>
      <c r="BC25" s="327">
        <v>2727761</v>
      </c>
      <c r="BD25" s="328">
        <v>30584504</v>
      </c>
      <c r="BE25" s="330">
        <v>33836107</v>
      </c>
      <c r="BF25" s="326">
        <v>269507</v>
      </c>
      <c r="BG25" s="327">
        <v>1166352</v>
      </c>
      <c r="BH25" s="331">
        <v>1435859</v>
      </c>
      <c r="BI25" s="332">
        <v>0</v>
      </c>
      <c r="BJ25" s="327">
        <v>2368656</v>
      </c>
      <c r="BK25" s="327">
        <v>2285948</v>
      </c>
      <c r="BL25" s="327">
        <v>1536962</v>
      </c>
      <c r="BM25" s="327">
        <v>1189400</v>
      </c>
      <c r="BN25" s="327">
        <v>504752</v>
      </c>
      <c r="BO25" s="328">
        <v>7885718</v>
      </c>
      <c r="BP25" s="330">
        <v>9321577</v>
      </c>
      <c r="BQ25" s="326">
        <v>379671</v>
      </c>
      <c r="BR25" s="327">
        <v>492890</v>
      </c>
      <c r="BS25" s="328">
        <v>872561</v>
      </c>
      <c r="BT25" s="326">
        <v>0</v>
      </c>
      <c r="BU25" s="327">
        <v>3780823</v>
      </c>
      <c r="BV25" s="327">
        <v>3779537</v>
      </c>
      <c r="BW25" s="327">
        <v>4690225</v>
      </c>
      <c r="BX25" s="327">
        <v>3111627</v>
      </c>
      <c r="BY25" s="327">
        <v>2923765</v>
      </c>
      <c r="BZ25" s="328">
        <v>18285977</v>
      </c>
      <c r="CA25" s="330">
        <v>19158538</v>
      </c>
      <c r="CB25" s="326">
        <v>386823</v>
      </c>
      <c r="CC25" s="327">
        <v>1362162</v>
      </c>
      <c r="CD25" s="328">
        <v>1748985</v>
      </c>
      <c r="CE25" s="326">
        <v>0</v>
      </c>
      <c r="CF25" s="327">
        <v>25430659</v>
      </c>
      <c r="CG25" s="327">
        <v>24929787</v>
      </c>
      <c r="CH25" s="327">
        <v>18193738</v>
      </c>
      <c r="CI25" s="327">
        <v>11464936</v>
      </c>
      <c r="CJ25" s="327">
        <v>4709205</v>
      </c>
      <c r="CK25" s="328">
        <v>84728325</v>
      </c>
      <c r="CL25" s="330">
        <v>86477310</v>
      </c>
      <c r="CM25" s="326">
        <v>0</v>
      </c>
      <c r="CN25" s="327">
        <v>0</v>
      </c>
      <c r="CO25" s="328">
        <v>0</v>
      </c>
      <c r="CP25" s="332">
        <v>0</v>
      </c>
      <c r="CQ25" s="327">
        <v>18693928</v>
      </c>
      <c r="CR25" s="327">
        <v>18610890</v>
      </c>
      <c r="CS25" s="327">
        <v>15063944</v>
      </c>
      <c r="CT25" s="327">
        <v>8196793</v>
      </c>
      <c r="CU25" s="327">
        <v>3118492</v>
      </c>
      <c r="CV25" s="328">
        <v>63684047</v>
      </c>
      <c r="CW25" s="330">
        <v>63684047</v>
      </c>
      <c r="CX25" s="326">
        <v>386823</v>
      </c>
      <c r="CY25" s="327">
        <v>1362162</v>
      </c>
      <c r="CZ25" s="328">
        <v>1748985</v>
      </c>
      <c r="DA25" s="326">
        <v>0</v>
      </c>
      <c r="DB25" s="327">
        <v>6736731</v>
      </c>
      <c r="DC25" s="327">
        <v>6318897</v>
      </c>
      <c r="DD25" s="327">
        <v>3129794</v>
      </c>
      <c r="DE25" s="327">
        <v>3268143</v>
      </c>
      <c r="DF25" s="327">
        <v>1590713</v>
      </c>
      <c r="DG25" s="328">
        <v>21044278</v>
      </c>
      <c r="DH25" s="330">
        <v>22793263</v>
      </c>
      <c r="DI25" s="326">
        <v>49916</v>
      </c>
      <c r="DJ25" s="327">
        <v>0</v>
      </c>
      <c r="DK25" s="331">
        <v>49916</v>
      </c>
      <c r="DL25" s="332">
        <v>0</v>
      </c>
      <c r="DM25" s="327">
        <v>3133875</v>
      </c>
      <c r="DN25" s="327">
        <v>5134213</v>
      </c>
      <c r="DO25" s="327">
        <v>8990924</v>
      </c>
      <c r="DP25" s="327">
        <v>8014979</v>
      </c>
      <c r="DQ25" s="327">
        <v>4239975</v>
      </c>
      <c r="DR25" s="328">
        <v>29513966</v>
      </c>
      <c r="DS25" s="330">
        <v>29563882</v>
      </c>
      <c r="DT25" s="326">
        <v>49916</v>
      </c>
      <c r="DU25" s="327">
        <v>0</v>
      </c>
      <c r="DV25" s="328">
        <v>49916</v>
      </c>
      <c r="DW25" s="326">
        <v>0</v>
      </c>
      <c r="DX25" s="327">
        <v>2800181</v>
      </c>
      <c r="DY25" s="327">
        <v>4801567</v>
      </c>
      <c r="DZ25" s="327">
        <v>8809330</v>
      </c>
      <c r="EA25" s="327">
        <v>7426532</v>
      </c>
      <c r="EB25" s="327">
        <v>3707264</v>
      </c>
      <c r="EC25" s="328">
        <v>27544874</v>
      </c>
      <c r="ED25" s="330">
        <v>27594790</v>
      </c>
      <c r="EE25" s="326">
        <v>0</v>
      </c>
      <c r="EF25" s="331">
        <v>0</v>
      </c>
      <c r="EG25" s="328">
        <v>0</v>
      </c>
      <c r="EH25" s="326">
        <v>0</v>
      </c>
      <c r="EI25" s="327">
        <v>333694</v>
      </c>
      <c r="EJ25" s="327">
        <v>332646</v>
      </c>
      <c r="EK25" s="327">
        <v>181594</v>
      </c>
      <c r="EL25" s="327">
        <v>588447</v>
      </c>
      <c r="EM25" s="327">
        <v>532711</v>
      </c>
      <c r="EN25" s="331">
        <v>1969092</v>
      </c>
      <c r="EO25" s="330">
        <v>1969092</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362562</v>
      </c>
      <c r="FM25" s="327">
        <v>2809664</v>
      </c>
      <c r="FN25" s="328">
        <v>4172226</v>
      </c>
      <c r="FO25" s="326">
        <v>0</v>
      </c>
      <c r="FP25" s="327">
        <v>7121025</v>
      </c>
      <c r="FQ25" s="327">
        <v>7654106</v>
      </c>
      <c r="FR25" s="327">
        <v>6792788</v>
      </c>
      <c r="FS25" s="327">
        <v>5666696</v>
      </c>
      <c r="FT25" s="327">
        <v>3924497</v>
      </c>
      <c r="FU25" s="328">
        <v>31159112</v>
      </c>
      <c r="FV25" s="330">
        <v>35331338</v>
      </c>
      <c r="FW25" s="333">
        <v>850336</v>
      </c>
      <c r="FX25" s="327">
        <v>2217387</v>
      </c>
      <c r="FY25" s="331">
        <v>3067723</v>
      </c>
      <c r="FZ25" s="332">
        <v>0</v>
      </c>
      <c r="GA25" s="327">
        <v>5445113</v>
      </c>
      <c r="GB25" s="327">
        <v>7140223</v>
      </c>
      <c r="GC25" s="327">
        <v>5943925</v>
      </c>
      <c r="GD25" s="327">
        <v>5302530</v>
      </c>
      <c r="GE25" s="327">
        <v>3582137</v>
      </c>
      <c r="GF25" s="328">
        <v>27413928</v>
      </c>
      <c r="GG25" s="334">
        <v>30481651</v>
      </c>
      <c r="GH25" s="333">
        <v>26136</v>
      </c>
      <c r="GI25" s="327">
        <v>184977</v>
      </c>
      <c r="GJ25" s="331">
        <v>211113</v>
      </c>
      <c r="GK25" s="332">
        <v>0</v>
      </c>
      <c r="GL25" s="327">
        <v>274392</v>
      </c>
      <c r="GM25" s="327">
        <v>274999</v>
      </c>
      <c r="GN25" s="327">
        <v>303823</v>
      </c>
      <c r="GO25" s="327">
        <v>164366</v>
      </c>
      <c r="GP25" s="327">
        <v>0</v>
      </c>
      <c r="GQ25" s="328">
        <v>1017580</v>
      </c>
      <c r="GR25" s="330">
        <v>1228693</v>
      </c>
      <c r="GS25" s="326">
        <v>486090</v>
      </c>
      <c r="GT25" s="327">
        <v>407300</v>
      </c>
      <c r="GU25" s="328">
        <v>893390</v>
      </c>
      <c r="GV25" s="326">
        <v>0</v>
      </c>
      <c r="GW25" s="327">
        <v>1401520</v>
      </c>
      <c r="GX25" s="327">
        <v>238884</v>
      </c>
      <c r="GY25" s="327">
        <v>545040</v>
      </c>
      <c r="GZ25" s="327">
        <v>199800</v>
      </c>
      <c r="HA25" s="327">
        <v>342360</v>
      </c>
      <c r="HB25" s="331">
        <v>2727604</v>
      </c>
      <c r="HC25" s="330">
        <v>3620994</v>
      </c>
      <c r="HD25" s="326">
        <v>805574</v>
      </c>
      <c r="HE25" s="327">
        <v>1082503</v>
      </c>
      <c r="HF25" s="331">
        <v>1888077</v>
      </c>
      <c r="HG25" s="332">
        <v>0</v>
      </c>
      <c r="HH25" s="327">
        <v>13578417</v>
      </c>
      <c r="HI25" s="327">
        <v>10606080</v>
      </c>
      <c r="HJ25" s="327">
        <v>14979396</v>
      </c>
      <c r="HK25" s="327">
        <v>13453632</v>
      </c>
      <c r="HL25" s="327">
        <v>9620696</v>
      </c>
      <c r="HM25" s="328">
        <v>62238221</v>
      </c>
      <c r="HN25" s="329">
        <v>64126298</v>
      </c>
      <c r="HO25" s="333">
        <v>1153282</v>
      </c>
      <c r="HP25" s="327">
        <v>2073748</v>
      </c>
      <c r="HQ25" s="328">
        <v>3227030</v>
      </c>
      <c r="HR25" s="326">
        <v>0</v>
      </c>
      <c r="HS25" s="327">
        <v>15548811</v>
      </c>
      <c r="HT25" s="327">
        <v>10290429</v>
      </c>
      <c r="HU25" s="327">
        <v>7655831</v>
      </c>
      <c r="HV25" s="327">
        <v>5048289</v>
      </c>
      <c r="HW25" s="327">
        <v>2641240</v>
      </c>
      <c r="HX25" s="331">
        <v>41184600</v>
      </c>
      <c r="HY25" s="330">
        <v>44411630</v>
      </c>
      <c r="HZ25" s="335">
        <v>0</v>
      </c>
      <c r="IA25" s="336">
        <v>61792</v>
      </c>
      <c r="IB25" s="337">
        <v>61792</v>
      </c>
      <c r="IC25" s="338">
        <v>0</v>
      </c>
      <c r="ID25" s="336">
        <v>14742642</v>
      </c>
      <c r="IE25" s="339">
        <v>15387113</v>
      </c>
      <c r="IF25" s="337">
        <v>21433974</v>
      </c>
      <c r="IG25" s="336">
        <v>8141463</v>
      </c>
      <c r="IH25" s="337">
        <v>6350245</v>
      </c>
      <c r="II25" s="340">
        <v>66055437</v>
      </c>
      <c r="IJ25" s="341">
        <v>66117229</v>
      </c>
      <c r="IK25" s="342">
        <v>0</v>
      </c>
      <c r="IL25" s="343">
        <v>0</v>
      </c>
      <c r="IM25" s="344">
        <v>0</v>
      </c>
      <c r="IN25" s="404">
        <v>0</v>
      </c>
      <c r="IO25" s="345">
        <v>88092</v>
      </c>
      <c r="IP25" s="345">
        <v>0</v>
      </c>
      <c r="IQ25" s="345">
        <v>0</v>
      </c>
      <c r="IR25" s="345">
        <v>0</v>
      </c>
      <c r="IS25" s="345">
        <v>309186</v>
      </c>
      <c r="IT25" s="346">
        <v>397278</v>
      </c>
      <c r="IU25" s="347">
        <v>397278</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7484810</v>
      </c>
      <c r="JL25" s="345">
        <v>5806412</v>
      </c>
      <c r="JM25" s="345">
        <v>4200700</v>
      </c>
      <c r="JN25" s="345">
        <v>1795610</v>
      </c>
      <c r="JO25" s="345">
        <v>645924</v>
      </c>
      <c r="JP25" s="349">
        <v>19933456</v>
      </c>
      <c r="JQ25" s="347">
        <v>19933456</v>
      </c>
      <c r="JR25" s="348">
        <v>0</v>
      </c>
      <c r="JS25" s="345">
        <v>0</v>
      </c>
      <c r="JT25" s="346">
        <v>0</v>
      </c>
      <c r="JU25" s="351">
        <v>0</v>
      </c>
      <c r="JV25" s="345">
        <v>134919</v>
      </c>
      <c r="JW25" s="345">
        <v>14418</v>
      </c>
      <c r="JX25" s="345">
        <v>756057</v>
      </c>
      <c r="JY25" s="345">
        <v>702648</v>
      </c>
      <c r="JZ25" s="345">
        <v>182188</v>
      </c>
      <c r="KA25" s="349">
        <v>1790230</v>
      </c>
      <c r="KB25" s="347">
        <v>1790230</v>
      </c>
      <c r="KC25" s="352">
        <v>0</v>
      </c>
      <c r="KD25" s="353">
        <v>61792</v>
      </c>
      <c r="KE25" s="349">
        <v>61792</v>
      </c>
      <c r="KF25" s="351">
        <v>0</v>
      </c>
      <c r="KG25" s="345">
        <v>2606412</v>
      </c>
      <c r="KH25" s="345">
        <v>1745524</v>
      </c>
      <c r="KI25" s="345">
        <v>3775603</v>
      </c>
      <c r="KJ25" s="345">
        <v>1289766</v>
      </c>
      <c r="KK25" s="345">
        <v>922422</v>
      </c>
      <c r="KL25" s="349">
        <v>10339727</v>
      </c>
      <c r="KM25" s="354">
        <v>10401519</v>
      </c>
      <c r="KN25" s="342">
        <v>0</v>
      </c>
      <c r="KO25" s="343">
        <v>0</v>
      </c>
      <c r="KP25" s="344">
        <v>0</v>
      </c>
      <c r="KQ25" s="413">
        <v>0</v>
      </c>
      <c r="KR25" s="345">
        <v>4428409</v>
      </c>
      <c r="KS25" s="345">
        <v>7820759</v>
      </c>
      <c r="KT25" s="345">
        <v>12701614</v>
      </c>
      <c r="KU25" s="345">
        <v>4353439</v>
      </c>
      <c r="KV25" s="345">
        <v>4290525</v>
      </c>
      <c r="KW25" s="349">
        <v>33594746</v>
      </c>
      <c r="KX25" s="347">
        <v>33594746</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3902712</v>
      </c>
      <c r="MK25" s="345">
        <v>16507255</v>
      </c>
      <c r="ML25" s="345">
        <v>51875479</v>
      </c>
      <c r="MM25" s="345">
        <v>79455272</v>
      </c>
      <c r="MN25" s="345">
        <v>42060324</v>
      </c>
      <c r="MO25" s="349">
        <v>193801042</v>
      </c>
      <c r="MP25" s="354">
        <v>193801042</v>
      </c>
      <c r="MQ25" s="348">
        <v>0</v>
      </c>
      <c r="MR25" s="345">
        <v>0</v>
      </c>
      <c r="MS25" s="349">
        <v>0</v>
      </c>
      <c r="MT25" s="413">
        <v>0</v>
      </c>
      <c r="MU25" s="345">
        <v>669228</v>
      </c>
      <c r="MV25" s="345">
        <v>6070139</v>
      </c>
      <c r="MW25" s="345">
        <v>41302505</v>
      </c>
      <c r="MX25" s="345">
        <v>61361711</v>
      </c>
      <c r="MY25" s="345">
        <v>32810487</v>
      </c>
      <c r="MZ25" s="349">
        <v>142214070</v>
      </c>
      <c r="NA25" s="354">
        <v>142214070</v>
      </c>
      <c r="NB25" s="348">
        <v>0</v>
      </c>
      <c r="NC25" s="345">
        <v>0</v>
      </c>
      <c r="ND25" s="349">
        <v>0</v>
      </c>
      <c r="NE25" s="413">
        <v>0</v>
      </c>
      <c r="NF25" s="345">
        <v>3233484</v>
      </c>
      <c r="NG25" s="345">
        <v>10437116</v>
      </c>
      <c r="NH25" s="345">
        <v>10303580</v>
      </c>
      <c r="NI25" s="345">
        <v>16918548</v>
      </c>
      <c r="NJ25" s="345">
        <v>7676620</v>
      </c>
      <c r="NK25" s="349">
        <v>48569348</v>
      </c>
      <c r="NL25" s="347">
        <v>48569348</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269394</v>
      </c>
      <c r="OE25" s="345">
        <v>1175013</v>
      </c>
      <c r="OF25" s="345">
        <v>1573217</v>
      </c>
      <c r="OG25" s="349">
        <v>3017624</v>
      </c>
      <c r="OH25" s="350">
        <v>3017624</v>
      </c>
      <c r="OI25" s="348">
        <v>5344530</v>
      </c>
      <c r="OJ25" s="345">
        <v>11363519</v>
      </c>
      <c r="OK25" s="346">
        <v>16708049</v>
      </c>
      <c r="OL25" s="351">
        <v>0</v>
      </c>
      <c r="OM25" s="345">
        <v>110929371</v>
      </c>
      <c r="ON25" s="345">
        <v>117804255</v>
      </c>
      <c r="OO25" s="345">
        <v>157479956</v>
      </c>
      <c r="OP25" s="345">
        <v>156682594</v>
      </c>
      <c r="OQ25" s="345">
        <v>98217788</v>
      </c>
      <c r="OR25" s="349">
        <v>641113964</v>
      </c>
      <c r="OS25" s="354">
        <v>657822013</v>
      </c>
    </row>
    <row r="26" spans="2:409" s="70" customFormat="1" ht="21" customHeight="1" x14ac:dyDescent="0.2">
      <c r="B26" s="410" t="s">
        <v>21</v>
      </c>
      <c r="C26" s="326">
        <v>7879012</v>
      </c>
      <c r="D26" s="327">
        <v>12341998</v>
      </c>
      <c r="E26" s="328">
        <v>20221010</v>
      </c>
      <c r="F26" s="329">
        <v>0</v>
      </c>
      <c r="G26" s="327">
        <v>78321446</v>
      </c>
      <c r="H26" s="327">
        <v>106664044</v>
      </c>
      <c r="I26" s="327">
        <v>98979193</v>
      </c>
      <c r="J26" s="327">
        <v>76405203</v>
      </c>
      <c r="K26" s="327">
        <v>60532293</v>
      </c>
      <c r="L26" s="367">
        <v>420902179</v>
      </c>
      <c r="M26" s="330">
        <v>441123189</v>
      </c>
      <c r="N26" s="326">
        <v>2267911</v>
      </c>
      <c r="O26" s="327">
        <v>3960790</v>
      </c>
      <c r="P26" s="328">
        <v>6228701</v>
      </c>
      <c r="Q26" s="326">
        <v>0</v>
      </c>
      <c r="R26" s="327">
        <v>25058631</v>
      </c>
      <c r="S26" s="327">
        <v>37795299</v>
      </c>
      <c r="T26" s="327">
        <v>38298252</v>
      </c>
      <c r="U26" s="327">
        <v>30653229</v>
      </c>
      <c r="V26" s="327">
        <v>33946473</v>
      </c>
      <c r="W26" s="328">
        <v>165751884</v>
      </c>
      <c r="X26" s="330">
        <v>171980585</v>
      </c>
      <c r="Y26" s="326">
        <v>0</v>
      </c>
      <c r="Z26" s="327">
        <v>0</v>
      </c>
      <c r="AA26" s="328">
        <v>0</v>
      </c>
      <c r="AB26" s="326">
        <v>0</v>
      </c>
      <c r="AC26" s="327">
        <v>11117586</v>
      </c>
      <c r="AD26" s="327">
        <v>18954707</v>
      </c>
      <c r="AE26" s="327">
        <v>24330492</v>
      </c>
      <c r="AF26" s="327">
        <v>18387881</v>
      </c>
      <c r="AG26" s="327">
        <v>22398593</v>
      </c>
      <c r="AH26" s="328">
        <v>95189259</v>
      </c>
      <c r="AI26" s="330">
        <v>95189259</v>
      </c>
      <c r="AJ26" s="326">
        <v>0</v>
      </c>
      <c r="AK26" s="327">
        <v>0</v>
      </c>
      <c r="AL26" s="328">
        <v>0</v>
      </c>
      <c r="AM26" s="326">
        <v>0</v>
      </c>
      <c r="AN26" s="327">
        <v>0</v>
      </c>
      <c r="AO26" s="327">
        <v>95514</v>
      </c>
      <c r="AP26" s="327">
        <v>528168</v>
      </c>
      <c r="AQ26" s="327">
        <v>1972992</v>
      </c>
      <c r="AR26" s="327">
        <v>2695768</v>
      </c>
      <c r="AS26" s="328">
        <v>5292442</v>
      </c>
      <c r="AT26" s="330">
        <v>5292442</v>
      </c>
      <c r="AU26" s="326">
        <v>1173219</v>
      </c>
      <c r="AV26" s="327">
        <v>2408382</v>
      </c>
      <c r="AW26" s="328">
        <v>3581601</v>
      </c>
      <c r="AX26" s="326">
        <v>0</v>
      </c>
      <c r="AY26" s="327">
        <v>8899976</v>
      </c>
      <c r="AZ26" s="327">
        <v>11597869</v>
      </c>
      <c r="BA26" s="327">
        <v>7396542</v>
      </c>
      <c r="BB26" s="327">
        <v>5962419</v>
      </c>
      <c r="BC26" s="327">
        <v>5185528</v>
      </c>
      <c r="BD26" s="328">
        <v>39042334</v>
      </c>
      <c r="BE26" s="330">
        <v>42623935</v>
      </c>
      <c r="BF26" s="326">
        <v>444536</v>
      </c>
      <c r="BG26" s="327">
        <v>1030904</v>
      </c>
      <c r="BH26" s="331">
        <v>1475440</v>
      </c>
      <c r="BI26" s="332">
        <v>0</v>
      </c>
      <c r="BJ26" s="327">
        <v>765226</v>
      </c>
      <c r="BK26" s="327">
        <v>1776684</v>
      </c>
      <c r="BL26" s="327">
        <v>945069</v>
      </c>
      <c r="BM26" s="327">
        <v>382094</v>
      </c>
      <c r="BN26" s="327">
        <v>242442</v>
      </c>
      <c r="BO26" s="328">
        <v>4111515</v>
      </c>
      <c r="BP26" s="330">
        <v>5586955</v>
      </c>
      <c r="BQ26" s="326">
        <v>650156</v>
      </c>
      <c r="BR26" s="327">
        <v>521504</v>
      </c>
      <c r="BS26" s="328">
        <v>1171660</v>
      </c>
      <c r="BT26" s="326">
        <v>0</v>
      </c>
      <c r="BU26" s="327">
        <v>4275843</v>
      </c>
      <c r="BV26" s="327">
        <v>5370525</v>
      </c>
      <c r="BW26" s="327">
        <v>5097981</v>
      </c>
      <c r="BX26" s="327">
        <v>3947843</v>
      </c>
      <c r="BY26" s="327">
        <v>3424142</v>
      </c>
      <c r="BZ26" s="328">
        <v>22116334</v>
      </c>
      <c r="CA26" s="330">
        <v>23287994</v>
      </c>
      <c r="CB26" s="326">
        <v>477157</v>
      </c>
      <c r="CC26" s="327">
        <v>1459158</v>
      </c>
      <c r="CD26" s="328">
        <v>1936315</v>
      </c>
      <c r="CE26" s="326">
        <v>0</v>
      </c>
      <c r="CF26" s="327">
        <v>20771516</v>
      </c>
      <c r="CG26" s="327">
        <v>28808239</v>
      </c>
      <c r="CH26" s="327">
        <v>22897713</v>
      </c>
      <c r="CI26" s="327">
        <v>10442594</v>
      </c>
      <c r="CJ26" s="327">
        <v>4846317</v>
      </c>
      <c r="CK26" s="328">
        <v>87766379</v>
      </c>
      <c r="CL26" s="330">
        <v>89702694</v>
      </c>
      <c r="CM26" s="326">
        <v>0</v>
      </c>
      <c r="CN26" s="327">
        <v>0</v>
      </c>
      <c r="CO26" s="328">
        <v>0</v>
      </c>
      <c r="CP26" s="332">
        <v>0</v>
      </c>
      <c r="CQ26" s="327">
        <v>17608474</v>
      </c>
      <c r="CR26" s="327">
        <v>25270321</v>
      </c>
      <c r="CS26" s="327">
        <v>19894654</v>
      </c>
      <c r="CT26" s="327">
        <v>9047195</v>
      </c>
      <c r="CU26" s="327">
        <v>4298312</v>
      </c>
      <c r="CV26" s="328">
        <v>76118956</v>
      </c>
      <c r="CW26" s="330">
        <v>76118956</v>
      </c>
      <c r="CX26" s="326">
        <v>477157</v>
      </c>
      <c r="CY26" s="327">
        <v>1459158</v>
      </c>
      <c r="CZ26" s="328">
        <v>1936315</v>
      </c>
      <c r="DA26" s="326">
        <v>0</v>
      </c>
      <c r="DB26" s="327">
        <v>3163042</v>
      </c>
      <c r="DC26" s="327">
        <v>3537918</v>
      </c>
      <c r="DD26" s="327">
        <v>3003059</v>
      </c>
      <c r="DE26" s="327">
        <v>1395399</v>
      </c>
      <c r="DF26" s="327">
        <v>548005</v>
      </c>
      <c r="DG26" s="328">
        <v>11647423</v>
      </c>
      <c r="DH26" s="330">
        <v>13583738</v>
      </c>
      <c r="DI26" s="326">
        <v>53255</v>
      </c>
      <c r="DJ26" s="327">
        <v>177138</v>
      </c>
      <c r="DK26" s="331">
        <v>230393</v>
      </c>
      <c r="DL26" s="332">
        <v>0</v>
      </c>
      <c r="DM26" s="327">
        <v>1825099</v>
      </c>
      <c r="DN26" s="327">
        <v>3642214</v>
      </c>
      <c r="DO26" s="327">
        <v>8054166</v>
      </c>
      <c r="DP26" s="327">
        <v>7952144</v>
      </c>
      <c r="DQ26" s="327">
        <v>4158916</v>
      </c>
      <c r="DR26" s="328">
        <v>25632539</v>
      </c>
      <c r="DS26" s="330">
        <v>25862932</v>
      </c>
      <c r="DT26" s="326">
        <v>53255</v>
      </c>
      <c r="DU26" s="327">
        <v>83230</v>
      </c>
      <c r="DV26" s="328">
        <v>136485</v>
      </c>
      <c r="DW26" s="326">
        <v>0</v>
      </c>
      <c r="DX26" s="327">
        <v>1825099</v>
      </c>
      <c r="DY26" s="327">
        <v>3419817</v>
      </c>
      <c r="DZ26" s="327">
        <v>7475478</v>
      </c>
      <c r="EA26" s="327">
        <v>7759277</v>
      </c>
      <c r="EB26" s="327">
        <v>3849111</v>
      </c>
      <c r="EC26" s="328">
        <v>24328782</v>
      </c>
      <c r="ED26" s="330">
        <v>24465267</v>
      </c>
      <c r="EE26" s="326">
        <v>0</v>
      </c>
      <c r="EF26" s="331">
        <v>93908</v>
      </c>
      <c r="EG26" s="328">
        <v>93908</v>
      </c>
      <c r="EH26" s="326">
        <v>0</v>
      </c>
      <c r="EI26" s="327">
        <v>0</v>
      </c>
      <c r="EJ26" s="327">
        <v>222397</v>
      </c>
      <c r="EK26" s="327">
        <v>578688</v>
      </c>
      <c r="EL26" s="327">
        <v>192867</v>
      </c>
      <c r="EM26" s="327">
        <v>309805</v>
      </c>
      <c r="EN26" s="331">
        <v>1303757</v>
      </c>
      <c r="EO26" s="330">
        <v>1397665</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510982</v>
      </c>
      <c r="FM26" s="327">
        <v>3320972</v>
      </c>
      <c r="FN26" s="328">
        <v>5831954</v>
      </c>
      <c r="FO26" s="326">
        <v>0</v>
      </c>
      <c r="FP26" s="327">
        <v>4183016</v>
      </c>
      <c r="FQ26" s="327">
        <v>10124611</v>
      </c>
      <c r="FR26" s="327">
        <v>7443661</v>
      </c>
      <c r="FS26" s="327">
        <v>5751998</v>
      </c>
      <c r="FT26" s="327">
        <v>4127805</v>
      </c>
      <c r="FU26" s="328">
        <v>31631091</v>
      </c>
      <c r="FV26" s="330">
        <v>37463045</v>
      </c>
      <c r="FW26" s="333">
        <v>1165830</v>
      </c>
      <c r="FX26" s="327">
        <v>2305142</v>
      </c>
      <c r="FY26" s="331">
        <v>3470972</v>
      </c>
      <c r="FZ26" s="332">
        <v>0</v>
      </c>
      <c r="GA26" s="327">
        <v>3396501</v>
      </c>
      <c r="GB26" s="327">
        <v>9292175</v>
      </c>
      <c r="GC26" s="327">
        <v>7126214</v>
      </c>
      <c r="GD26" s="327">
        <v>5486951</v>
      </c>
      <c r="GE26" s="327">
        <v>4105935</v>
      </c>
      <c r="GF26" s="328">
        <v>29407776</v>
      </c>
      <c r="GG26" s="334">
        <v>32878748</v>
      </c>
      <c r="GH26" s="333">
        <v>124983</v>
      </c>
      <c r="GI26" s="327">
        <v>68400</v>
      </c>
      <c r="GJ26" s="331">
        <v>193383</v>
      </c>
      <c r="GK26" s="332">
        <v>0</v>
      </c>
      <c r="GL26" s="327">
        <v>136913</v>
      </c>
      <c r="GM26" s="327">
        <v>139476</v>
      </c>
      <c r="GN26" s="327">
        <v>78407</v>
      </c>
      <c r="GO26" s="327">
        <v>82813</v>
      </c>
      <c r="GP26" s="327">
        <v>21870</v>
      </c>
      <c r="GQ26" s="328">
        <v>459479</v>
      </c>
      <c r="GR26" s="330">
        <v>652862</v>
      </c>
      <c r="GS26" s="326">
        <v>1220169</v>
      </c>
      <c r="GT26" s="327">
        <v>947430</v>
      </c>
      <c r="GU26" s="328">
        <v>2167599</v>
      </c>
      <c r="GV26" s="326">
        <v>0</v>
      </c>
      <c r="GW26" s="327">
        <v>649602</v>
      </c>
      <c r="GX26" s="327">
        <v>692960</v>
      </c>
      <c r="GY26" s="327">
        <v>239040</v>
      </c>
      <c r="GZ26" s="327">
        <v>182234</v>
      </c>
      <c r="HA26" s="327">
        <v>0</v>
      </c>
      <c r="HB26" s="331">
        <v>1763836</v>
      </c>
      <c r="HC26" s="330">
        <v>3931435</v>
      </c>
      <c r="HD26" s="326">
        <v>1140942</v>
      </c>
      <c r="HE26" s="327">
        <v>1271840</v>
      </c>
      <c r="HF26" s="331">
        <v>2412782</v>
      </c>
      <c r="HG26" s="332">
        <v>0</v>
      </c>
      <c r="HH26" s="327">
        <v>12834556</v>
      </c>
      <c r="HI26" s="327">
        <v>13131914</v>
      </c>
      <c r="HJ26" s="327">
        <v>13349726</v>
      </c>
      <c r="HK26" s="327">
        <v>16457089</v>
      </c>
      <c r="HL26" s="327">
        <v>10125406</v>
      </c>
      <c r="HM26" s="328">
        <v>65898691</v>
      </c>
      <c r="HN26" s="329">
        <v>68311473</v>
      </c>
      <c r="HO26" s="333">
        <v>1428765</v>
      </c>
      <c r="HP26" s="327">
        <v>2152100</v>
      </c>
      <c r="HQ26" s="328">
        <v>3580865</v>
      </c>
      <c r="HR26" s="326">
        <v>0</v>
      </c>
      <c r="HS26" s="327">
        <v>13648628</v>
      </c>
      <c r="HT26" s="327">
        <v>13161767</v>
      </c>
      <c r="HU26" s="327">
        <v>8935675</v>
      </c>
      <c r="HV26" s="327">
        <v>5148149</v>
      </c>
      <c r="HW26" s="327">
        <v>3327376</v>
      </c>
      <c r="HX26" s="331">
        <v>44221595</v>
      </c>
      <c r="HY26" s="330">
        <v>47802460</v>
      </c>
      <c r="HZ26" s="358">
        <v>0</v>
      </c>
      <c r="IA26" s="356">
        <v>0</v>
      </c>
      <c r="IB26" s="358">
        <v>0</v>
      </c>
      <c r="IC26" s="355">
        <v>0</v>
      </c>
      <c r="ID26" s="356">
        <v>14849513</v>
      </c>
      <c r="IE26" s="357">
        <v>19498081</v>
      </c>
      <c r="IF26" s="358">
        <v>20565169</v>
      </c>
      <c r="IG26" s="356">
        <v>10458679</v>
      </c>
      <c r="IH26" s="358">
        <v>6595800</v>
      </c>
      <c r="II26" s="359">
        <v>71967242</v>
      </c>
      <c r="IJ26" s="358">
        <v>71967242</v>
      </c>
      <c r="IK26" s="342">
        <v>0</v>
      </c>
      <c r="IL26" s="343">
        <v>0</v>
      </c>
      <c r="IM26" s="344">
        <v>0</v>
      </c>
      <c r="IN26" s="404">
        <v>0</v>
      </c>
      <c r="IO26" s="345">
        <v>65270</v>
      </c>
      <c r="IP26" s="345">
        <v>231917</v>
      </c>
      <c r="IQ26" s="345">
        <v>311780</v>
      </c>
      <c r="IR26" s="345">
        <v>0</v>
      </c>
      <c r="IS26" s="345">
        <v>476968</v>
      </c>
      <c r="IT26" s="346">
        <v>1085935</v>
      </c>
      <c r="IU26" s="347">
        <v>1085935</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0093955</v>
      </c>
      <c r="JL26" s="345">
        <v>9172000</v>
      </c>
      <c r="JM26" s="345">
        <v>5649534</v>
      </c>
      <c r="JN26" s="345">
        <v>3509966</v>
      </c>
      <c r="JO26" s="345">
        <v>1644583</v>
      </c>
      <c r="JP26" s="349">
        <v>30070038</v>
      </c>
      <c r="JQ26" s="347">
        <v>30070038</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874237</v>
      </c>
      <c r="KH26" s="345">
        <v>1505622</v>
      </c>
      <c r="KI26" s="345">
        <v>4330739</v>
      </c>
      <c r="KJ26" s="345">
        <v>1512315</v>
      </c>
      <c r="KK26" s="345">
        <v>990051</v>
      </c>
      <c r="KL26" s="349">
        <v>9212964</v>
      </c>
      <c r="KM26" s="354">
        <v>9212964</v>
      </c>
      <c r="KN26" s="342">
        <v>0</v>
      </c>
      <c r="KO26" s="343">
        <v>0</v>
      </c>
      <c r="KP26" s="344">
        <v>0</v>
      </c>
      <c r="KQ26" s="413">
        <v>0</v>
      </c>
      <c r="KR26" s="345">
        <v>3526893</v>
      </c>
      <c r="KS26" s="345">
        <v>8191272</v>
      </c>
      <c r="KT26" s="345">
        <v>9726633</v>
      </c>
      <c r="KU26" s="345">
        <v>4497163</v>
      </c>
      <c r="KV26" s="345">
        <v>2079452</v>
      </c>
      <c r="KW26" s="349">
        <v>28021413</v>
      </c>
      <c r="KX26" s="347">
        <v>28021413</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289158</v>
      </c>
      <c r="LZ26" s="345">
        <v>397270</v>
      </c>
      <c r="MA26" s="345">
        <v>546483</v>
      </c>
      <c r="MB26" s="345">
        <v>939235</v>
      </c>
      <c r="MC26" s="345">
        <v>1404746</v>
      </c>
      <c r="MD26" s="349">
        <v>3576892</v>
      </c>
      <c r="ME26" s="350">
        <v>3576892</v>
      </c>
      <c r="MF26" s="348">
        <v>0</v>
      </c>
      <c r="MG26" s="345">
        <v>0</v>
      </c>
      <c r="MH26" s="349">
        <v>0</v>
      </c>
      <c r="MI26" s="413">
        <v>0</v>
      </c>
      <c r="MJ26" s="345">
        <v>7553923</v>
      </c>
      <c r="MK26" s="345">
        <v>14418849</v>
      </c>
      <c r="ML26" s="345">
        <v>60366806</v>
      </c>
      <c r="MM26" s="345">
        <v>79133139</v>
      </c>
      <c r="MN26" s="345">
        <v>57178787</v>
      </c>
      <c r="MO26" s="349">
        <v>218651504</v>
      </c>
      <c r="MP26" s="354">
        <v>218651504</v>
      </c>
      <c r="MQ26" s="348">
        <v>0</v>
      </c>
      <c r="MR26" s="345">
        <v>0</v>
      </c>
      <c r="MS26" s="349">
        <v>0</v>
      </c>
      <c r="MT26" s="413">
        <v>0</v>
      </c>
      <c r="MU26" s="345">
        <v>1133397</v>
      </c>
      <c r="MV26" s="345">
        <v>3823663</v>
      </c>
      <c r="MW26" s="345">
        <v>46222886</v>
      </c>
      <c r="MX26" s="345">
        <v>56758971</v>
      </c>
      <c r="MY26" s="345">
        <v>41160858</v>
      </c>
      <c r="MZ26" s="349">
        <v>149099775</v>
      </c>
      <c r="NA26" s="354">
        <v>149099775</v>
      </c>
      <c r="NB26" s="348">
        <v>0</v>
      </c>
      <c r="NC26" s="345">
        <v>0</v>
      </c>
      <c r="ND26" s="349">
        <v>0</v>
      </c>
      <c r="NE26" s="413">
        <v>0</v>
      </c>
      <c r="NF26" s="345">
        <v>6420526</v>
      </c>
      <c r="NG26" s="345">
        <v>10265140</v>
      </c>
      <c r="NH26" s="345">
        <v>13770283</v>
      </c>
      <c r="NI26" s="345">
        <v>17593264</v>
      </c>
      <c r="NJ26" s="345">
        <v>9029078</v>
      </c>
      <c r="NK26" s="349">
        <v>57078291</v>
      </c>
      <c r="NL26" s="347">
        <v>57078291</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330046</v>
      </c>
      <c r="OD26" s="345">
        <v>373637</v>
      </c>
      <c r="OE26" s="345">
        <v>4780904</v>
      </c>
      <c r="OF26" s="345">
        <v>6988851</v>
      </c>
      <c r="OG26" s="349">
        <v>12473438</v>
      </c>
      <c r="OH26" s="350">
        <v>12473438</v>
      </c>
      <c r="OI26" s="348">
        <v>7879012</v>
      </c>
      <c r="OJ26" s="345">
        <v>12341998</v>
      </c>
      <c r="OK26" s="346">
        <v>20221010</v>
      </c>
      <c r="OL26" s="351">
        <v>0</v>
      </c>
      <c r="OM26" s="345">
        <v>100724882</v>
      </c>
      <c r="ON26" s="345">
        <v>140580974</v>
      </c>
      <c r="OO26" s="345">
        <v>179911168</v>
      </c>
      <c r="OP26" s="345">
        <v>165997021</v>
      </c>
      <c r="OQ26" s="345">
        <v>124306880</v>
      </c>
      <c r="OR26" s="349">
        <v>711520925</v>
      </c>
      <c r="OS26" s="354">
        <v>731741935</v>
      </c>
    </row>
    <row r="27" spans="2:409" s="70" customFormat="1" ht="21" customHeight="1" x14ac:dyDescent="0.2">
      <c r="B27" s="410" t="s">
        <v>22</v>
      </c>
      <c r="C27" s="326">
        <v>1769826</v>
      </c>
      <c r="D27" s="327">
        <v>3494283</v>
      </c>
      <c r="E27" s="328">
        <v>5264109</v>
      </c>
      <c r="F27" s="329">
        <v>0</v>
      </c>
      <c r="G27" s="327">
        <v>26343307</v>
      </c>
      <c r="H27" s="327">
        <v>32942644</v>
      </c>
      <c r="I27" s="327">
        <v>24390751</v>
      </c>
      <c r="J27" s="327">
        <v>28125145</v>
      </c>
      <c r="K27" s="327">
        <v>16679587</v>
      </c>
      <c r="L27" s="367">
        <v>128481434</v>
      </c>
      <c r="M27" s="330">
        <v>133745543</v>
      </c>
      <c r="N27" s="326">
        <v>297637</v>
      </c>
      <c r="O27" s="327">
        <v>527340</v>
      </c>
      <c r="P27" s="328">
        <v>824977</v>
      </c>
      <c r="Q27" s="326">
        <v>0</v>
      </c>
      <c r="R27" s="327">
        <v>5194619</v>
      </c>
      <c r="S27" s="327">
        <v>8267888</v>
      </c>
      <c r="T27" s="327">
        <v>4815151</v>
      </c>
      <c r="U27" s="327">
        <v>9270420</v>
      </c>
      <c r="V27" s="327">
        <v>8999515</v>
      </c>
      <c r="W27" s="328">
        <v>36547593</v>
      </c>
      <c r="X27" s="330">
        <v>37372570</v>
      </c>
      <c r="Y27" s="326">
        <v>0</v>
      </c>
      <c r="Z27" s="327">
        <v>0</v>
      </c>
      <c r="AA27" s="328">
        <v>0</v>
      </c>
      <c r="AB27" s="326">
        <v>0</v>
      </c>
      <c r="AC27" s="327">
        <v>1978503</v>
      </c>
      <c r="AD27" s="327">
        <v>4037098</v>
      </c>
      <c r="AE27" s="327">
        <v>2146618</v>
      </c>
      <c r="AF27" s="327">
        <v>5300886</v>
      </c>
      <c r="AG27" s="327">
        <v>5238461</v>
      </c>
      <c r="AH27" s="328">
        <v>18701566</v>
      </c>
      <c r="AI27" s="330">
        <v>18701566</v>
      </c>
      <c r="AJ27" s="326">
        <v>0</v>
      </c>
      <c r="AK27" s="327">
        <v>0</v>
      </c>
      <c r="AL27" s="328">
        <v>0</v>
      </c>
      <c r="AM27" s="326">
        <v>0</v>
      </c>
      <c r="AN27" s="327">
        <v>181739</v>
      </c>
      <c r="AO27" s="327">
        <v>64919</v>
      </c>
      <c r="AP27" s="327">
        <v>50906</v>
      </c>
      <c r="AQ27" s="327">
        <v>674385</v>
      </c>
      <c r="AR27" s="327">
        <v>1530434</v>
      </c>
      <c r="AS27" s="328">
        <v>2502383</v>
      </c>
      <c r="AT27" s="330">
        <v>2502383</v>
      </c>
      <c r="AU27" s="326">
        <v>173879</v>
      </c>
      <c r="AV27" s="327">
        <v>421491</v>
      </c>
      <c r="AW27" s="328">
        <v>595370</v>
      </c>
      <c r="AX27" s="326">
        <v>0</v>
      </c>
      <c r="AY27" s="327">
        <v>1758374</v>
      </c>
      <c r="AZ27" s="327">
        <v>2690788</v>
      </c>
      <c r="BA27" s="327">
        <v>1533517</v>
      </c>
      <c r="BB27" s="327">
        <v>2060320</v>
      </c>
      <c r="BC27" s="327">
        <v>1558717</v>
      </c>
      <c r="BD27" s="328">
        <v>9601716</v>
      </c>
      <c r="BE27" s="330">
        <v>10197086</v>
      </c>
      <c r="BF27" s="326">
        <v>30334</v>
      </c>
      <c r="BG27" s="327">
        <v>0</v>
      </c>
      <c r="BH27" s="331">
        <v>30334</v>
      </c>
      <c r="BI27" s="332">
        <v>0</v>
      </c>
      <c r="BJ27" s="327">
        <v>345815</v>
      </c>
      <c r="BK27" s="327">
        <v>303549</v>
      </c>
      <c r="BL27" s="327">
        <v>89217</v>
      </c>
      <c r="BM27" s="327">
        <v>183566</v>
      </c>
      <c r="BN27" s="327">
        <v>89768</v>
      </c>
      <c r="BO27" s="328">
        <v>1011915</v>
      </c>
      <c r="BP27" s="330">
        <v>1042249</v>
      </c>
      <c r="BQ27" s="326">
        <v>93424</v>
      </c>
      <c r="BR27" s="327">
        <v>105849</v>
      </c>
      <c r="BS27" s="328">
        <v>199273</v>
      </c>
      <c r="BT27" s="326">
        <v>0</v>
      </c>
      <c r="BU27" s="327">
        <v>930188</v>
      </c>
      <c r="BV27" s="327">
        <v>1171534</v>
      </c>
      <c r="BW27" s="327">
        <v>994893</v>
      </c>
      <c r="BX27" s="327">
        <v>1051263</v>
      </c>
      <c r="BY27" s="327">
        <v>582135</v>
      </c>
      <c r="BZ27" s="328">
        <v>4730013</v>
      </c>
      <c r="CA27" s="330">
        <v>4929286</v>
      </c>
      <c r="CB27" s="326">
        <v>197714</v>
      </c>
      <c r="CC27" s="327">
        <v>221641</v>
      </c>
      <c r="CD27" s="328">
        <v>419355</v>
      </c>
      <c r="CE27" s="326">
        <v>0</v>
      </c>
      <c r="CF27" s="327">
        <v>7269259</v>
      </c>
      <c r="CG27" s="327">
        <v>11153681</v>
      </c>
      <c r="CH27" s="327">
        <v>7564223</v>
      </c>
      <c r="CI27" s="327">
        <v>5367008</v>
      </c>
      <c r="CJ27" s="327">
        <v>1982316</v>
      </c>
      <c r="CK27" s="328">
        <v>33336487</v>
      </c>
      <c r="CL27" s="330">
        <v>33755842</v>
      </c>
      <c r="CM27" s="326">
        <v>0</v>
      </c>
      <c r="CN27" s="327">
        <v>0</v>
      </c>
      <c r="CO27" s="328">
        <v>0</v>
      </c>
      <c r="CP27" s="332">
        <v>0</v>
      </c>
      <c r="CQ27" s="327">
        <v>5839715</v>
      </c>
      <c r="CR27" s="327">
        <v>8960709</v>
      </c>
      <c r="CS27" s="327">
        <v>6908383</v>
      </c>
      <c r="CT27" s="327">
        <v>3941633</v>
      </c>
      <c r="CU27" s="327">
        <v>1564770</v>
      </c>
      <c r="CV27" s="328">
        <v>27215210</v>
      </c>
      <c r="CW27" s="330">
        <v>27215210</v>
      </c>
      <c r="CX27" s="326">
        <v>197714</v>
      </c>
      <c r="CY27" s="327">
        <v>221641</v>
      </c>
      <c r="CZ27" s="328">
        <v>419355</v>
      </c>
      <c r="DA27" s="326">
        <v>0</v>
      </c>
      <c r="DB27" s="327">
        <v>1429544</v>
      </c>
      <c r="DC27" s="327">
        <v>2192972</v>
      </c>
      <c r="DD27" s="327">
        <v>655840</v>
      </c>
      <c r="DE27" s="327">
        <v>1425375</v>
      </c>
      <c r="DF27" s="327">
        <v>417546</v>
      </c>
      <c r="DG27" s="328">
        <v>6121277</v>
      </c>
      <c r="DH27" s="330">
        <v>6540632</v>
      </c>
      <c r="DI27" s="326">
        <v>113008</v>
      </c>
      <c r="DJ27" s="327">
        <v>16377</v>
      </c>
      <c r="DK27" s="331">
        <v>129385</v>
      </c>
      <c r="DL27" s="332">
        <v>0</v>
      </c>
      <c r="DM27" s="327">
        <v>767161</v>
      </c>
      <c r="DN27" s="327">
        <v>1324458</v>
      </c>
      <c r="DO27" s="327">
        <v>2191655</v>
      </c>
      <c r="DP27" s="327">
        <v>2717324</v>
      </c>
      <c r="DQ27" s="327">
        <v>605814</v>
      </c>
      <c r="DR27" s="328">
        <v>7606412</v>
      </c>
      <c r="DS27" s="330">
        <v>7735797</v>
      </c>
      <c r="DT27" s="326">
        <v>113008</v>
      </c>
      <c r="DU27" s="327">
        <v>16377</v>
      </c>
      <c r="DV27" s="328">
        <v>129385</v>
      </c>
      <c r="DW27" s="326">
        <v>0</v>
      </c>
      <c r="DX27" s="327">
        <v>567647</v>
      </c>
      <c r="DY27" s="327">
        <v>1263788</v>
      </c>
      <c r="DZ27" s="327">
        <v>2006726</v>
      </c>
      <c r="EA27" s="327">
        <v>2395171</v>
      </c>
      <c r="EB27" s="327">
        <v>605814</v>
      </c>
      <c r="EC27" s="328">
        <v>6839146</v>
      </c>
      <c r="ED27" s="330">
        <v>6968531</v>
      </c>
      <c r="EE27" s="326">
        <v>0</v>
      </c>
      <c r="EF27" s="331">
        <v>0</v>
      </c>
      <c r="EG27" s="328">
        <v>0</v>
      </c>
      <c r="EH27" s="326">
        <v>0</v>
      </c>
      <c r="EI27" s="327">
        <v>199514</v>
      </c>
      <c r="EJ27" s="327">
        <v>60670</v>
      </c>
      <c r="EK27" s="327">
        <v>184929</v>
      </c>
      <c r="EL27" s="327">
        <v>322153</v>
      </c>
      <c r="EM27" s="327">
        <v>0</v>
      </c>
      <c r="EN27" s="331">
        <v>767266</v>
      </c>
      <c r="EO27" s="330">
        <v>767266</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343664</v>
      </c>
      <c r="FM27" s="327">
        <v>1191234</v>
      </c>
      <c r="FN27" s="328">
        <v>1534898</v>
      </c>
      <c r="FO27" s="326">
        <v>0</v>
      </c>
      <c r="FP27" s="327">
        <v>2104935</v>
      </c>
      <c r="FQ27" s="327">
        <v>3544424</v>
      </c>
      <c r="FR27" s="327">
        <v>2027978</v>
      </c>
      <c r="FS27" s="327">
        <v>2312634</v>
      </c>
      <c r="FT27" s="327">
        <v>1303907</v>
      </c>
      <c r="FU27" s="328">
        <v>11293878</v>
      </c>
      <c r="FV27" s="330">
        <v>12828776</v>
      </c>
      <c r="FW27" s="333">
        <v>303371</v>
      </c>
      <c r="FX27" s="327">
        <v>1079614</v>
      </c>
      <c r="FY27" s="331">
        <v>1382985</v>
      </c>
      <c r="FZ27" s="332">
        <v>0</v>
      </c>
      <c r="GA27" s="327">
        <v>1811365</v>
      </c>
      <c r="GB27" s="327">
        <v>3232771</v>
      </c>
      <c r="GC27" s="327">
        <v>1977224</v>
      </c>
      <c r="GD27" s="327">
        <v>2300034</v>
      </c>
      <c r="GE27" s="327">
        <v>1303907</v>
      </c>
      <c r="GF27" s="328">
        <v>10625301</v>
      </c>
      <c r="GG27" s="334">
        <v>12008286</v>
      </c>
      <c r="GH27" s="333">
        <v>0</v>
      </c>
      <c r="GI27" s="327">
        <v>0</v>
      </c>
      <c r="GJ27" s="331">
        <v>0</v>
      </c>
      <c r="GK27" s="332">
        <v>0</v>
      </c>
      <c r="GL27" s="327">
        <v>62370</v>
      </c>
      <c r="GM27" s="327">
        <v>15147</v>
      </c>
      <c r="GN27" s="327">
        <v>29304</v>
      </c>
      <c r="GO27" s="327">
        <v>0</v>
      </c>
      <c r="GP27" s="327">
        <v>0</v>
      </c>
      <c r="GQ27" s="328">
        <v>106821</v>
      </c>
      <c r="GR27" s="330">
        <v>106821</v>
      </c>
      <c r="GS27" s="326">
        <v>40293</v>
      </c>
      <c r="GT27" s="327">
        <v>111620</v>
      </c>
      <c r="GU27" s="328">
        <v>151913</v>
      </c>
      <c r="GV27" s="326">
        <v>0</v>
      </c>
      <c r="GW27" s="327">
        <v>231200</v>
      </c>
      <c r="GX27" s="327">
        <v>296506</v>
      </c>
      <c r="GY27" s="327">
        <v>21450</v>
      </c>
      <c r="GZ27" s="327">
        <v>12600</v>
      </c>
      <c r="HA27" s="327">
        <v>0</v>
      </c>
      <c r="HB27" s="331">
        <v>561756</v>
      </c>
      <c r="HC27" s="330">
        <v>713669</v>
      </c>
      <c r="HD27" s="326">
        <v>473673</v>
      </c>
      <c r="HE27" s="327">
        <v>755171</v>
      </c>
      <c r="HF27" s="331">
        <v>1228844</v>
      </c>
      <c r="HG27" s="332">
        <v>0</v>
      </c>
      <c r="HH27" s="327">
        <v>6018312</v>
      </c>
      <c r="HI27" s="327">
        <v>3902661</v>
      </c>
      <c r="HJ27" s="327">
        <v>4778357</v>
      </c>
      <c r="HK27" s="327">
        <v>6224772</v>
      </c>
      <c r="HL27" s="327">
        <v>2876262</v>
      </c>
      <c r="HM27" s="328">
        <v>23800364</v>
      </c>
      <c r="HN27" s="329">
        <v>25029208</v>
      </c>
      <c r="HO27" s="333">
        <v>344130</v>
      </c>
      <c r="HP27" s="327">
        <v>782520</v>
      </c>
      <c r="HQ27" s="328">
        <v>1126650</v>
      </c>
      <c r="HR27" s="326">
        <v>0</v>
      </c>
      <c r="HS27" s="327">
        <v>4989021</v>
      </c>
      <c r="HT27" s="327">
        <v>4749532</v>
      </c>
      <c r="HU27" s="327">
        <v>3013387</v>
      </c>
      <c r="HV27" s="327">
        <v>2232987</v>
      </c>
      <c r="HW27" s="327">
        <v>911773</v>
      </c>
      <c r="HX27" s="331">
        <v>15896700</v>
      </c>
      <c r="HY27" s="330">
        <v>17023350</v>
      </c>
      <c r="HZ27" s="335">
        <v>246395</v>
      </c>
      <c r="IA27" s="336">
        <v>712793</v>
      </c>
      <c r="IB27" s="337">
        <v>959188</v>
      </c>
      <c r="IC27" s="338">
        <v>0</v>
      </c>
      <c r="ID27" s="336">
        <v>11452098</v>
      </c>
      <c r="IE27" s="339">
        <v>17876105</v>
      </c>
      <c r="IF27" s="337">
        <v>18926274</v>
      </c>
      <c r="IG27" s="336">
        <v>15318601</v>
      </c>
      <c r="IH27" s="337">
        <v>8637455</v>
      </c>
      <c r="II27" s="340">
        <v>72210533</v>
      </c>
      <c r="IJ27" s="341">
        <v>73169721</v>
      </c>
      <c r="IK27" s="342">
        <v>0</v>
      </c>
      <c r="IL27" s="343">
        <v>0</v>
      </c>
      <c r="IM27" s="344">
        <v>0</v>
      </c>
      <c r="IN27" s="404">
        <v>0</v>
      </c>
      <c r="IO27" s="345">
        <v>0</v>
      </c>
      <c r="IP27" s="345">
        <v>652301</v>
      </c>
      <c r="IQ27" s="345">
        <v>953328</v>
      </c>
      <c r="IR27" s="345">
        <v>740667</v>
      </c>
      <c r="IS27" s="345">
        <v>0</v>
      </c>
      <c r="IT27" s="346">
        <v>2346296</v>
      </c>
      <c r="IU27" s="347">
        <v>2346296</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156485</v>
      </c>
      <c r="JL27" s="345">
        <v>6791634</v>
      </c>
      <c r="JM27" s="345">
        <v>5221634</v>
      </c>
      <c r="JN27" s="345">
        <v>3615695</v>
      </c>
      <c r="JO27" s="345">
        <v>780743</v>
      </c>
      <c r="JP27" s="349">
        <v>22566191</v>
      </c>
      <c r="JQ27" s="347">
        <v>22566191</v>
      </c>
      <c r="JR27" s="348">
        <v>0</v>
      </c>
      <c r="JS27" s="345">
        <v>0</v>
      </c>
      <c r="JT27" s="346">
        <v>0</v>
      </c>
      <c r="JU27" s="351">
        <v>0</v>
      </c>
      <c r="JV27" s="345">
        <v>46322</v>
      </c>
      <c r="JW27" s="345">
        <v>86742</v>
      </c>
      <c r="JX27" s="345">
        <v>1024740</v>
      </c>
      <c r="JY27" s="345">
        <v>542039</v>
      </c>
      <c r="JZ27" s="345">
        <v>167114</v>
      </c>
      <c r="KA27" s="349">
        <v>1866957</v>
      </c>
      <c r="KB27" s="347">
        <v>1866957</v>
      </c>
      <c r="KC27" s="352">
        <v>246395</v>
      </c>
      <c r="KD27" s="353">
        <v>712793</v>
      </c>
      <c r="KE27" s="349">
        <v>959188</v>
      </c>
      <c r="KF27" s="351">
        <v>0</v>
      </c>
      <c r="KG27" s="345">
        <v>2388347</v>
      </c>
      <c r="KH27" s="345">
        <v>4579313</v>
      </c>
      <c r="KI27" s="345">
        <v>3223530</v>
      </c>
      <c r="KJ27" s="345">
        <v>2108003</v>
      </c>
      <c r="KK27" s="345">
        <v>2947065</v>
      </c>
      <c r="KL27" s="349">
        <v>15246258</v>
      </c>
      <c r="KM27" s="354">
        <v>16205446</v>
      </c>
      <c r="KN27" s="342">
        <v>0</v>
      </c>
      <c r="KO27" s="343">
        <v>0</v>
      </c>
      <c r="KP27" s="344">
        <v>0</v>
      </c>
      <c r="KQ27" s="413">
        <v>0</v>
      </c>
      <c r="KR27" s="345">
        <v>2860944</v>
      </c>
      <c r="KS27" s="345">
        <v>5505386</v>
      </c>
      <c r="KT27" s="345">
        <v>6535432</v>
      </c>
      <c r="KU27" s="345">
        <v>4518482</v>
      </c>
      <c r="KV27" s="345">
        <v>1749428</v>
      </c>
      <c r="KW27" s="349">
        <v>21169672</v>
      </c>
      <c r="KX27" s="347">
        <v>21169672</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260729</v>
      </c>
      <c r="LP27" s="345">
        <v>1967610</v>
      </c>
      <c r="LQ27" s="345">
        <v>3793715</v>
      </c>
      <c r="LR27" s="345">
        <v>2993105</v>
      </c>
      <c r="LS27" s="349">
        <v>9015159</v>
      </c>
      <c r="LT27" s="347">
        <v>9015159</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2434214</v>
      </c>
      <c r="MK27" s="345">
        <v>6469641</v>
      </c>
      <c r="ML27" s="345">
        <v>20939595</v>
      </c>
      <c r="MM27" s="345">
        <v>36542898</v>
      </c>
      <c r="MN27" s="345">
        <v>17607534</v>
      </c>
      <c r="MO27" s="349">
        <v>83993882</v>
      </c>
      <c r="MP27" s="354">
        <v>83993882</v>
      </c>
      <c r="MQ27" s="348">
        <v>0</v>
      </c>
      <c r="MR27" s="345">
        <v>0</v>
      </c>
      <c r="MS27" s="349">
        <v>0</v>
      </c>
      <c r="MT27" s="413">
        <v>0</v>
      </c>
      <c r="MU27" s="345">
        <v>419758</v>
      </c>
      <c r="MV27" s="345">
        <v>1307450</v>
      </c>
      <c r="MW27" s="345">
        <v>12105537</v>
      </c>
      <c r="MX27" s="345">
        <v>18057803</v>
      </c>
      <c r="MY27" s="345">
        <v>10624662</v>
      </c>
      <c r="MZ27" s="349">
        <v>42515210</v>
      </c>
      <c r="NA27" s="354">
        <v>42515210</v>
      </c>
      <c r="NB27" s="348">
        <v>0</v>
      </c>
      <c r="NC27" s="345">
        <v>0</v>
      </c>
      <c r="ND27" s="349">
        <v>0</v>
      </c>
      <c r="NE27" s="413">
        <v>0</v>
      </c>
      <c r="NF27" s="345">
        <v>2014456</v>
      </c>
      <c r="NG27" s="345">
        <v>5162191</v>
      </c>
      <c r="NH27" s="345">
        <v>8529714</v>
      </c>
      <c r="NI27" s="345">
        <v>16270540</v>
      </c>
      <c r="NJ27" s="345">
        <v>5735853</v>
      </c>
      <c r="NK27" s="349">
        <v>37712754</v>
      </c>
      <c r="NL27" s="347">
        <v>37712754</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304344</v>
      </c>
      <c r="OE27" s="345">
        <v>2214555</v>
      </c>
      <c r="OF27" s="345">
        <v>1247019</v>
      </c>
      <c r="OG27" s="349">
        <v>3765918</v>
      </c>
      <c r="OH27" s="350">
        <v>3765918</v>
      </c>
      <c r="OI27" s="348">
        <v>2016221</v>
      </c>
      <c r="OJ27" s="345">
        <v>4207076</v>
      </c>
      <c r="OK27" s="346">
        <v>6223297</v>
      </c>
      <c r="OL27" s="351">
        <v>0</v>
      </c>
      <c r="OM27" s="345">
        <v>40229619</v>
      </c>
      <c r="ON27" s="345">
        <v>57288390</v>
      </c>
      <c r="OO27" s="345">
        <v>64256620</v>
      </c>
      <c r="OP27" s="345">
        <v>79986644</v>
      </c>
      <c r="OQ27" s="345">
        <v>42924576</v>
      </c>
      <c r="OR27" s="349">
        <v>284685849</v>
      </c>
      <c r="OS27" s="354">
        <v>290909146</v>
      </c>
    </row>
    <row r="28" spans="2:409" s="70" customFormat="1" ht="21" customHeight="1" x14ac:dyDescent="0.2">
      <c r="B28" s="410" t="s">
        <v>23</v>
      </c>
      <c r="C28" s="326">
        <v>4025244</v>
      </c>
      <c r="D28" s="327">
        <v>7659617</v>
      </c>
      <c r="E28" s="328">
        <v>11684861</v>
      </c>
      <c r="F28" s="329">
        <v>0</v>
      </c>
      <c r="G28" s="327">
        <v>48688025</v>
      </c>
      <c r="H28" s="327">
        <v>59670308</v>
      </c>
      <c r="I28" s="327">
        <v>45551101</v>
      </c>
      <c r="J28" s="327">
        <v>50571383</v>
      </c>
      <c r="K28" s="327">
        <v>32505019</v>
      </c>
      <c r="L28" s="367">
        <v>236985836</v>
      </c>
      <c r="M28" s="330">
        <v>248670697</v>
      </c>
      <c r="N28" s="326">
        <v>1119741</v>
      </c>
      <c r="O28" s="327">
        <v>2455194</v>
      </c>
      <c r="P28" s="328">
        <v>3574935</v>
      </c>
      <c r="Q28" s="326">
        <v>0</v>
      </c>
      <c r="R28" s="327">
        <v>12169249</v>
      </c>
      <c r="S28" s="327">
        <v>16495578</v>
      </c>
      <c r="T28" s="327">
        <v>11937315</v>
      </c>
      <c r="U28" s="327">
        <v>18741183</v>
      </c>
      <c r="V28" s="327">
        <v>14397911</v>
      </c>
      <c r="W28" s="328">
        <v>73741236</v>
      </c>
      <c r="X28" s="330">
        <v>77316171</v>
      </c>
      <c r="Y28" s="326">
        <v>0</v>
      </c>
      <c r="Z28" s="327">
        <v>0</v>
      </c>
      <c r="AA28" s="328">
        <v>0</v>
      </c>
      <c r="AB28" s="326">
        <v>0</v>
      </c>
      <c r="AC28" s="327">
        <v>6116684</v>
      </c>
      <c r="AD28" s="327">
        <v>7247425</v>
      </c>
      <c r="AE28" s="327">
        <v>6258589</v>
      </c>
      <c r="AF28" s="327">
        <v>10668551</v>
      </c>
      <c r="AG28" s="327">
        <v>9139131</v>
      </c>
      <c r="AH28" s="328">
        <v>39430380</v>
      </c>
      <c r="AI28" s="330">
        <v>39430380</v>
      </c>
      <c r="AJ28" s="326">
        <v>0</v>
      </c>
      <c r="AK28" s="327">
        <v>0</v>
      </c>
      <c r="AL28" s="328">
        <v>0</v>
      </c>
      <c r="AM28" s="326">
        <v>0</v>
      </c>
      <c r="AN28" s="327">
        <v>28887</v>
      </c>
      <c r="AO28" s="327">
        <v>352933</v>
      </c>
      <c r="AP28" s="327">
        <v>174313</v>
      </c>
      <c r="AQ28" s="327">
        <v>1144874</v>
      </c>
      <c r="AR28" s="327">
        <v>1665233</v>
      </c>
      <c r="AS28" s="328">
        <v>3366240</v>
      </c>
      <c r="AT28" s="330">
        <v>3366240</v>
      </c>
      <c r="AU28" s="326">
        <v>737426</v>
      </c>
      <c r="AV28" s="327">
        <v>1840454</v>
      </c>
      <c r="AW28" s="328">
        <v>2577880</v>
      </c>
      <c r="AX28" s="326">
        <v>0</v>
      </c>
      <c r="AY28" s="327">
        <v>3020695</v>
      </c>
      <c r="AZ28" s="327">
        <v>5530822</v>
      </c>
      <c r="BA28" s="327">
        <v>2739424</v>
      </c>
      <c r="BB28" s="327">
        <v>3457767</v>
      </c>
      <c r="BC28" s="327">
        <v>1730271</v>
      </c>
      <c r="BD28" s="328">
        <v>16478979</v>
      </c>
      <c r="BE28" s="330">
        <v>19056859</v>
      </c>
      <c r="BF28" s="326">
        <v>107886</v>
      </c>
      <c r="BG28" s="327">
        <v>467252</v>
      </c>
      <c r="BH28" s="331">
        <v>575138</v>
      </c>
      <c r="BI28" s="332">
        <v>0</v>
      </c>
      <c r="BJ28" s="327">
        <v>277177</v>
      </c>
      <c r="BK28" s="327">
        <v>710894</v>
      </c>
      <c r="BL28" s="327">
        <v>587053</v>
      </c>
      <c r="BM28" s="327">
        <v>304204</v>
      </c>
      <c r="BN28" s="327">
        <v>43316</v>
      </c>
      <c r="BO28" s="328">
        <v>1922644</v>
      </c>
      <c r="BP28" s="330">
        <v>2497782</v>
      </c>
      <c r="BQ28" s="326">
        <v>274429</v>
      </c>
      <c r="BR28" s="327">
        <v>147488</v>
      </c>
      <c r="BS28" s="328">
        <v>421917</v>
      </c>
      <c r="BT28" s="326">
        <v>0</v>
      </c>
      <c r="BU28" s="327">
        <v>2725806</v>
      </c>
      <c r="BV28" s="327">
        <v>2653504</v>
      </c>
      <c r="BW28" s="327">
        <v>2177936</v>
      </c>
      <c r="BX28" s="327">
        <v>3165787</v>
      </c>
      <c r="BY28" s="327">
        <v>1819960</v>
      </c>
      <c r="BZ28" s="328">
        <v>12542993</v>
      </c>
      <c r="CA28" s="330">
        <v>12964910</v>
      </c>
      <c r="CB28" s="326">
        <v>94884</v>
      </c>
      <c r="CC28" s="327">
        <v>478033</v>
      </c>
      <c r="CD28" s="328">
        <v>572917</v>
      </c>
      <c r="CE28" s="326">
        <v>0</v>
      </c>
      <c r="CF28" s="327">
        <v>13735028</v>
      </c>
      <c r="CG28" s="327">
        <v>17835936</v>
      </c>
      <c r="CH28" s="327">
        <v>12511122</v>
      </c>
      <c r="CI28" s="327">
        <v>7855537</v>
      </c>
      <c r="CJ28" s="327">
        <v>3254637</v>
      </c>
      <c r="CK28" s="328">
        <v>55192260</v>
      </c>
      <c r="CL28" s="330">
        <v>55765177</v>
      </c>
      <c r="CM28" s="326">
        <v>0</v>
      </c>
      <c r="CN28" s="327">
        <v>0</v>
      </c>
      <c r="CO28" s="328">
        <v>0</v>
      </c>
      <c r="CP28" s="332">
        <v>0</v>
      </c>
      <c r="CQ28" s="327">
        <v>11732573</v>
      </c>
      <c r="CR28" s="327">
        <v>14512405</v>
      </c>
      <c r="CS28" s="327">
        <v>10463144</v>
      </c>
      <c r="CT28" s="327">
        <v>5696449</v>
      </c>
      <c r="CU28" s="327">
        <v>2685991</v>
      </c>
      <c r="CV28" s="328">
        <v>45090562</v>
      </c>
      <c r="CW28" s="330">
        <v>45090562</v>
      </c>
      <c r="CX28" s="326">
        <v>94884</v>
      </c>
      <c r="CY28" s="327">
        <v>478033</v>
      </c>
      <c r="CZ28" s="328">
        <v>572917</v>
      </c>
      <c r="DA28" s="326">
        <v>0</v>
      </c>
      <c r="DB28" s="327">
        <v>2002455</v>
      </c>
      <c r="DC28" s="327">
        <v>3323531</v>
      </c>
      <c r="DD28" s="327">
        <v>2047978</v>
      </c>
      <c r="DE28" s="327">
        <v>2159088</v>
      </c>
      <c r="DF28" s="327">
        <v>568646</v>
      </c>
      <c r="DG28" s="328">
        <v>10101698</v>
      </c>
      <c r="DH28" s="330">
        <v>10674615</v>
      </c>
      <c r="DI28" s="326">
        <v>0</v>
      </c>
      <c r="DJ28" s="327">
        <v>33392</v>
      </c>
      <c r="DK28" s="331">
        <v>33392</v>
      </c>
      <c r="DL28" s="332">
        <v>0</v>
      </c>
      <c r="DM28" s="327">
        <v>1884883</v>
      </c>
      <c r="DN28" s="327">
        <v>2516468</v>
      </c>
      <c r="DO28" s="327">
        <v>4947602</v>
      </c>
      <c r="DP28" s="327">
        <v>3466081</v>
      </c>
      <c r="DQ28" s="327">
        <v>1700387</v>
      </c>
      <c r="DR28" s="328">
        <v>14515421</v>
      </c>
      <c r="DS28" s="330">
        <v>14548813</v>
      </c>
      <c r="DT28" s="326">
        <v>0</v>
      </c>
      <c r="DU28" s="327">
        <v>33392</v>
      </c>
      <c r="DV28" s="328">
        <v>33392</v>
      </c>
      <c r="DW28" s="326">
        <v>0</v>
      </c>
      <c r="DX28" s="327">
        <v>1820136</v>
      </c>
      <c r="DY28" s="327">
        <v>2516468</v>
      </c>
      <c r="DZ28" s="327">
        <v>4947602</v>
      </c>
      <c r="EA28" s="327">
        <v>3255105</v>
      </c>
      <c r="EB28" s="327">
        <v>1063454</v>
      </c>
      <c r="EC28" s="328">
        <v>13602765</v>
      </c>
      <c r="ED28" s="330">
        <v>13636157</v>
      </c>
      <c r="EE28" s="326">
        <v>0</v>
      </c>
      <c r="EF28" s="331">
        <v>0</v>
      </c>
      <c r="EG28" s="328">
        <v>0</v>
      </c>
      <c r="EH28" s="326">
        <v>0</v>
      </c>
      <c r="EI28" s="327">
        <v>64747</v>
      </c>
      <c r="EJ28" s="327">
        <v>0</v>
      </c>
      <c r="EK28" s="327">
        <v>0</v>
      </c>
      <c r="EL28" s="327">
        <v>210976</v>
      </c>
      <c r="EM28" s="327">
        <v>636933</v>
      </c>
      <c r="EN28" s="331">
        <v>912656</v>
      </c>
      <c r="EO28" s="330">
        <v>912656</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593767</v>
      </c>
      <c r="FM28" s="327">
        <v>2922688</v>
      </c>
      <c r="FN28" s="328">
        <v>4516455</v>
      </c>
      <c r="FO28" s="326">
        <v>0</v>
      </c>
      <c r="FP28" s="327">
        <v>2916953</v>
      </c>
      <c r="FQ28" s="327">
        <v>6283990</v>
      </c>
      <c r="FR28" s="327">
        <v>3859462</v>
      </c>
      <c r="FS28" s="327">
        <v>3874680</v>
      </c>
      <c r="FT28" s="327">
        <v>2027722</v>
      </c>
      <c r="FU28" s="328">
        <v>18962807</v>
      </c>
      <c r="FV28" s="330">
        <v>23479262</v>
      </c>
      <c r="FW28" s="333">
        <v>561485</v>
      </c>
      <c r="FX28" s="327">
        <v>1989822</v>
      </c>
      <c r="FY28" s="331">
        <v>2551307</v>
      </c>
      <c r="FZ28" s="332">
        <v>0</v>
      </c>
      <c r="GA28" s="327">
        <v>2171933</v>
      </c>
      <c r="GB28" s="327">
        <v>5964441</v>
      </c>
      <c r="GC28" s="327">
        <v>3751237</v>
      </c>
      <c r="GD28" s="327">
        <v>3559479</v>
      </c>
      <c r="GE28" s="327">
        <v>1948522</v>
      </c>
      <c r="GF28" s="328">
        <v>17395612</v>
      </c>
      <c r="GG28" s="334">
        <v>19946919</v>
      </c>
      <c r="GH28" s="333">
        <v>17100</v>
      </c>
      <c r="GI28" s="327">
        <v>88056</v>
      </c>
      <c r="GJ28" s="331">
        <v>105156</v>
      </c>
      <c r="GK28" s="332">
        <v>0</v>
      </c>
      <c r="GL28" s="327">
        <v>188010</v>
      </c>
      <c r="GM28" s="327">
        <v>45279</v>
      </c>
      <c r="GN28" s="327">
        <v>56250</v>
      </c>
      <c r="GO28" s="327">
        <v>224301</v>
      </c>
      <c r="GP28" s="327">
        <v>0</v>
      </c>
      <c r="GQ28" s="328">
        <v>513840</v>
      </c>
      <c r="GR28" s="330">
        <v>618996</v>
      </c>
      <c r="GS28" s="326">
        <v>1015182</v>
      </c>
      <c r="GT28" s="327">
        <v>844810</v>
      </c>
      <c r="GU28" s="328">
        <v>1859992</v>
      </c>
      <c r="GV28" s="326">
        <v>0</v>
      </c>
      <c r="GW28" s="327">
        <v>557010</v>
      </c>
      <c r="GX28" s="327">
        <v>274270</v>
      </c>
      <c r="GY28" s="327">
        <v>51975</v>
      </c>
      <c r="GZ28" s="327">
        <v>90900</v>
      </c>
      <c r="HA28" s="327">
        <v>79200</v>
      </c>
      <c r="HB28" s="331">
        <v>1053355</v>
      </c>
      <c r="HC28" s="330">
        <v>2913347</v>
      </c>
      <c r="HD28" s="326">
        <v>518307</v>
      </c>
      <c r="HE28" s="327">
        <v>284654</v>
      </c>
      <c r="HF28" s="331">
        <v>802961</v>
      </c>
      <c r="HG28" s="332">
        <v>0</v>
      </c>
      <c r="HH28" s="327">
        <v>9985822</v>
      </c>
      <c r="HI28" s="327">
        <v>7829736</v>
      </c>
      <c r="HJ28" s="327">
        <v>7096873</v>
      </c>
      <c r="HK28" s="327">
        <v>12648070</v>
      </c>
      <c r="HL28" s="327">
        <v>9420287</v>
      </c>
      <c r="HM28" s="328">
        <v>46980788</v>
      </c>
      <c r="HN28" s="329">
        <v>47783749</v>
      </c>
      <c r="HO28" s="333">
        <v>698545</v>
      </c>
      <c r="HP28" s="327">
        <v>1485656</v>
      </c>
      <c r="HQ28" s="328">
        <v>2184201</v>
      </c>
      <c r="HR28" s="326">
        <v>0</v>
      </c>
      <c r="HS28" s="327">
        <v>7996090</v>
      </c>
      <c r="HT28" s="327">
        <v>8708600</v>
      </c>
      <c r="HU28" s="327">
        <v>5198727</v>
      </c>
      <c r="HV28" s="327">
        <v>3985832</v>
      </c>
      <c r="HW28" s="327">
        <v>1704075</v>
      </c>
      <c r="HX28" s="331">
        <v>27593324</v>
      </c>
      <c r="HY28" s="330">
        <v>29777525</v>
      </c>
      <c r="HZ28" s="358">
        <v>0</v>
      </c>
      <c r="IA28" s="356">
        <v>0</v>
      </c>
      <c r="IB28" s="358">
        <v>0</v>
      </c>
      <c r="IC28" s="355">
        <v>0</v>
      </c>
      <c r="ID28" s="356">
        <v>14323401</v>
      </c>
      <c r="IE28" s="357">
        <v>10038755</v>
      </c>
      <c r="IF28" s="358">
        <v>11512529</v>
      </c>
      <c r="IG28" s="356">
        <v>9968411</v>
      </c>
      <c r="IH28" s="358">
        <v>3829850</v>
      </c>
      <c r="II28" s="359">
        <v>49672946</v>
      </c>
      <c r="IJ28" s="358">
        <v>49672946</v>
      </c>
      <c r="IK28" s="342">
        <v>0</v>
      </c>
      <c r="IL28" s="343">
        <v>0</v>
      </c>
      <c r="IM28" s="344">
        <v>0</v>
      </c>
      <c r="IN28" s="404">
        <v>0</v>
      </c>
      <c r="IO28" s="345">
        <v>0</v>
      </c>
      <c r="IP28" s="345">
        <v>0</v>
      </c>
      <c r="IQ28" s="345">
        <v>169272</v>
      </c>
      <c r="IR28" s="345">
        <v>0</v>
      </c>
      <c r="IS28" s="345">
        <v>273972</v>
      </c>
      <c r="IT28" s="346">
        <v>443244</v>
      </c>
      <c r="IU28" s="347">
        <v>443244</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3561131</v>
      </c>
      <c r="JL28" s="345">
        <v>3561776</v>
      </c>
      <c r="JM28" s="345">
        <v>2967306</v>
      </c>
      <c r="JN28" s="345">
        <v>2287973</v>
      </c>
      <c r="JO28" s="345">
        <v>633487</v>
      </c>
      <c r="JP28" s="349">
        <v>13011673</v>
      </c>
      <c r="JQ28" s="347">
        <v>13011673</v>
      </c>
      <c r="JR28" s="348">
        <v>0</v>
      </c>
      <c r="JS28" s="345">
        <v>0</v>
      </c>
      <c r="JT28" s="346">
        <v>0</v>
      </c>
      <c r="JU28" s="351">
        <v>0</v>
      </c>
      <c r="JV28" s="345">
        <v>0</v>
      </c>
      <c r="JW28" s="345">
        <v>0</v>
      </c>
      <c r="JX28" s="345">
        <v>377214</v>
      </c>
      <c r="JY28" s="345">
        <v>278504</v>
      </c>
      <c r="JZ28" s="345">
        <v>0</v>
      </c>
      <c r="KA28" s="349">
        <v>655718</v>
      </c>
      <c r="KB28" s="347">
        <v>655718</v>
      </c>
      <c r="KC28" s="352">
        <v>0</v>
      </c>
      <c r="KD28" s="353">
        <v>0</v>
      </c>
      <c r="KE28" s="349">
        <v>0</v>
      </c>
      <c r="KF28" s="351">
        <v>0</v>
      </c>
      <c r="KG28" s="345">
        <v>730155</v>
      </c>
      <c r="KH28" s="345">
        <v>565224</v>
      </c>
      <c r="KI28" s="345">
        <v>1480317</v>
      </c>
      <c r="KJ28" s="345">
        <v>0</v>
      </c>
      <c r="KK28" s="345">
        <v>0</v>
      </c>
      <c r="KL28" s="349">
        <v>2775696</v>
      </c>
      <c r="KM28" s="354">
        <v>2775696</v>
      </c>
      <c r="KN28" s="342">
        <v>0</v>
      </c>
      <c r="KO28" s="343">
        <v>0</v>
      </c>
      <c r="KP28" s="344">
        <v>0</v>
      </c>
      <c r="KQ28" s="413">
        <v>0</v>
      </c>
      <c r="KR28" s="345">
        <v>10032115</v>
      </c>
      <c r="KS28" s="345">
        <v>5785871</v>
      </c>
      <c r="KT28" s="345">
        <v>5505710</v>
      </c>
      <c r="KU28" s="345">
        <v>6093944</v>
      </c>
      <c r="KV28" s="345">
        <v>2391655</v>
      </c>
      <c r="KW28" s="349">
        <v>29809295</v>
      </c>
      <c r="KX28" s="347">
        <v>29809295</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125884</v>
      </c>
      <c r="MA28" s="345">
        <v>1012710</v>
      </c>
      <c r="MB28" s="345">
        <v>1307990</v>
      </c>
      <c r="MC28" s="345">
        <v>530736</v>
      </c>
      <c r="MD28" s="349">
        <v>2977320</v>
      </c>
      <c r="ME28" s="350">
        <v>2977320</v>
      </c>
      <c r="MF28" s="348">
        <v>0</v>
      </c>
      <c r="MG28" s="345">
        <v>0</v>
      </c>
      <c r="MH28" s="349">
        <v>0</v>
      </c>
      <c r="MI28" s="413">
        <v>0</v>
      </c>
      <c r="MJ28" s="345">
        <v>4744169</v>
      </c>
      <c r="MK28" s="345">
        <v>10783231</v>
      </c>
      <c r="ML28" s="345">
        <v>36198192</v>
      </c>
      <c r="MM28" s="345">
        <v>63069209</v>
      </c>
      <c r="MN28" s="345">
        <v>44196385</v>
      </c>
      <c r="MO28" s="349">
        <v>158991186</v>
      </c>
      <c r="MP28" s="354">
        <v>158991186</v>
      </c>
      <c r="MQ28" s="348">
        <v>0</v>
      </c>
      <c r="MR28" s="345">
        <v>0</v>
      </c>
      <c r="MS28" s="349">
        <v>0</v>
      </c>
      <c r="MT28" s="413">
        <v>0</v>
      </c>
      <c r="MU28" s="345">
        <v>678170</v>
      </c>
      <c r="MV28" s="345">
        <v>3115274</v>
      </c>
      <c r="MW28" s="345">
        <v>24079922</v>
      </c>
      <c r="MX28" s="345">
        <v>41744817</v>
      </c>
      <c r="MY28" s="345">
        <v>28761701</v>
      </c>
      <c r="MZ28" s="349">
        <v>98379884</v>
      </c>
      <c r="NA28" s="354">
        <v>98379884</v>
      </c>
      <c r="NB28" s="348">
        <v>0</v>
      </c>
      <c r="NC28" s="345">
        <v>0</v>
      </c>
      <c r="ND28" s="349">
        <v>0</v>
      </c>
      <c r="NE28" s="413">
        <v>0</v>
      </c>
      <c r="NF28" s="345">
        <v>4065999</v>
      </c>
      <c r="NG28" s="345">
        <v>7667957</v>
      </c>
      <c r="NH28" s="345">
        <v>12118270</v>
      </c>
      <c r="NI28" s="345">
        <v>19744669</v>
      </c>
      <c r="NJ28" s="345">
        <v>11351359</v>
      </c>
      <c r="NK28" s="349">
        <v>54948254</v>
      </c>
      <c r="NL28" s="347">
        <v>54948254</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579723</v>
      </c>
      <c r="OF28" s="345">
        <v>4083325</v>
      </c>
      <c r="OG28" s="349">
        <v>5663048</v>
      </c>
      <c r="OH28" s="350">
        <v>5663048</v>
      </c>
      <c r="OI28" s="348">
        <v>4025244</v>
      </c>
      <c r="OJ28" s="345">
        <v>7659617</v>
      </c>
      <c r="OK28" s="346">
        <v>11684861</v>
      </c>
      <c r="OL28" s="351">
        <v>0</v>
      </c>
      <c r="OM28" s="345">
        <v>67755595</v>
      </c>
      <c r="ON28" s="345">
        <v>80492294</v>
      </c>
      <c r="OO28" s="345">
        <v>93261822</v>
      </c>
      <c r="OP28" s="345">
        <v>123609003</v>
      </c>
      <c r="OQ28" s="345">
        <v>80531254</v>
      </c>
      <c r="OR28" s="349">
        <v>445649968</v>
      </c>
      <c r="OS28" s="354">
        <v>457334829</v>
      </c>
    </row>
    <row r="29" spans="2:409" s="70" customFormat="1" ht="21" customHeight="1" x14ac:dyDescent="0.2">
      <c r="B29" s="410" t="s">
        <v>24</v>
      </c>
      <c r="C29" s="326">
        <v>3004601</v>
      </c>
      <c r="D29" s="327">
        <v>4263620</v>
      </c>
      <c r="E29" s="328">
        <v>7268221</v>
      </c>
      <c r="F29" s="329">
        <v>0</v>
      </c>
      <c r="G29" s="327">
        <v>27610328</v>
      </c>
      <c r="H29" s="327">
        <v>29001784</v>
      </c>
      <c r="I29" s="327">
        <v>28427971</v>
      </c>
      <c r="J29" s="327">
        <v>28224033</v>
      </c>
      <c r="K29" s="327">
        <v>19842396</v>
      </c>
      <c r="L29" s="367">
        <v>133106512</v>
      </c>
      <c r="M29" s="330">
        <v>140374733</v>
      </c>
      <c r="N29" s="326">
        <v>680346</v>
      </c>
      <c r="O29" s="327">
        <v>1104144</v>
      </c>
      <c r="P29" s="328">
        <v>1784490</v>
      </c>
      <c r="Q29" s="326">
        <v>0</v>
      </c>
      <c r="R29" s="327">
        <v>5395416</v>
      </c>
      <c r="S29" s="327">
        <v>7647964</v>
      </c>
      <c r="T29" s="327">
        <v>8793237</v>
      </c>
      <c r="U29" s="327">
        <v>9731645</v>
      </c>
      <c r="V29" s="327">
        <v>8746850</v>
      </c>
      <c r="W29" s="328">
        <v>40315112</v>
      </c>
      <c r="X29" s="330">
        <v>42099602</v>
      </c>
      <c r="Y29" s="326">
        <v>0</v>
      </c>
      <c r="Z29" s="327">
        <v>0</v>
      </c>
      <c r="AA29" s="328">
        <v>0</v>
      </c>
      <c r="AB29" s="326">
        <v>0</v>
      </c>
      <c r="AC29" s="327">
        <v>1886456</v>
      </c>
      <c r="AD29" s="327">
        <v>3020940</v>
      </c>
      <c r="AE29" s="327">
        <v>4588529</v>
      </c>
      <c r="AF29" s="327">
        <v>5563977</v>
      </c>
      <c r="AG29" s="327">
        <v>4231529</v>
      </c>
      <c r="AH29" s="328">
        <v>19291431</v>
      </c>
      <c r="AI29" s="330">
        <v>19291431</v>
      </c>
      <c r="AJ29" s="326">
        <v>0</v>
      </c>
      <c r="AK29" s="327">
        <v>0</v>
      </c>
      <c r="AL29" s="328">
        <v>0</v>
      </c>
      <c r="AM29" s="326">
        <v>0</v>
      </c>
      <c r="AN29" s="327">
        <v>0</v>
      </c>
      <c r="AO29" s="327">
        <v>122663</v>
      </c>
      <c r="AP29" s="327">
        <v>477299</v>
      </c>
      <c r="AQ29" s="327">
        <v>457598</v>
      </c>
      <c r="AR29" s="327">
        <v>1345055</v>
      </c>
      <c r="AS29" s="328">
        <v>2402615</v>
      </c>
      <c r="AT29" s="330">
        <v>2402615</v>
      </c>
      <c r="AU29" s="326">
        <v>359178</v>
      </c>
      <c r="AV29" s="327">
        <v>874326</v>
      </c>
      <c r="AW29" s="328">
        <v>1233504</v>
      </c>
      <c r="AX29" s="326">
        <v>0</v>
      </c>
      <c r="AY29" s="327">
        <v>2193462</v>
      </c>
      <c r="AZ29" s="327">
        <v>3141943</v>
      </c>
      <c r="BA29" s="327">
        <v>2156095</v>
      </c>
      <c r="BB29" s="327">
        <v>2096919</v>
      </c>
      <c r="BC29" s="327">
        <v>1971549</v>
      </c>
      <c r="BD29" s="328">
        <v>11559968</v>
      </c>
      <c r="BE29" s="330">
        <v>12793472</v>
      </c>
      <c r="BF29" s="326">
        <v>23332</v>
      </c>
      <c r="BG29" s="327">
        <v>29165</v>
      </c>
      <c r="BH29" s="331">
        <v>52497</v>
      </c>
      <c r="BI29" s="332">
        <v>0</v>
      </c>
      <c r="BJ29" s="327">
        <v>131413</v>
      </c>
      <c r="BK29" s="327">
        <v>202684</v>
      </c>
      <c r="BL29" s="327">
        <v>135567</v>
      </c>
      <c r="BM29" s="327">
        <v>127555</v>
      </c>
      <c r="BN29" s="327">
        <v>130561</v>
      </c>
      <c r="BO29" s="328">
        <v>727780</v>
      </c>
      <c r="BP29" s="330">
        <v>780277</v>
      </c>
      <c r="BQ29" s="326">
        <v>297836</v>
      </c>
      <c r="BR29" s="327">
        <v>200653</v>
      </c>
      <c r="BS29" s="328">
        <v>498489</v>
      </c>
      <c r="BT29" s="326">
        <v>0</v>
      </c>
      <c r="BU29" s="327">
        <v>1184085</v>
      </c>
      <c r="BV29" s="327">
        <v>1159734</v>
      </c>
      <c r="BW29" s="327">
        <v>1435747</v>
      </c>
      <c r="BX29" s="327">
        <v>1485596</v>
      </c>
      <c r="BY29" s="327">
        <v>1068156</v>
      </c>
      <c r="BZ29" s="328">
        <v>6333318</v>
      </c>
      <c r="CA29" s="330">
        <v>6831807</v>
      </c>
      <c r="CB29" s="326">
        <v>265586</v>
      </c>
      <c r="CC29" s="327">
        <v>726480</v>
      </c>
      <c r="CD29" s="328">
        <v>992066</v>
      </c>
      <c r="CE29" s="326">
        <v>0</v>
      </c>
      <c r="CF29" s="327">
        <v>9361085</v>
      </c>
      <c r="CG29" s="327">
        <v>8835788</v>
      </c>
      <c r="CH29" s="327">
        <v>6183884</v>
      </c>
      <c r="CI29" s="327">
        <v>4195505</v>
      </c>
      <c r="CJ29" s="327">
        <v>2040636</v>
      </c>
      <c r="CK29" s="328">
        <v>30616898</v>
      </c>
      <c r="CL29" s="330">
        <v>31608964</v>
      </c>
      <c r="CM29" s="326">
        <v>0</v>
      </c>
      <c r="CN29" s="327">
        <v>0</v>
      </c>
      <c r="CO29" s="328">
        <v>0</v>
      </c>
      <c r="CP29" s="332">
        <v>0</v>
      </c>
      <c r="CQ29" s="327">
        <v>6353187</v>
      </c>
      <c r="CR29" s="327">
        <v>6718212</v>
      </c>
      <c r="CS29" s="327">
        <v>4300223</v>
      </c>
      <c r="CT29" s="327">
        <v>2892346</v>
      </c>
      <c r="CU29" s="327">
        <v>1016349</v>
      </c>
      <c r="CV29" s="328">
        <v>21280317</v>
      </c>
      <c r="CW29" s="330">
        <v>21280317</v>
      </c>
      <c r="CX29" s="326">
        <v>265586</v>
      </c>
      <c r="CY29" s="327">
        <v>726480</v>
      </c>
      <c r="CZ29" s="328">
        <v>992066</v>
      </c>
      <c r="DA29" s="326">
        <v>0</v>
      </c>
      <c r="DB29" s="327">
        <v>3007898</v>
      </c>
      <c r="DC29" s="327">
        <v>2117576</v>
      </c>
      <c r="DD29" s="327">
        <v>1883661</v>
      </c>
      <c r="DE29" s="327">
        <v>1303159</v>
      </c>
      <c r="DF29" s="327">
        <v>1024287</v>
      </c>
      <c r="DG29" s="328">
        <v>9336581</v>
      </c>
      <c r="DH29" s="330">
        <v>10328647</v>
      </c>
      <c r="DI29" s="326">
        <v>71049</v>
      </c>
      <c r="DJ29" s="327">
        <v>33165</v>
      </c>
      <c r="DK29" s="331">
        <v>104214</v>
      </c>
      <c r="DL29" s="332">
        <v>0</v>
      </c>
      <c r="DM29" s="327">
        <v>1030574</v>
      </c>
      <c r="DN29" s="327">
        <v>1667892</v>
      </c>
      <c r="DO29" s="327">
        <v>2171081</v>
      </c>
      <c r="DP29" s="327">
        <v>2038089</v>
      </c>
      <c r="DQ29" s="327">
        <v>1270714</v>
      </c>
      <c r="DR29" s="328">
        <v>8178350</v>
      </c>
      <c r="DS29" s="330">
        <v>8282564</v>
      </c>
      <c r="DT29" s="326">
        <v>71049</v>
      </c>
      <c r="DU29" s="327">
        <v>33165</v>
      </c>
      <c r="DV29" s="328">
        <v>104214</v>
      </c>
      <c r="DW29" s="326">
        <v>0</v>
      </c>
      <c r="DX29" s="327">
        <v>932202</v>
      </c>
      <c r="DY29" s="327">
        <v>1667892</v>
      </c>
      <c r="DZ29" s="327">
        <v>2070675</v>
      </c>
      <c r="EA29" s="327">
        <v>1910136</v>
      </c>
      <c r="EB29" s="327">
        <v>901862</v>
      </c>
      <c r="EC29" s="328">
        <v>7482767</v>
      </c>
      <c r="ED29" s="330">
        <v>7586981</v>
      </c>
      <c r="EE29" s="326">
        <v>0</v>
      </c>
      <c r="EF29" s="331">
        <v>0</v>
      </c>
      <c r="EG29" s="328">
        <v>0</v>
      </c>
      <c r="EH29" s="326">
        <v>0</v>
      </c>
      <c r="EI29" s="327">
        <v>98372</v>
      </c>
      <c r="EJ29" s="327">
        <v>0</v>
      </c>
      <c r="EK29" s="327">
        <v>100406</v>
      </c>
      <c r="EL29" s="327">
        <v>127953</v>
      </c>
      <c r="EM29" s="327">
        <v>368852</v>
      </c>
      <c r="EN29" s="331">
        <v>695583</v>
      </c>
      <c r="EO29" s="330">
        <v>695583</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704729</v>
      </c>
      <c r="FM29" s="327">
        <v>909591</v>
      </c>
      <c r="FN29" s="328">
        <v>1614320</v>
      </c>
      <c r="FO29" s="326">
        <v>0</v>
      </c>
      <c r="FP29" s="327">
        <v>1172271</v>
      </c>
      <c r="FQ29" s="327">
        <v>2373646</v>
      </c>
      <c r="FR29" s="327">
        <v>2205739</v>
      </c>
      <c r="FS29" s="327">
        <v>1804892</v>
      </c>
      <c r="FT29" s="327">
        <v>1125850</v>
      </c>
      <c r="FU29" s="328">
        <v>8682398</v>
      </c>
      <c r="FV29" s="330">
        <v>10296718</v>
      </c>
      <c r="FW29" s="333">
        <v>378243</v>
      </c>
      <c r="FX29" s="327">
        <v>580907</v>
      </c>
      <c r="FY29" s="331">
        <v>959150</v>
      </c>
      <c r="FZ29" s="332">
        <v>0</v>
      </c>
      <c r="GA29" s="327">
        <v>1055377</v>
      </c>
      <c r="GB29" s="327">
        <v>2178378</v>
      </c>
      <c r="GC29" s="327">
        <v>1855037</v>
      </c>
      <c r="GD29" s="327">
        <v>1698793</v>
      </c>
      <c r="GE29" s="327">
        <v>1113145</v>
      </c>
      <c r="GF29" s="328">
        <v>7900730</v>
      </c>
      <c r="GG29" s="334">
        <v>8859880</v>
      </c>
      <c r="GH29" s="333">
        <v>79486</v>
      </c>
      <c r="GI29" s="327">
        <v>149484</v>
      </c>
      <c r="GJ29" s="331">
        <v>228970</v>
      </c>
      <c r="GK29" s="332">
        <v>0</v>
      </c>
      <c r="GL29" s="327">
        <v>43194</v>
      </c>
      <c r="GM29" s="327">
        <v>125968</v>
      </c>
      <c r="GN29" s="327">
        <v>240902</v>
      </c>
      <c r="GO29" s="327">
        <v>67379</v>
      </c>
      <c r="GP29" s="327">
        <v>12705</v>
      </c>
      <c r="GQ29" s="328">
        <v>490148</v>
      </c>
      <c r="GR29" s="330">
        <v>719118</v>
      </c>
      <c r="GS29" s="326">
        <v>247000</v>
      </c>
      <c r="GT29" s="327">
        <v>179200</v>
      </c>
      <c r="GU29" s="328">
        <v>426200</v>
      </c>
      <c r="GV29" s="326">
        <v>0</v>
      </c>
      <c r="GW29" s="327">
        <v>73700</v>
      </c>
      <c r="GX29" s="327">
        <v>69300</v>
      </c>
      <c r="GY29" s="327">
        <v>109800</v>
      </c>
      <c r="GZ29" s="327">
        <v>38720</v>
      </c>
      <c r="HA29" s="327">
        <v>0</v>
      </c>
      <c r="HB29" s="331">
        <v>291520</v>
      </c>
      <c r="HC29" s="330">
        <v>717720</v>
      </c>
      <c r="HD29" s="326">
        <v>748449</v>
      </c>
      <c r="HE29" s="327">
        <v>858598</v>
      </c>
      <c r="HF29" s="331">
        <v>1607047</v>
      </c>
      <c r="HG29" s="332">
        <v>0</v>
      </c>
      <c r="HH29" s="327">
        <v>6604484</v>
      </c>
      <c r="HI29" s="327">
        <v>5309835</v>
      </c>
      <c r="HJ29" s="327">
        <v>6612432</v>
      </c>
      <c r="HK29" s="327">
        <v>8680113</v>
      </c>
      <c r="HL29" s="327">
        <v>5648937</v>
      </c>
      <c r="HM29" s="328">
        <v>32855801</v>
      </c>
      <c r="HN29" s="329">
        <v>34462848</v>
      </c>
      <c r="HO29" s="333">
        <v>534442</v>
      </c>
      <c r="HP29" s="327">
        <v>631642</v>
      </c>
      <c r="HQ29" s="328">
        <v>1166084</v>
      </c>
      <c r="HR29" s="326">
        <v>0</v>
      </c>
      <c r="HS29" s="327">
        <v>4046498</v>
      </c>
      <c r="HT29" s="327">
        <v>3166659</v>
      </c>
      <c r="HU29" s="327">
        <v>2461598</v>
      </c>
      <c r="HV29" s="327">
        <v>1773789</v>
      </c>
      <c r="HW29" s="327">
        <v>1009409</v>
      </c>
      <c r="HX29" s="331">
        <v>12457953</v>
      </c>
      <c r="HY29" s="330">
        <v>13624037</v>
      </c>
      <c r="HZ29" s="335">
        <v>95753</v>
      </c>
      <c r="IA29" s="336">
        <v>259334</v>
      </c>
      <c r="IB29" s="337">
        <v>355087</v>
      </c>
      <c r="IC29" s="338">
        <v>0</v>
      </c>
      <c r="ID29" s="336">
        <v>3611723</v>
      </c>
      <c r="IE29" s="339">
        <v>6158340</v>
      </c>
      <c r="IF29" s="337">
        <v>4966398</v>
      </c>
      <c r="IG29" s="336">
        <v>4250348</v>
      </c>
      <c r="IH29" s="337">
        <v>984310</v>
      </c>
      <c r="II29" s="340">
        <v>19971119</v>
      </c>
      <c r="IJ29" s="341">
        <v>20326206</v>
      </c>
      <c r="IK29" s="342">
        <v>0</v>
      </c>
      <c r="IL29" s="343">
        <v>0</v>
      </c>
      <c r="IM29" s="344">
        <v>0</v>
      </c>
      <c r="IN29" s="404">
        <v>0</v>
      </c>
      <c r="IO29" s="345">
        <v>73620</v>
      </c>
      <c r="IP29" s="345">
        <v>112227</v>
      </c>
      <c r="IQ29" s="345">
        <v>394519</v>
      </c>
      <c r="IR29" s="345">
        <v>851326</v>
      </c>
      <c r="IS29" s="345">
        <v>287224</v>
      </c>
      <c r="IT29" s="346">
        <v>1718916</v>
      </c>
      <c r="IU29" s="347">
        <v>1718916</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446719</v>
      </c>
      <c r="JL29" s="345">
        <v>1225437</v>
      </c>
      <c r="JM29" s="345">
        <v>1211965</v>
      </c>
      <c r="JN29" s="345">
        <v>471753</v>
      </c>
      <c r="JO29" s="345">
        <v>84784</v>
      </c>
      <c r="JP29" s="349">
        <v>4440658</v>
      </c>
      <c r="JQ29" s="347">
        <v>4440658</v>
      </c>
      <c r="JR29" s="348">
        <v>0</v>
      </c>
      <c r="JS29" s="345">
        <v>0</v>
      </c>
      <c r="JT29" s="346">
        <v>0</v>
      </c>
      <c r="JU29" s="351">
        <v>0</v>
      </c>
      <c r="JV29" s="345">
        <v>515677</v>
      </c>
      <c r="JW29" s="345">
        <v>737748</v>
      </c>
      <c r="JX29" s="345">
        <v>253366</v>
      </c>
      <c r="JY29" s="345">
        <v>352186</v>
      </c>
      <c r="JZ29" s="345">
        <v>71264</v>
      </c>
      <c r="KA29" s="349">
        <v>1930241</v>
      </c>
      <c r="KB29" s="347">
        <v>1930241</v>
      </c>
      <c r="KC29" s="352">
        <v>95753</v>
      </c>
      <c r="KD29" s="353">
        <v>259334</v>
      </c>
      <c r="KE29" s="349">
        <v>355087</v>
      </c>
      <c r="KF29" s="351">
        <v>0</v>
      </c>
      <c r="KG29" s="345">
        <v>1323108</v>
      </c>
      <c r="KH29" s="345">
        <v>2021378</v>
      </c>
      <c r="KI29" s="345">
        <v>1455342</v>
      </c>
      <c r="KJ29" s="345">
        <v>1460971</v>
      </c>
      <c r="KK29" s="345">
        <v>320009</v>
      </c>
      <c r="KL29" s="349">
        <v>6580808</v>
      </c>
      <c r="KM29" s="354">
        <v>6935895</v>
      </c>
      <c r="KN29" s="342">
        <v>0</v>
      </c>
      <c r="KO29" s="343">
        <v>0</v>
      </c>
      <c r="KP29" s="344">
        <v>0</v>
      </c>
      <c r="KQ29" s="413">
        <v>0</v>
      </c>
      <c r="KR29" s="345">
        <v>252599</v>
      </c>
      <c r="KS29" s="345">
        <v>2061550</v>
      </c>
      <c r="KT29" s="345">
        <v>1651206</v>
      </c>
      <c r="KU29" s="345">
        <v>1114112</v>
      </c>
      <c r="KV29" s="345">
        <v>221029</v>
      </c>
      <c r="KW29" s="349">
        <v>5300496</v>
      </c>
      <c r="KX29" s="347">
        <v>5300496</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3022422</v>
      </c>
      <c r="MK29" s="345">
        <v>2276012</v>
      </c>
      <c r="ML29" s="345">
        <v>15000222</v>
      </c>
      <c r="MM29" s="345">
        <v>37876879</v>
      </c>
      <c r="MN29" s="345">
        <v>16389264</v>
      </c>
      <c r="MO29" s="349">
        <v>74564799</v>
      </c>
      <c r="MP29" s="354">
        <v>74564799</v>
      </c>
      <c r="MQ29" s="348">
        <v>0</v>
      </c>
      <c r="MR29" s="345">
        <v>0</v>
      </c>
      <c r="MS29" s="349">
        <v>0</v>
      </c>
      <c r="MT29" s="413">
        <v>0</v>
      </c>
      <c r="MU29" s="345">
        <v>253076</v>
      </c>
      <c r="MV29" s="345">
        <v>0</v>
      </c>
      <c r="MW29" s="345">
        <v>6940043</v>
      </c>
      <c r="MX29" s="345">
        <v>26188798</v>
      </c>
      <c r="MY29" s="345">
        <v>14584215</v>
      </c>
      <c r="MZ29" s="349">
        <v>47966132</v>
      </c>
      <c r="NA29" s="354">
        <v>47966132</v>
      </c>
      <c r="NB29" s="348">
        <v>0</v>
      </c>
      <c r="NC29" s="345">
        <v>0</v>
      </c>
      <c r="ND29" s="349">
        <v>0</v>
      </c>
      <c r="NE29" s="413">
        <v>0</v>
      </c>
      <c r="NF29" s="345">
        <v>2769346</v>
      </c>
      <c r="NG29" s="345">
        <v>2276012</v>
      </c>
      <c r="NH29" s="345">
        <v>8060179</v>
      </c>
      <c r="NI29" s="345">
        <v>11688081</v>
      </c>
      <c r="NJ29" s="345">
        <v>1805049</v>
      </c>
      <c r="NK29" s="349">
        <v>26598667</v>
      </c>
      <c r="NL29" s="347">
        <v>26598667</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0</v>
      </c>
      <c r="OG29" s="349">
        <v>0</v>
      </c>
      <c r="OH29" s="350">
        <v>0</v>
      </c>
      <c r="OI29" s="348">
        <v>3100354</v>
      </c>
      <c r="OJ29" s="345">
        <v>4522954</v>
      </c>
      <c r="OK29" s="346">
        <v>7623308</v>
      </c>
      <c r="OL29" s="351">
        <v>0</v>
      </c>
      <c r="OM29" s="345">
        <v>34244473</v>
      </c>
      <c r="ON29" s="345">
        <v>37436136</v>
      </c>
      <c r="OO29" s="345">
        <v>48394591</v>
      </c>
      <c r="OP29" s="345">
        <v>70351260</v>
      </c>
      <c r="OQ29" s="345">
        <v>37215970</v>
      </c>
      <c r="OR29" s="349">
        <v>227642430</v>
      </c>
      <c r="OS29" s="354">
        <v>235265738</v>
      </c>
    </row>
    <row r="30" spans="2:409" s="70" customFormat="1" ht="21" customHeight="1" x14ac:dyDescent="0.2">
      <c r="B30" s="410" t="s">
        <v>25</v>
      </c>
      <c r="C30" s="326">
        <v>2089407</v>
      </c>
      <c r="D30" s="327">
        <v>4598094</v>
      </c>
      <c r="E30" s="328">
        <v>6687501</v>
      </c>
      <c r="F30" s="329">
        <v>0</v>
      </c>
      <c r="G30" s="327">
        <v>29758486</v>
      </c>
      <c r="H30" s="327">
        <v>38342568</v>
      </c>
      <c r="I30" s="327">
        <v>24977970</v>
      </c>
      <c r="J30" s="327">
        <v>27697665</v>
      </c>
      <c r="K30" s="327">
        <v>13269014</v>
      </c>
      <c r="L30" s="367">
        <v>134045703</v>
      </c>
      <c r="M30" s="330">
        <v>140733204</v>
      </c>
      <c r="N30" s="326">
        <v>670175</v>
      </c>
      <c r="O30" s="327">
        <v>1582089</v>
      </c>
      <c r="P30" s="328">
        <v>2252264</v>
      </c>
      <c r="Q30" s="326">
        <v>0</v>
      </c>
      <c r="R30" s="327">
        <v>8232406</v>
      </c>
      <c r="S30" s="327">
        <v>12502385</v>
      </c>
      <c r="T30" s="327">
        <v>7364758</v>
      </c>
      <c r="U30" s="327">
        <v>11370979</v>
      </c>
      <c r="V30" s="327">
        <v>6235442</v>
      </c>
      <c r="W30" s="328">
        <v>45705970</v>
      </c>
      <c r="X30" s="330">
        <v>47958234</v>
      </c>
      <c r="Y30" s="326">
        <v>0</v>
      </c>
      <c r="Z30" s="327">
        <v>0</v>
      </c>
      <c r="AA30" s="328">
        <v>0</v>
      </c>
      <c r="AB30" s="326">
        <v>0</v>
      </c>
      <c r="AC30" s="327">
        <v>4020601</v>
      </c>
      <c r="AD30" s="327">
        <v>5963015</v>
      </c>
      <c r="AE30" s="327">
        <v>4261829</v>
      </c>
      <c r="AF30" s="327">
        <v>7519379</v>
      </c>
      <c r="AG30" s="327">
        <v>3344913</v>
      </c>
      <c r="AH30" s="328">
        <v>25109737</v>
      </c>
      <c r="AI30" s="330">
        <v>25109737</v>
      </c>
      <c r="AJ30" s="326">
        <v>0</v>
      </c>
      <c r="AK30" s="327">
        <v>0</v>
      </c>
      <c r="AL30" s="328">
        <v>0</v>
      </c>
      <c r="AM30" s="326">
        <v>0</v>
      </c>
      <c r="AN30" s="327">
        <v>151566</v>
      </c>
      <c r="AO30" s="327">
        <v>588031</v>
      </c>
      <c r="AP30" s="327">
        <v>599975</v>
      </c>
      <c r="AQ30" s="327">
        <v>905347</v>
      </c>
      <c r="AR30" s="327">
        <v>844078</v>
      </c>
      <c r="AS30" s="328">
        <v>3088997</v>
      </c>
      <c r="AT30" s="330">
        <v>3088997</v>
      </c>
      <c r="AU30" s="326">
        <v>504148</v>
      </c>
      <c r="AV30" s="327">
        <v>1321844</v>
      </c>
      <c r="AW30" s="328">
        <v>1825992</v>
      </c>
      <c r="AX30" s="326">
        <v>0</v>
      </c>
      <c r="AY30" s="327">
        <v>2996590</v>
      </c>
      <c r="AZ30" s="327">
        <v>4246221</v>
      </c>
      <c r="BA30" s="327">
        <v>1438358</v>
      </c>
      <c r="BB30" s="327">
        <v>1644748</v>
      </c>
      <c r="BC30" s="327">
        <v>1248596</v>
      </c>
      <c r="BD30" s="328">
        <v>11574513</v>
      </c>
      <c r="BE30" s="330">
        <v>13400505</v>
      </c>
      <c r="BF30" s="326">
        <v>23091</v>
      </c>
      <c r="BG30" s="327">
        <v>134376</v>
      </c>
      <c r="BH30" s="331">
        <v>157467</v>
      </c>
      <c r="BI30" s="332">
        <v>0</v>
      </c>
      <c r="BJ30" s="327">
        <v>30620</v>
      </c>
      <c r="BK30" s="327">
        <v>681425</v>
      </c>
      <c r="BL30" s="327">
        <v>90859</v>
      </c>
      <c r="BM30" s="327">
        <v>148781</v>
      </c>
      <c r="BN30" s="327">
        <v>167793</v>
      </c>
      <c r="BO30" s="328">
        <v>1119478</v>
      </c>
      <c r="BP30" s="330">
        <v>1276945</v>
      </c>
      <c r="BQ30" s="326">
        <v>142936</v>
      </c>
      <c r="BR30" s="327">
        <v>125869</v>
      </c>
      <c r="BS30" s="328">
        <v>268805</v>
      </c>
      <c r="BT30" s="326">
        <v>0</v>
      </c>
      <c r="BU30" s="327">
        <v>1033029</v>
      </c>
      <c r="BV30" s="327">
        <v>1023693</v>
      </c>
      <c r="BW30" s="327">
        <v>973737</v>
      </c>
      <c r="BX30" s="327">
        <v>1152724</v>
      </c>
      <c r="BY30" s="327">
        <v>630062</v>
      </c>
      <c r="BZ30" s="328">
        <v>4813245</v>
      </c>
      <c r="CA30" s="330">
        <v>5082050</v>
      </c>
      <c r="CB30" s="326">
        <v>22749</v>
      </c>
      <c r="CC30" s="327">
        <v>294800</v>
      </c>
      <c r="CD30" s="328">
        <v>317549</v>
      </c>
      <c r="CE30" s="326">
        <v>0</v>
      </c>
      <c r="CF30" s="327">
        <v>11328681</v>
      </c>
      <c r="CG30" s="327">
        <v>12548154</v>
      </c>
      <c r="CH30" s="327">
        <v>7527893</v>
      </c>
      <c r="CI30" s="327">
        <v>5441205</v>
      </c>
      <c r="CJ30" s="327">
        <v>1594444</v>
      </c>
      <c r="CK30" s="328">
        <v>38440377</v>
      </c>
      <c r="CL30" s="330">
        <v>38757926</v>
      </c>
      <c r="CM30" s="326">
        <v>0</v>
      </c>
      <c r="CN30" s="327">
        <v>0</v>
      </c>
      <c r="CO30" s="328">
        <v>0</v>
      </c>
      <c r="CP30" s="332">
        <v>0</v>
      </c>
      <c r="CQ30" s="327">
        <v>9479117</v>
      </c>
      <c r="CR30" s="327">
        <v>8226394</v>
      </c>
      <c r="CS30" s="327">
        <v>5750922</v>
      </c>
      <c r="CT30" s="327">
        <v>4312143</v>
      </c>
      <c r="CU30" s="327">
        <v>1409075</v>
      </c>
      <c r="CV30" s="328">
        <v>29177651</v>
      </c>
      <c r="CW30" s="330">
        <v>29177651</v>
      </c>
      <c r="CX30" s="326">
        <v>22749</v>
      </c>
      <c r="CY30" s="327">
        <v>294800</v>
      </c>
      <c r="CZ30" s="328">
        <v>317549</v>
      </c>
      <c r="DA30" s="326">
        <v>0</v>
      </c>
      <c r="DB30" s="327">
        <v>1849564</v>
      </c>
      <c r="DC30" s="327">
        <v>4321760</v>
      </c>
      <c r="DD30" s="327">
        <v>1776971</v>
      </c>
      <c r="DE30" s="327">
        <v>1129062</v>
      </c>
      <c r="DF30" s="327">
        <v>185369</v>
      </c>
      <c r="DG30" s="328">
        <v>9262726</v>
      </c>
      <c r="DH30" s="330">
        <v>9580275</v>
      </c>
      <c r="DI30" s="326">
        <v>0</v>
      </c>
      <c r="DJ30" s="327">
        <v>44521</v>
      </c>
      <c r="DK30" s="331">
        <v>44521</v>
      </c>
      <c r="DL30" s="332">
        <v>0</v>
      </c>
      <c r="DM30" s="327">
        <v>808148</v>
      </c>
      <c r="DN30" s="327">
        <v>2568737</v>
      </c>
      <c r="DO30" s="327">
        <v>3154826</v>
      </c>
      <c r="DP30" s="327">
        <v>2194103</v>
      </c>
      <c r="DQ30" s="327">
        <v>794813</v>
      </c>
      <c r="DR30" s="328">
        <v>9520627</v>
      </c>
      <c r="DS30" s="330">
        <v>9565148</v>
      </c>
      <c r="DT30" s="326">
        <v>0</v>
      </c>
      <c r="DU30" s="327">
        <v>44521</v>
      </c>
      <c r="DV30" s="328">
        <v>44521</v>
      </c>
      <c r="DW30" s="326">
        <v>0</v>
      </c>
      <c r="DX30" s="327">
        <v>808148</v>
      </c>
      <c r="DY30" s="327">
        <v>1790899</v>
      </c>
      <c r="DZ30" s="327">
        <v>2600500</v>
      </c>
      <c r="EA30" s="327">
        <v>1884677</v>
      </c>
      <c r="EB30" s="327">
        <v>794813</v>
      </c>
      <c r="EC30" s="328">
        <v>7879037</v>
      </c>
      <c r="ED30" s="330">
        <v>7923558</v>
      </c>
      <c r="EE30" s="326">
        <v>0</v>
      </c>
      <c r="EF30" s="331">
        <v>0</v>
      </c>
      <c r="EG30" s="328">
        <v>0</v>
      </c>
      <c r="EH30" s="326">
        <v>0</v>
      </c>
      <c r="EI30" s="327">
        <v>0</v>
      </c>
      <c r="EJ30" s="327">
        <v>777838</v>
      </c>
      <c r="EK30" s="327">
        <v>554326</v>
      </c>
      <c r="EL30" s="327">
        <v>309426</v>
      </c>
      <c r="EM30" s="327">
        <v>0</v>
      </c>
      <c r="EN30" s="331">
        <v>1641590</v>
      </c>
      <c r="EO30" s="330">
        <v>164159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538142</v>
      </c>
      <c r="FM30" s="327">
        <v>1323119</v>
      </c>
      <c r="FN30" s="328">
        <v>1861261</v>
      </c>
      <c r="FO30" s="326">
        <v>0</v>
      </c>
      <c r="FP30" s="327">
        <v>1292062</v>
      </c>
      <c r="FQ30" s="327">
        <v>4367082</v>
      </c>
      <c r="FR30" s="327">
        <v>1934370</v>
      </c>
      <c r="FS30" s="327">
        <v>2212052</v>
      </c>
      <c r="FT30" s="327">
        <v>972428</v>
      </c>
      <c r="FU30" s="328">
        <v>10777994</v>
      </c>
      <c r="FV30" s="330">
        <v>12639255</v>
      </c>
      <c r="FW30" s="333">
        <v>538142</v>
      </c>
      <c r="FX30" s="327">
        <v>1156498</v>
      </c>
      <c r="FY30" s="331">
        <v>1694640</v>
      </c>
      <c r="FZ30" s="332">
        <v>0</v>
      </c>
      <c r="GA30" s="327">
        <v>1069956</v>
      </c>
      <c r="GB30" s="327">
        <v>4148362</v>
      </c>
      <c r="GC30" s="327">
        <v>1916946</v>
      </c>
      <c r="GD30" s="327">
        <v>2108503</v>
      </c>
      <c r="GE30" s="327">
        <v>972428</v>
      </c>
      <c r="GF30" s="328">
        <v>10216195</v>
      </c>
      <c r="GG30" s="334">
        <v>11910835</v>
      </c>
      <c r="GH30" s="333">
        <v>0</v>
      </c>
      <c r="GI30" s="327">
        <v>122971</v>
      </c>
      <c r="GJ30" s="331">
        <v>122971</v>
      </c>
      <c r="GK30" s="332">
        <v>0</v>
      </c>
      <c r="GL30" s="327">
        <v>42916</v>
      </c>
      <c r="GM30" s="327">
        <v>38720</v>
      </c>
      <c r="GN30" s="327">
        <v>17424</v>
      </c>
      <c r="GO30" s="327">
        <v>103549</v>
      </c>
      <c r="GP30" s="327">
        <v>0</v>
      </c>
      <c r="GQ30" s="328">
        <v>202609</v>
      </c>
      <c r="GR30" s="330">
        <v>325580</v>
      </c>
      <c r="GS30" s="326">
        <v>0</v>
      </c>
      <c r="GT30" s="327">
        <v>43650</v>
      </c>
      <c r="GU30" s="328">
        <v>43650</v>
      </c>
      <c r="GV30" s="326">
        <v>0</v>
      </c>
      <c r="GW30" s="327">
        <v>179190</v>
      </c>
      <c r="GX30" s="327">
        <v>180000</v>
      </c>
      <c r="GY30" s="327">
        <v>0</v>
      </c>
      <c r="GZ30" s="327">
        <v>0</v>
      </c>
      <c r="HA30" s="327">
        <v>0</v>
      </c>
      <c r="HB30" s="331">
        <v>359190</v>
      </c>
      <c r="HC30" s="330">
        <v>402840</v>
      </c>
      <c r="HD30" s="326">
        <v>314334</v>
      </c>
      <c r="HE30" s="327">
        <v>427584</v>
      </c>
      <c r="HF30" s="331">
        <v>741918</v>
      </c>
      <c r="HG30" s="332">
        <v>0</v>
      </c>
      <c r="HH30" s="327">
        <v>3664370</v>
      </c>
      <c r="HI30" s="327">
        <v>1962212</v>
      </c>
      <c r="HJ30" s="327">
        <v>2536889</v>
      </c>
      <c r="HK30" s="327">
        <v>4535257</v>
      </c>
      <c r="HL30" s="327">
        <v>2914613</v>
      </c>
      <c r="HM30" s="328">
        <v>15613341</v>
      </c>
      <c r="HN30" s="329">
        <v>16355259</v>
      </c>
      <c r="HO30" s="333">
        <v>544007</v>
      </c>
      <c r="HP30" s="327">
        <v>925981</v>
      </c>
      <c r="HQ30" s="328">
        <v>1469988</v>
      </c>
      <c r="HR30" s="326">
        <v>0</v>
      </c>
      <c r="HS30" s="327">
        <v>4432819</v>
      </c>
      <c r="HT30" s="327">
        <v>4393998</v>
      </c>
      <c r="HU30" s="327">
        <v>2459234</v>
      </c>
      <c r="HV30" s="327">
        <v>1944069</v>
      </c>
      <c r="HW30" s="327">
        <v>757274</v>
      </c>
      <c r="HX30" s="331">
        <v>13987394</v>
      </c>
      <c r="HY30" s="330">
        <v>15457382</v>
      </c>
      <c r="HZ30" s="358">
        <v>92148</v>
      </c>
      <c r="IA30" s="356">
        <v>86138</v>
      </c>
      <c r="IB30" s="358">
        <v>178286</v>
      </c>
      <c r="IC30" s="355">
        <v>0</v>
      </c>
      <c r="ID30" s="356">
        <v>7158366</v>
      </c>
      <c r="IE30" s="357">
        <v>4349026</v>
      </c>
      <c r="IF30" s="358">
        <v>5627484</v>
      </c>
      <c r="IG30" s="356">
        <v>3333747</v>
      </c>
      <c r="IH30" s="358">
        <v>926887</v>
      </c>
      <c r="II30" s="359">
        <v>21395510</v>
      </c>
      <c r="IJ30" s="358">
        <v>21573796</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3481983</v>
      </c>
      <c r="JL30" s="345">
        <v>2698203</v>
      </c>
      <c r="JM30" s="345">
        <v>1533553</v>
      </c>
      <c r="JN30" s="345">
        <v>749697</v>
      </c>
      <c r="JO30" s="345">
        <v>30923</v>
      </c>
      <c r="JP30" s="349">
        <v>8494359</v>
      </c>
      <c r="JQ30" s="347">
        <v>8494359</v>
      </c>
      <c r="JR30" s="348">
        <v>0</v>
      </c>
      <c r="JS30" s="345">
        <v>0</v>
      </c>
      <c r="JT30" s="346">
        <v>0</v>
      </c>
      <c r="JU30" s="351">
        <v>0</v>
      </c>
      <c r="JV30" s="345">
        <v>0</v>
      </c>
      <c r="JW30" s="345">
        <v>0</v>
      </c>
      <c r="JX30" s="345">
        <v>0</v>
      </c>
      <c r="JY30" s="345">
        <v>0</v>
      </c>
      <c r="JZ30" s="345">
        <v>0</v>
      </c>
      <c r="KA30" s="349">
        <v>0</v>
      </c>
      <c r="KB30" s="347">
        <v>0</v>
      </c>
      <c r="KC30" s="352">
        <v>92148</v>
      </c>
      <c r="KD30" s="353">
        <v>86138</v>
      </c>
      <c r="KE30" s="349">
        <v>178286</v>
      </c>
      <c r="KF30" s="351">
        <v>0</v>
      </c>
      <c r="KG30" s="345">
        <v>913516</v>
      </c>
      <c r="KH30" s="345">
        <v>572091</v>
      </c>
      <c r="KI30" s="345">
        <v>1013626</v>
      </c>
      <c r="KJ30" s="345">
        <v>861954</v>
      </c>
      <c r="KK30" s="345">
        <v>319439</v>
      </c>
      <c r="KL30" s="349">
        <v>3680626</v>
      </c>
      <c r="KM30" s="354">
        <v>3858912</v>
      </c>
      <c r="KN30" s="342">
        <v>0</v>
      </c>
      <c r="KO30" s="343">
        <v>0</v>
      </c>
      <c r="KP30" s="344">
        <v>0</v>
      </c>
      <c r="KQ30" s="413">
        <v>0</v>
      </c>
      <c r="KR30" s="345">
        <v>2762867</v>
      </c>
      <c r="KS30" s="345">
        <v>1078732</v>
      </c>
      <c r="KT30" s="345">
        <v>3080305</v>
      </c>
      <c r="KU30" s="345">
        <v>1722096</v>
      </c>
      <c r="KV30" s="345">
        <v>576525</v>
      </c>
      <c r="KW30" s="349">
        <v>9220525</v>
      </c>
      <c r="KX30" s="347">
        <v>9220525</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2971277</v>
      </c>
      <c r="MK30" s="345">
        <v>8952851</v>
      </c>
      <c r="ML30" s="345">
        <v>19356024</v>
      </c>
      <c r="MM30" s="345">
        <v>37213243</v>
      </c>
      <c r="MN30" s="345">
        <v>20373355</v>
      </c>
      <c r="MO30" s="349">
        <v>88866750</v>
      </c>
      <c r="MP30" s="354">
        <v>88866750</v>
      </c>
      <c r="MQ30" s="348">
        <v>0</v>
      </c>
      <c r="MR30" s="345">
        <v>0</v>
      </c>
      <c r="MS30" s="349">
        <v>0</v>
      </c>
      <c r="MT30" s="413">
        <v>0</v>
      </c>
      <c r="MU30" s="345">
        <v>249978</v>
      </c>
      <c r="MV30" s="345">
        <v>974581</v>
      </c>
      <c r="MW30" s="345">
        <v>15025106</v>
      </c>
      <c r="MX30" s="345">
        <v>21750665</v>
      </c>
      <c r="MY30" s="345">
        <v>13974924</v>
      </c>
      <c r="MZ30" s="349">
        <v>51975254</v>
      </c>
      <c r="NA30" s="354">
        <v>51975254</v>
      </c>
      <c r="NB30" s="348">
        <v>0</v>
      </c>
      <c r="NC30" s="345">
        <v>0</v>
      </c>
      <c r="ND30" s="349">
        <v>0</v>
      </c>
      <c r="NE30" s="413">
        <v>0</v>
      </c>
      <c r="NF30" s="345">
        <v>2721299</v>
      </c>
      <c r="NG30" s="345">
        <v>7978270</v>
      </c>
      <c r="NH30" s="345">
        <v>4330918</v>
      </c>
      <c r="NI30" s="345">
        <v>15462578</v>
      </c>
      <c r="NJ30" s="345">
        <v>5536290</v>
      </c>
      <c r="NK30" s="349">
        <v>36029355</v>
      </c>
      <c r="NL30" s="347">
        <v>36029355</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862141</v>
      </c>
      <c r="OG30" s="349">
        <v>862141</v>
      </c>
      <c r="OH30" s="350">
        <v>862141</v>
      </c>
      <c r="OI30" s="348">
        <v>2181555</v>
      </c>
      <c r="OJ30" s="345">
        <v>4684232</v>
      </c>
      <c r="OK30" s="346">
        <v>6865787</v>
      </c>
      <c r="OL30" s="351">
        <v>0</v>
      </c>
      <c r="OM30" s="345">
        <v>39888129</v>
      </c>
      <c r="ON30" s="345">
        <v>51644445</v>
      </c>
      <c r="OO30" s="345">
        <v>49961478</v>
      </c>
      <c r="OP30" s="345">
        <v>68244655</v>
      </c>
      <c r="OQ30" s="345">
        <v>34569256</v>
      </c>
      <c r="OR30" s="349">
        <v>244307963</v>
      </c>
      <c r="OS30" s="354">
        <v>251173750</v>
      </c>
    </row>
    <row r="31" spans="2:409" s="70" customFormat="1" ht="21" customHeight="1" x14ac:dyDescent="0.2">
      <c r="B31" s="410" t="s">
        <v>26</v>
      </c>
      <c r="C31" s="326">
        <v>1935552</v>
      </c>
      <c r="D31" s="327">
        <v>2867598</v>
      </c>
      <c r="E31" s="328">
        <v>4803150</v>
      </c>
      <c r="F31" s="329">
        <v>0</v>
      </c>
      <c r="G31" s="327">
        <v>25253269</v>
      </c>
      <c r="H31" s="327">
        <v>33169855</v>
      </c>
      <c r="I31" s="327">
        <v>25683181</v>
      </c>
      <c r="J31" s="327">
        <v>26389682</v>
      </c>
      <c r="K31" s="327">
        <v>22048870</v>
      </c>
      <c r="L31" s="367">
        <v>132544857</v>
      </c>
      <c r="M31" s="330">
        <v>137348007</v>
      </c>
      <c r="N31" s="326">
        <v>515864</v>
      </c>
      <c r="O31" s="327">
        <v>590465</v>
      </c>
      <c r="P31" s="328">
        <v>1106329</v>
      </c>
      <c r="Q31" s="326">
        <v>0</v>
      </c>
      <c r="R31" s="327">
        <v>6072547</v>
      </c>
      <c r="S31" s="327">
        <v>10973742</v>
      </c>
      <c r="T31" s="327">
        <v>8418011</v>
      </c>
      <c r="U31" s="327">
        <v>8315211</v>
      </c>
      <c r="V31" s="327">
        <v>11759406</v>
      </c>
      <c r="W31" s="328">
        <v>45538917</v>
      </c>
      <c r="X31" s="330">
        <v>46645246</v>
      </c>
      <c r="Y31" s="326">
        <v>0</v>
      </c>
      <c r="Z31" s="327">
        <v>0</v>
      </c>
      <c r="AA31" s="328">
        <v>0</v>
      </c>
      <c r="AB31" s="326">
        <v>0</v>
      </c>
      <c r="AC31" s="327">
        <v>2480295</v>
      </c>
      <c r="AD31" s="327">
        <v>5996894</v>
      </c>
      <c r="AE31" s="327">
        <v>4645769</v>
      </c>
      <c r="AF31" s="327">
        <v>4059023</v>
      </c>
      <c r="AG31" s="327">
        <v>6646491</v>
      </c>
      <c r="AH31" s="328">
        <v>23828472</v>
      </c>
      <c r="AI31" s="330">
        <v>23828472</v>
      </c>
      <c r="AJ31" s="326">
        <v>0</v>
      </c>
      <c r="AK31" s="327">
        <v>0</v>
      </c>
      <c r="AL31" s="328">
        <v>0</v>
      </c>
      <c r="AM31" s="326">
        <v>0</v>
      </c>
      <c r="AN31" s="327">
        <v>0</v>
      </c>
      <c r="AO31" s="327">
        <v>111014</v>
      </c>
      <c r="AP31" s="327">
        <v>298239</v>
      </c>
      <c r="AQ31" s="327">
        <v>817546</v>
      </c>
      <c r="AR31" s="327">
        <v>1253417</v>
      </c>
      <c r="AS31" s="328">
        <v>2480216</v>
      </c>
      <c r="AT31" s="330">
        <v>2480216</v>
      </c>
      <c r="AU31" s="326">
        <v>346090</v>
      </c>
      <c r="AV31" s="327">
        <v>486311</v>
      </c>
      <c r="AW31" s="328">
        <v>832401</v>
      </c>
      <c r="AX31" s="326">
        <v>0</v>
      </c>
      <c r="AY31" s="327">
        <v>2554102</v>
      </c>
      <c r="AZ31" s="327">
        <v>3704034</v>
      </c>
      <c r="BA31" s="327">
        <v>1617314</v>
      </c>
      <c r="BB31" s="327">
        <v>2348883</v>
      </c>
      <c r="BC31" s="327">
        <v>2923085</v>
      </c>
      <c r="BD31" s="328">
        <v>13147418</v>
      </c>
      <c r="BE31" s="330">
        <v>13979819</v>
      </c>
      <c r="BF31" s="326">
        <v>46866</v>
      </c>
      <c r="BG31" s="327">
        <v>63843</v>
      </c>
      <c r="BH31" s="331">
        <v>110709</v>
      </c>
      <c r="BI31" s="332">
        <v>0</v>
      </c>
      <c r="BJ31" s="327">
        <v>55475</v>
      </c>
      <c r="BK31" s="327">
        <v>146971</v>
      </c>
      <c r="BL31" s="327">
        <v>183421</v>
      </c>
      <c r="BM31" s="327">
        <v>62238</v>
      </c>
      <c r="BN31" s="327">
        <v>169730</v>
      </c>
      <c r="BO31" s="328">
        <v>617835</v>
      </c>
      <c r="BP31" s="330">
        <v>728544</v>
      </c>
      <c r="BQ31" s="326">
        <v>122908</v>
      </c>
      <c r="BR31" s="327">
        <v>40311</v>
      </c>
      <c r="BS31" s="328">
        <v>163219</v>
      </c>
      <c r="BT31" s="326">
        <v>0</v>
      </c>
      <c r="BU31" s="327">
        <v>982675</v>
      </c>
      <c r="BV31" s="327">
        <v>1014829</v>
      </c>
      <c r="BW31" s="327">
        <v>1673268</v>
      </c>
      <c r="BX31" s="327">
        <v>1027521</v>
      </c>
      <c r="BY31" s="327">
        <v>766683</v>
      </c>
      <c r="BZ31" s="328">
        <v>5464976</v>
      </c>
      <c r="CA31" s="330">
        <v>5628195</v>
      </c>
      <c r="CB31" s="326">
        <v>135730</v>
      </c>
      <c r="CC31" s="327">
        <v>339224</v>
      </c>
      <c r="CD31" s="328">
        <v>474954</v>
      </c>
      <c r="CE31" s="326">
        <v>0</v>
      </c>
      <c r="CF31" s="327">
        <v>7328934</v>
      </c>
      <c r="CG31" s="327">
        <v>8338116</v>
      </c>
      <c r="CH31" s="327">
        <v>5821044</v>
      </c>
      <c r="CI31" s="327">
        <v>3489406</v>
      </c>
      <c r="CJ31" s="327">
        <v>2022309</v>
      </c>
      <c r="CK31" s="328">
        <v>26999809</v>
      </c>
      <c r="CL31" s="330">
        <v>27474763</v>
      </c>
      <c r="CM31" s="326">
        <v>0</v>
      </c>
      <c r="CN31" s="327">
        <v>0</v>
      </c>
      <c r="CO31" s="328">
        <v>0</v>
      </c>
      <c r="CP31" s="332">
        <v>0</v>
      </c>
      <c r="CQ31" s="327">
        <v>6616991</v>
      </c>
      <c r="CR31" s="327">
        <v>6269138</v>
      </c>
      <c r="CS31" s="327">
        <v>4677359</v>
      </c>
      <c r="CT31" s="327">
        <v>2615359</v>
      </c>
      <c r="CU31" s="327">
        <v>1459666</v>
      </c>
      <c r="CV31" s="328">
        <v>21638513</v>
      </c>
      <c r="CW31" s="330">
        <v>21638513</v>
      </c>
      <c r="CX31" s="326">
        <v>135730</v>
      </c>
      <c r="CY31" s="327">
        <v>339224</v>
      </c>
      <c r="CZ31" s="328">
        <v>474954</v>
      </c>
      <c r="DA31" s="326">
        <v>0</v>
      </c>
      <c r="DB31" s="327">
        <v>711943</v>
      </c>
      <c r="DC31" s="327">
        <v>2068978</v>
      </c>
      <c r="DD31" s="327">
        <v>1143685</v>
      </c>
      <c r="DE31" s="327">
        <v>874047</v>
      </c>
      <c r="DF31" s="327">
        <v>562643</v>
      </c>
      <c r="DG31" s="328">
        <v>5361296</v>
      </c>
      <c r="DH31" s="330">
        <v>5836250</v>
      </c>
      <c r="DI31" s="326">
        <v>0</v>
      </c>
      <c r="DJ31" s="327">
        <v>0</v>
      </c>
      <c r="DK31" s="331">
        <v>0</v>
      </c>
      <c r="DL31" s="332">
        <v>0</v>
      </c>
      <c r="DM31" s="327">
        <v>657107</v>
      </c>
      <c r="DN31" s="327">
        <v>1860496</v>
      </c>
      <c r="DO31" s="327">
        <v>2162068</v>
      </c>
      <c r="DP31" s="327">
        <v>3929068</v>
      </c>
      <c r="DQ31" s="327">
        <v>1891945</v>
      </c>
      <c r="DR31" s="328">
        <v>10500684</v>
      </c>
      <c r="DS31" s="330">
        <v>10500684</v>
      </c>
      <c r="DT31" s="326">
        <v>0</v>
      </c>
      <c r="DU31" s="327">
        <v>0</v>
      </c>
      <c r="DV31" s="328">
        <v>0</v>
      </c>
      <c r="DW31" s="326">
        <v>0</v>
      </c>
      <c r="DX31" s="327">
        <v>567008</v>
      </c>
      <c r="DY31" s="327">
        <v>1476596</v>
      </c>
      <c r="DZ31" s="327">
        <v>2080509</v>
      </c>
      <c r="EA31" s="327">
        <v>3625197</v>
      </c>
      <c r="EB31" s="327">
        <v>1790888</v>
      </c>
      <c r="EC31" s="328">
        <v>9540198</v>
      </c>
      <c r="ED31" s="330">
        <v>9540198</v>
      </c>
      <c r="EE31" s="326">
        <v>0</v>
      </c>
      <c r="EF31" s="331">
        <v>0</v>
      </c>
      <c r="EG31" s="328">
        <v>0</v>
      </c>
      <c r="EH31" s="326">
        <v>0</v>
      </c>
      <c r="EI31" s="327">
        <v>90099</v>
      </c>
      <c r="EJ31" s="327">
        <v>383900</v>
      </c>
      <c r="EK31" s="327">
        <v>81559</v>
      </c>
      <c r="EL31" s="327">
        <v>303871</v>
      </c>
      <c r="EM31" s="327">
        <v>101057</v>
      </c>
      <c r="EN31" s="331">
        <v>960486</v>
      </c>
      <c r="EO31" s="330">
        <v>960486</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461005</v>
      </c>
      <c r="FM31" s="327">
        <v>927400</v>
      </c>
      <c r="FN31" s="328">
        <v>1388405</v>
      </c>
      <c r="FO31" s="326">
        <v>0</v>
      </c>
      <c r="FP31" s="327">
        <v>1340066</v>
      </c>
      <c r="FQ31" s="327">
        <v>3239110</v>
      </c>
      <c r="FR31" s="327">
        <v>1783282</v>
      </c>
      <c r="FS31" s="327">
        <v>1978209</v>
      </c>
      <c r="FT31" s="327">
        <v>1850465</v>
      </c>
      <c r="FU31" s="328">
        <v>10191132</v>
      </c>
      <c r="FV31" s="330">
        <v>11579537</v>
      </c>
      <c r="FW31" s="333">
        <v>429820</v>
      </c>
      <c r="FX31" s="327">
        <v>782119</v>
      </c>
      <c r="FY31" s="331">
        <v>1211939</v>
      </c>
      <c r="FZ31" s="332">
        <v>0</v>
      </c>
      <c r="GA31" s="327">
        <v>1096143</v>
      </c>
      <c r="GB31" s="327">
        <v>2938321</v>
      </c>
      <c r="GC31" s="327">
        <v>1732990</v>
      </c>
      <c r="GD31" s="327">
        <v>1965114</v>
      </c>
      <c r="GE31" s="327">
        <v>1697918</v>
      </c>
      <c r="GF31" s="328">
        <v>9430486</v>
      </c>
      <c r="GG31" s="334">
        <v>10642425</v>
      </c>
      <c r="GH31" s="333">
        <v>31185</v>
      </c>
      <c r="GI31" s="327">
        <v>98256</v>
      </c>
      <c r="GJ31" s="331">
        <v>129441</v>
      </c>
      <c r="GK31" s="332">
        <v>0</v>
      </c>
      <c r="GL31" s="327">
        <v>60354</v>
      </c>
      <c r="GM31" s="327">
        <v>120789</v>
      </c>
      <c r="GN31" s="327">
        <v>50292</v>
      </c>
      <c r="GO31" s="327">
        <v>13095</v>
      </c>
      <c r="GP31" s="327">
        <v>0</v>
      </c>
      <c r="GQ31" s="328">
        <v>244530</v>
      </c>
      <c r="GR31" s="330">
        <v>373971</v>
      </c>
      <c r="GS31" s="326">
        <v>0</v>
      </c>
      <c r="GT31" s="327">
        <v>47025</v>
      </c>
      <c r="GU31" s="328">
        <v>47025</v>
      </c>
      <c r="GV31" s="326">
        <v>0</v>
      </c>
      <c r="GW31" s="327">
        <v>183569</v>
      </c>
      <c r="GX31" s="327">
        <v>180000</v>
      </c>
      <c r="GY31" s="327">
        <v>0</v>
      </c>
      <c r="GZ31" s="327">
        <v>0</v>
      </c>
      <c r="HA31" s="327">
        <v>152547</v>
      </c>
      <c r="HB31" s="331">
        <v>516116</v>
      </c>
      <c r="HC31" s="330">
        <v>563141</v>
      </c>
      <c r="HD31" s="326">
        <v>418856</v>
      </c>
      <c r="HE31" s="327">
        <v>292643</v>
      </c>
      <c r="HF31" s="331">
        <v>711499</v>
      </c>
      <c r="HG31" s="332">
        <v>0</v>
      </c>
      <c r="HH31" s="327">
        <v>5277362</v>
      </c>
      <c r="HI31" s="327">
        <v>4050070</v>
      </c>
      <c r="HJ31" s="327">
        <v>4601529</v>
      </c>
      <c r="HK31" s="327">
        <v>6586232</v>
      </c>
      <c r="HL31" s="327">
        <v>3074592</v>
      </c>
      <c r="HM31" s="328">
        <v>23589785</v>
      </c>
      <c r="HN31" s="329">
        <v>24301284</v>
      </c>
      <c r="HO31" s="333">
        <v>404097</v>
      </c>
      <c r="HP31" s="327">
        <v>717866</v>
      </c>
      <c r="HQ31" s="328">
        <v>1121963</v>
      </c>
      <c r="HR31" s="326">
        <v>0</v>
      </c>
      <c r="HS31" s="327">
        <v>4577253</v>
      </c>
      <c r="HT31" s="327">
        <v>4708321</v>
      </c>
      <c r="HU31" s="327">
        <v>2897247</v>
      </c>
      <c r="HV31" s="327">
        <v>2091556</v>
      </c>
      <c r="HW31" s="327">
        <v>1450153</v>
      </c>
      <c r="HX31" s="331">
        <v>15724530</v>
      </c>
      <c r="HY31" s="330">
        <v>16846493</v>
      </c>
      <c r="HZ31" s="335">
        <v>0</v>
      </c>
      <c r="IA31" s="336">
        <v>0</v>
      </c>
      <c r="IB31" s="337">
        <v>0</v>
      </c>
      <c r="IC31" s="338">
        <v>0</v>
      </c>
      <c r="ID31" s="336">
        <v>4086622</v>
      </c>
      <c r="IE31" s="339">
        <v>5887900</v>
      </c>
      <c r="IF31" s="337">
        <v>7889920</v>
      </c>
      <c r="IG31" s="336">
        <v>4474579</v>
      </c>
      <c r="IH31" s="337">
        <v>1954595</v>
      </c>
      <c r="II31" s="340">
        <v>24293616</v>
      </c>
      <c r="IJ31" s="341">
        <v>24293616</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407356</v>
      </c>
      <c r="JL31" s="345">
        <v>3244542</v>
      </c>
      <c r="JM31" s="345">
        <v>3203193</v>
      </c>
      <c r="JN31" s="345">
        <v>2055939</v>
      </c>
      <c r="JO31" s="345">
        <v>859317</v>
      </c>
      <c r="JP31" s="349">
        <v>11770347</v>
      </c>
      <c r="JQ31" s="347">
        <v>11770347</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330063</v>
      </c>
      <c r="KH31" s="345">
        <v>0</v>
      </c>
      <c r="KI31" s="345">
        <v>284329</v>
      </c>
      <c r="KJ31" s="345">
        <v>767809</v>
      </c>
      <c r="KK31" s="345">
        <v>0</v>
      </c>
      <c r="KL31" s="349">
        <v>1382201</v>
      </c>
      <c r="KM31" s="354">
        <v>1382201</v>
      </c>
      <c r="KN31" s="342">
        <v>0</v>
      </c>
      <c r="KO31" s="343">
        <v>0</v>
      </c>
      <c r="KP31" s="344">
        <v>0</v>
      </c>
      <c r="KQ31" s="413">
        <v>0</v>
      </c>
      <c r="KR31" s="345">
        <v>1349203</v>
      </c>
      <c r="KS31" s="345">
        <v>2643358</v>
      </c>
      <c r="KT31" s="345">
        <v>4402398</v>
      </c>
      <c r="KU31" s="345">
        <v>1650831</v>
      </c>
      <c r="KV31" s="345">
        <v>1095278</v>
      </c>
      <c r="KW31" s="349">
        <v>11141068</v>
      </c>
      <c r="KX31" s="347">
        <v>11141068</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485831</v>
      </c>
      <c r="MK31" s="345">
        <v>4779834</v>
      </c>
      <c r="ML31" s="345">
        <v>15367720</v>
      </c>
      <c r="MM31" s="345">
        <v>21794701</v>
      </c>
      <c r="MN31" s="345">
        <v>17260640</v>
      </c>
      <c r="MO31" s="349">
        <v>60688726</v>
      </c>
      <c r="MP31" s="354">
        <v>60688726</v>
      </c>
      <c r="MQ31" s="348">
        <v>0</v>
      </c>
      <c r="MR31" s="345">
        <v>0</v>
      </c>
      <c r="MS31" s="349">
        <v>0</v>
      </c>
      <c r="MT31" s="413">
        <v>0</v>
      </c>
      <c r="MU31" s="345">
        <v>500025</v>
      </c>
      <c r="MV31" s="345">
        <v>780140</v>
      </c>
      <c r="MW31" s="345">
        <v>7034881</v>
      </c>
      <c r="MX31" s="345">
        <v>15350932</v>
      </c>
      <c r="MY31" s="345">
        <v>11707292</v>
      </c>
      <c r="MZ31" s="349">
        <v>35373270</v>
      </c>
      <c r="NA31" s="354">
        <v>35373270</v>
      </c>
      <c r="NB31" s="348">
        <v>0</v>
      </c>
      <c r="NC31" s="345">
        <v>0</v>
      </c>
      <c r="ND31" s="349">
        <v>0</v>
      </c>
      <c r="NE31" s="413">
        <v>0</v>
      </c>
      <c r="NF31" s="345">
        <v>985806</v>
      </c>
      <c r="NG31" s="345">
        <v>3999694</v>
      </c>
      <c r="NH31" s="345">
        <v>7966812</v>
      </c>
      <c r="NI31" s="345">
        <v>6443769</v>
      </c>
      <c r="NJ31" s="345">
        <v>3755843</v>
      </c>
      <c r="NK31" s="349">
        <v>23151924</v>
      </c>
      <c r="NL31" s="347">
        <v>23151924</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66027</v>
      </c>
      <c r="OE31" s="345">
        <v>0</v>
      </c>
      <c r="OF31" s="345">
        <v>1797505</v>
      </c>
      <c r="OG31" s="349">
        <v>2163532</v>
      </c>
      <c r="OH31" s="350">
        <v>2163532</v>
      </c>
      <c r="OI31" s="348">
        <v>1935552</v>
      </c>
      <c r="OJ31" s="345">
        <v>2867598</v>
      </c>
      <c r="OK31" s="346">
        <v>4803150</v>
      </c>
      <c r="OL31" s="351">
        <v>0</v>
      </c>
      <c r="OM31" s="345">
        <v>30825722</v>
      </c>
      <c r="ON31" s="345">
        <v>43837589</v>
      </c>
      <c r="OO31" s="345">
        <v>48940821</v>
      </c>
      <c r="OP31" s="345">
        <v>52658962</v>
      </c>
      <c r="OQ31" s="345">
        <v>41264105</v>
      </c>
      <c r="OR31" s="349">
        <v>217527199</v>
      </c>
      <c r="OS31" s="354">
        <v>222330349</v>
      </c>
    </row>
    <row r="32" spans="2:409" s="70" customFormat="1" ht="21" customHeight="1" x14ac:dyDescent="0.2">
      <c r="B32" s="410" t="s">
        <v>27</v>
      </c>
      <c r="C32" s="326">
        <v>3194835</v>
      </c>
      <c r="D32" s="327">
        <v>6608195</v>
      </c>
      <c r="E32" s="328">
        <v>9803030</v>
      </c>
      <c r="F32" s="329">
        <v>0</v>
      </c>
      <c r="G32" s="327">
        <v>24550542</v>
      </c>
      <c r="H32" s="327">
        <v>23213105</v>
      </c>
      <c r="I32" s="327">
        <v>20847884</v>
      </c>
      <c r="J32" s="327">
        <v>22735644</v>
      </c>
      <c r="K32" s="327">
        <v>16462291</v>
      </c>
      <c r="L32" s="367">
        <v>107809466</v>
      </c>
      <c r="M32" s="330">
        <v>117612496</v>
      </c>
      <c r="N32" s="326">
        <v>660604</v>
      </c>
      <c r="O32" s="327">
        <v>1442555</v>
      </c>
      <c r="P32" s="328">
        <v>2103159</v>
      </c>
      <c r="Q32" s="326">
        <v>0</v>
      </c>
      <c r="R32" s="327">
        <v>4411385</v>
      </c>
      <c r="S32" s="327">
        <v>6635425</v>
      </c>
      <c r="T32" s="327">
        <v>6100238</v>
      </c>
      <c r="U32" s="327">
        <v>6006278</v>
      </c>
      <c r="V32" s="327">
        <v>7529923</v>
      </c>
      <c r="W32" s="328">
        <v>30683249</v>
      </c>
      <c r="X32" s="330">
        <v>32786408</v>
      </c>
      <c r="Y32" s="326">
        <v>0</v>
      </c>
      <c r="Z32" s="327">
        <v>0</v>
      </c>
      <c r="AA32" s="328">
        <v>0</v>
      </c>
      <c r="AB32" s="326">
        <v>0</v>
      </c>
      <c r="AC32" s="327">
        <v>2123504</v>
      </c>
      <c r="AD32" s="327">
        <v>3254062</v>
      </c>
      <c r="AE32" s="327">
        <v>3401677</v>
      </c>
      <c r="AF32" s="327">
        <v>3320494</v>
      </c>
      <c r="AG32" s="327">
        <v>3887261</v>
      </c>
      <c r="AH32" s="328">
        <v>15986998</v>
      </c>
      <c r="AI32" s="330">
        <v>15986998</v>
      </c>
      <c r="AJ32" s="326">
        <v>0</v>
      </c>
      <c r="AK32" s="327">
        <v>0</v>
      </c>
      <c r="AL32" s="328">
        <v>0</v>
      </c>
      <c r="AM32" s="326">
        <v>0</v>
      </c>
      <c r="AN32" s="327">
        <v>51953</v>
      </c>
      <c r="AO32" s="327">
        <v>399258</v>
      </c>
      <c r="AP32" s="327">
        <v>195831</v>
      </c>
      <c r="AQ32" s="327">
        <v>332648</v>
      </c>
      <c r="AR32" s="327">
        <v>1340216</v>
      </c>
      <c r="AS32" s="328">
        <v>2319906</v>
      </c>
      <c r="AT32" s="330">
        <v>2319906</v>
      </c>
      <c r="AU32" s="326">
        <v>522191</v>
      </c>
      <c r="AV32" s="327">
        <v>1192421</v>
      </c>
      <c r="AW32" s="328">
        <v>1714612</v>
      </c>
      <c r="AX32" s="326">
        <v>0</v>
      </c>
      <c r="AY32" s="327">
        <v>1097658</v>
      </c>
      <c r="AZ32" s="327">
        <v>1932487</v>
      </c>
      <c r="BA32" s="327">
        <v>1483755</v>
      </c>
      <c r="BB32" s="327">
        <v>1300951</v>
      </c>
      <c r="BC32" s="327">
        <v>1525416</v>
      </c>
      <c r="BD32" s="328">
        <v>7340267</v>
      </c>
      <c r="BE32" s="330">
        <v>9054879</v>
      </c>
      <c r="BF32" s="326">
        <v>0</v>
      </c>
      <c r="BG32" s="327">
        <v>50872</v>
      </c>
      <c r="BH32" s="331">
        <v>50872</v>
      </c>
      <c r="BI32" s="332">
        <v>0</v>
      </c>
      <c r="BJ32" s="327">
        <v>89155</v>
      </c>
      <c r="BK32" s="327">
        <v>23775</v>
      </c>
      <c r="BL32" s="327">
        <v>86201</v>
      </c>
      <c r="BM32" s="327">
        <v>0</v>
      </c>
      <c r="BN32" s="327">
        <v>38552</v>
      </c>
      <c r="BO32" s="328">
        <v>237683</v>
      </c>
      <c r="BP32" s="330">
        <v>288555</v>
      </c>
      <c r="BQ32" s="326">
        <v>138413</v>
      </c>
      <c r="BR32" s="327">
        <v>199262</v>
      </c>
      <c r="BS32" s="328">
        <v>337675</v>
      </c>
      <c r="BT32" s="326">
        <v>0</v>
      </c>
      <c r="BU32" s="327">
        <v>1049115</v>
      </c>
      <c r="BV32" s="327">
        <v>1025843</v>
      </c>
      <c r="BW32" s="327">
        <v>932774</v>
      </c>
      <c r="BX32" s="327">
        <v>1052185</v>
      </c>
      <c r="BY32" s="327">
        <v>738478</v>
      </c>
      <c r="BZ32" s="328">
        <v>4798395</v>
      </c>
      <c r="CA32" s="330">
        <v>5136070</v>
      </c>
      <c r="CB32" s="326">
        <v>443940</v>
      </c>
      <c r="CC32" s="327">
        <v>1347038</v>
      </c>
      <c r="CD32" s="328">
        <v>1790978</v>
      </c>
      <c r="CE32" s="326">
        <v>0</v>
      </c>
      <c r="CF32" s="327">
        <v>8020041</v>
      </c>
      <c r="CG32" s="327">
        <v>5720017</v>
      </c>
      <c r="CH32" s="327">
        <v>3896884</v>
      </c>
      <c r="CI32" s="327">
        <v>5973941</v>
      </c>
      <c r="CJ32" s="327">
        <v>1811995</v>
      </c>
      <c r="CK32" s="328">
        <v>25422878</v>
      </c>
      <c r="CL32" s="330">
        <v>27213856</v>
      </c>
      <c r="CM32" s="326">
        <v>0</v>
      </c>
      <c r="CN32" s="327">
        <v>0</v>
      </c>
      <c r="CO32" s="328">
        <v>0</v>
      </c>
      <c r="CP32" s="332">
        <v>0</v>
      </c>
      <c r="CQ32" s="327">
        <v>6720962</v>
      </c>
      <c r="CR32" s="327">
        <v>3724249</v>
      </c>
      <c r="CS32" s="327">
        <v>2551403</v>
      </c>
      <c r="CT32" s="327">
        <v>3282203</v>
      </c>
      <c r="CU32" s="327">
        <v>1269922</v>
      </c>
      <c r="CV32" s="328">
        <v>17548739</v>
      </c>
      <c r="CW32" s="330">
        <v>17548739</v>
      </c>
      <c r="CX32" s="326">
        <v>443940</v>
      </c>
      <c r="CY32" s="327">
        <v>1347038</v>
      </c>
      <c r="CZ32" s="328">
        <v>1790978</v>
      </c>
      <c r="DA32" s="326">
        <v>0</v>
      </c>
      <c r="DB32" s="327">
        <v>1299079</v>
      </c>
      <c r="DC32" s="327">
        <v>1995768</v>
      </c>
      <c r="DD32" s="327">
        <v>1345481</v>
      </c>
      <c r="DE32" s="327">
        <v>2691738</v>
      </c>
      <c r="DF32" s="327">
        <v>542073</v>
      </c>
      <c r="DG32" s="328">
        <v>7874139</v>
      </c>
      <c r="DH32" s="330">
        <v>9665117</v>
      </c>
      <c r="DI32" s="326">
        <v>16711</v>
      </c>
      <c r="DJ32" s="327">
        <v>95969</v>
      </c>
      <c r="DK32" s="331">
        <v>112680</v>
      </c>
      <c r="DL32" s="332">
        <v>0</v>
      </c>
      <c r="DM32" s="327">
        <v>484784</v>
      </c>
      <c r="DN32" s="327">
        <v>756240</v>
      </c>
      <c r="DO32" s="327">
        <v>1427535</v>
      </c>
      <c r="DP32" s="327">
        <v>1354970</v>
      </c>
      <c r="DQ32" s="327">
        <v>351284</v>
      </c>
      <c r="DR32" s="328">
        <v>4374813</v>
      </c>
      <c r="DS32" s="330">
        <v>4487493</v>
      </c>
      <c r="DT32" s="326">
        <v>0</v>
      </c>
      <c r="DU32" s="327">
        <v>0</v>
      </c>
      <c r="DV32" s="328">
        <v>0</v>
      </c>
      <c r="DW32" s="326">
        <v>0</v>
      </c>
      <c r="DX32" s="327">
        <v>484784</v>
      </c>
      <c r="DY32" s="327">
        <v>756240</v>
      </c>
      <c r="DZ32" s="327">
        <v>1334071</v>
      </c>
      <c r="EA32" s="327">
        <v>1063350</v>
      </c>
      <c r="EB32" s="327">
        <v>351284</v>
      </c>
      <c r="EC32" s="328">
        <v>3989729</v>
      </c>
      <c r="ED32" s="330">
        <v>3989729</v>
      </c>
      <c r="EE32" s="326">
        <v>16711</v>
      </c>
      <c r="EF32" s="331">
        <v>95969</v>
      </c>
      <c r="EG32" s="328">
        <v>112680</v>
      </c>
      <c r="EH32" s="326">
        <v>0</v>
      </c>
      <c r="EI32" s="327">
        <v>0</v>
      </c>
      <c r="EJ32" s="327">
        <v>0</v>
      </c>
      <c r="EK32" s="327">
        <v>93464</v>
      </c>
      <c r="EL32" s="327">
        <v>291620</v>
      </c>
      <c r="EM32" s="327">
        <v>0</v>
      </c>
      <c r="EN32" s="331">
        <v>385084</v>
      </c>
      <c r="EO32" s="330">
        <v>497764</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819507</v>
      </c>
      <c r="FM32" s="327">
        <v>1289770</v>
      </c>
      <c r="FN32" s="328">
        <v>2109277</v>
      </c>
      <c r="FO32" s="326">
        <v>0</v>
      </c>
      <c r="FP32" s="327">
        <v>669472</v>
      </c>
      <c r="FQ32" s="327">
        <v>1699448</v>
      </c>
      <c r="FR32" s="327">
        <v>1649544</v>
      </c>
      <c r="FS32" s="327">
        <v>1258046</v>
      </c>
      <c r="FT32" s="327">
        <v>1057231</v>
      </c>
      <c r="FU32" s="328">
        <v>6333741</v>
      </c>
      <c r="FV32" s="330">
        <v>8443018</v>
      </c>
      <c r="FW32" s="333">
        <v>489880</v>
      </c>
      <c r="FX32" s="327">
        <v>1227598</v>
      </c>
      <c r="FY32" s="331">
        <v>1717478</v>
      </c>
      <c r="FZ32" s="332">
        <v>0</v>
      </c>
      <c r="GA32" s="327">
        <v>620512</v>
      </c>
      <c r="GB32" s="327">
        <v>1699448</v>
      </c>
      <c r="GC32" s="327">
        <v>1563860</v>
      </c>
      <c r="GD32" s="327">
        <v>1114604</v>
      </c>
      <c r="GE32" s="327">
        <v>1057231</v>
      </c>
      <c r="GF32" s="328">
        <v>6055655</v>
      </c>
      <c r="GG32" s="334">
        <v>7773133</v>
      </c>
      <c r="GH32" s="333">
        <v>75629</v>
      </c>
      <c r="GI32" s="327">
        <v>62172</v>
      </c>
      <c r="GJ32" s="331">
        <v>137801</v>
      </c>
      <c r="GK32" s="332">
        <v>0</v>
      </c>
      <c r="GL32" s="327">
        <v>48960</v>
      </c>
      <c r="GM32" s="327">
        <v>0</v>
      </c>
      <c r="GN32" s="327">
        <v>59251</v>
      </c>
      <c r="GO32" s="327">
        <v>20592</v>
      </c>
      <c r="GP32" s="327">
        <v>0</v>
      </c>
      <c r="GQ32" s="328">
        <v>128803</v>
      </c>
      <c r="GR32" s="330">
        <v>266604</v>
      </c>
      <c r="GS32" s="326">
        <v>253998</v>
      </c>
      <c r="GT32" s="327">
        <v>0</v>
      </c>
      <c r="GU32" s="328">
        <v>253998</v>
      </c>
      <c r="GV32" s="326">
        <v>0</v>
      </c>
      <c r="GW32" s="327">
        <v>0</v>
      </c>
      <c r="GX32" s="327">
        <v>0</v>
      </c>
      <c r="GY32" s="327">
        <v>26433</v>
      </c>
      <c r="GZ32" s="327">
        <v>122850</v>
      </c>
      <c r="HA32" s="327">
        <v>0</v>
      </c>
      <c r="HB32" s="331">
        <v>149283</v>
      </c>
      <c r="HC32" s="330">
        <v>403281</v>
      </c>
      <c r="HD32" s="326">
        <v>602617</v>
      </c>
      <c r="HE32" s="327">
        <v>1510971</v>
      </c>
      <c r="HF32" s="331">
        <v>2113588</v>
      </c>
      <c r="HG32" s="332">
        <v>0</v>
      </c>
      <c r="HH32" s="327">
        <v>7449529</v>
      </c>
      <c r="HI32" s="327">
        <v>5875474</v>
      </c>
      <c r="HJ32" s="327">
        <v>5908361</v>
      </c>
      <c r="HK32" s="327">
        <v>6961544</v>
      </c>
      <c r="HL32" s="327">
        <v>4878277</v>
      </c>
      <c r="HM32" s="328">
        <v>31073185</v>
      </c>
      <c r="HN32" s="329">
        <v>33186773</v>
      </c>
      <c r="HO32" s="333">
        <v>651456</v>
      </c>
      <c r="HP32" s="327">
        <v>921892</v>
      </c>
      <c r="HQ32" s="328">
        <v>1573348</v>
      </c>
      <c r="HR32" s="326">
        <v>0</v>
      </c>
      <c r="HS32" s="327">
        <v>3515331</v>
      </c>
      <c r="HT32" s="327">
        <v>2526501</v>
      </c>
      <c r="HU32" s="327">
        <v>1865322</v>
      </c>
      <c r="HV32" s="327">
        <v>1180865</v>
      </c>
      <c r="HW32" s="327">
        <v>833581</v>
      </c>
      <c r="HX32" s="331">
        <v>9921600</v>
      </c>
      <c r="HY32" s="330">
        <v>11494948</v>
      </c>
      <c r="HZ32" s="358">
        <v>0</v>
      </c>
      <c r="IA32" s="356">
        <v>0</v>
      </c>
      <c r="IB32" s="358">
        <v>0</v>
      </c>
      <c r="IC32" s="355">
        <v>0</v>
      </c>
      <c r="ID32" s="356">
        <v>5392090</v>
      </c>
      <c r="IE32" s="357">
        <v>4678764</v>
      </c>
      <c r="IF32" s="358">
        <v>7087245</v>
      </c>
      <c r="IG32" s="356">
        <v>5373785</v>
      </c>
      <c r="IH32" s="358">
        <v>3290869</v>
      </c>
      <c r="II32" s="359">
        <v>25822753</v>
      </c>
      <c r="IJ32" s="358">
        <v>25822753</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647444</v>
      </c>
      <c r="JL32" s="345">
        <v>856726</v>
      </c>
      <c r="JM32" s="345">
        <v>669449</v>
      </c>
      <c r="JN32" s="345">
        <v>191227</v>
      </c>
      <c r="JO32" s="345">
        <v>0</v>
      </c>
      <c r="JP32" s="349">
        <v>3364846</v>
      </c>
      <c r="JQ32" s="347">
        <v>3364846</v>
      </c>
      <c r="JR32" s="348">
        <v>0</v>
      </c>
      <c r="JS32" s="345">
        <v>0</v>
      </c>
      <c r="JT32" s="346">
        <v>0</v>
      </c>
      <c r="JU32" s="351">
        <v>0</v>
      </c>
      <c r="JV32" s="345">
        <v>104348</v>
      </c>
      <c r="JW32" s="345">
        <v>116442</v>
      </c>
      <c r="JX32" s="345">
        <v>360454</v>
      </c>
      <c r="JY32" s="345">
        <v>227342</v>
      </c>
      <c r="JZ32" s="345">
        <v>0</v>
      </c>
      <c r="KA32" s="349">
        <v>808586</v>
      </c>
      <c r="KB32" s="347">
        <v>808586</v>
      </c>
      <c r="KC32" s="352">
        <v>0</v>
      </c>
      <c r="KD32" s="353">
        <v>0</v>
      </c>
      <c r="KE32" s="349">
        <v>0</v>
      </c>
      <c r="KF32" s="351">
        <v>0</v>
      </c>
      <c r="KG32" s="345">
        <v>2271091</v>
      </c>
      <c r="KH32" s="345">
        <v>1758146</v>
      </c>
      <c r="KI32" s="345">
        <v>1574879</v>
      </c>
      <c r="KJ32" s="345">
        <v>1484300</v>
      </c>
      <c r="KK32" s="345">
        <v>813549</v>
      </c>
      <c r="KL32" s="349">
        <v>7901965</v>
      </c>
      <c r="KM32" s="354">
        <v>7901965</v>
      </c>
      <c r="KN32" s="342">
        <v>0</v>
      </c>
      <c r="KO32" s="343">
        <v>0</v>
      </c>
      <c r="KP32" s="344">
        <v>0</v>
      </c>
      <c r="KQ32" s="413">
        <v>0</v>
      </c>
      <c r="KR32" s="345">
        <v>1369207</v>
      </c>
      <c r="KS32" s="345">
        <v>1853346</v>
      </c>
      <c r="KT32" s="345">
        <v>2770162</v>
      </c>
      <c r="KU32" s="345">
        <v>1155467</v>
      </c>
      <c r="KV32" s="345">
        <v>1251628</v>
      </c>
      <c r="KW32" s="349">
        <v>8399810</v>
      </c>
      <c r="KX32" s="347">
        <v>8399810</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539197</v>
      </c>
      <c r="LQ32" s="345">
        <v>2315449</v>
      </c>
      <c r="LR32" s="345">
        <v>1225692</v>
      </c>
      <c r="LS32" s="349">
        <v>5080338</v>
      </c>
      <c r="LT32" s="347">
        <v>5080338</v>
      </c>
      <c r="LU32" s="348">
        <v>0</v>
      </c>
      <c r="LV32" s="345">
        <v>0</v>
      </c>
      <c r="LW32" s="349">
        <v>0</v>
      </c>
      <c r="LX32" s="413">
        <v>0</v>
      </c>
      <c r="LY32" s="345">
        <v>0</v>
      </c>
      <c r="LZ32" s="345">
        <v>94104</v>
      </c>
      <c r="MA32" s="345">
        <v>0</v>
      </c>
      <c r="MB32" s="345">
        <v>0</v>
      </c>
      <c r="MC32" s="345">
        <v>0</v>
      </c>
      <c r="MD32" s="349">
        <v>94104</v>
      </c>
      <c r="ME32" s="350">
        <v>94104</v>
      </c>
      <c r="MF32" s="348">
        <v>0</v>
      </c>
      <c r="MG32" s="345">
        <v>0</v>
      </c>
      <c r="MH32" s="349">
        <v>0</v>
      </c>
      <c r="MI32" s="413">
        <v>0</v>
      </c>
      <c r="MJ32" s="345">
        <v>2923354</v>
      </c>
      <c r="MK32" s="345">
        <v>4308231</v>
      </c>
      <c r="ML32" s="345">
        <v>11723767</v>
      </c>
      <c r="MM32" s="345">
        <v>24095491</v>
      </c>
      <c r="MN32" s="345">
        <v>15435867</v>
      </c>
      <c r="MO32" s="349">
        <v>58486710</v>
      </c>
      <c r="MP32" s="354">
        <v>58486710</v>
      </c>
      <c r="MQ32" s="348">
        <v>0</v>
      </c>
      <c r="MR32" s="345">
        <v>0</v>
      </c>
      <c r="MS32" s="349">
        <v>0</v>
      </c>
      <c r="MT32" s="413">
        <v>0</v>
      </c>
      <c r="MU32" s="345">
        <v>484175</v>
      </c>
      <c r="MV32" s="345">
        <v>235784</v>
      </c>
      <c r="MW32" s="345">
        <v>6914695</v>
      </c>
      <c r="MX32" s="345">
        <v>15967172</v>
      </c>
      <c r="MY32" s="345">
        <v>10463335</v>
      </c>
      <c r="MZ32" s="349">
        <v>34065161</v>
      </c>
      <c r="NA32" s="354">
        <v>34065161</v>
      </c>
      <c r="NB32" s="348">
        <v>0</v>
      </c>
      <c r="NC32" s="345">
        <v>0</v>
      </c>
      <c r="ND32" s="349">
        <v>0</v>
      </c>
      <c r="NE32" s="413">
        <v>0</v>
      </c>
      <c r="NF32" s="345">
        <v>2439179</v>
      </c>
      <c r="NG32" s="345">
        <v>4072447</v>
      </c>
      <c r="NH32" s="345">
        <v>4809072</v>
      </c>
      <c r="NI32" s="345">
        <v>7326862</v>
      </c>
      <c r="NJ32" s="345">
        <v>3955530</v>
      </c>
      <c r="NK32" s="349">
        <v>22603090</v>
      </c>
      <c r="NL32" s="347">
        <v>22603090</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801457</v>
      </c>
      <c r="OF32" s="345">
        <v>1017002</v>
      </c>
      <c r="OG32" s="349">
        <v>1818459</v>
      </c>
      <c r="OH32" s="350">
        <v>1818459</v>
      </c>
      <c r="OI32" s="348">
        <v>3194835</v>
      </c>
      <c r="OJ32" s="345">
        <v>6608195</v>
      </c>
      <c r="OK32" s="346">
        <v>9803030</v>
      </c>
      <c r="OL32" s="351">
        <v>0</v>
      </c>
      <c r="OM32" s="345">
        <v>32865986</v>
      </c>
      <c r="ON32" s="345">
        <v>32200100</v>
      </c>
      <c r="OO32" s="345">
        <v>39658896</v>
      </c>
      <c r="OP32" s="345">
        <v>52204920</v>
      </c>
      <c r="OQ32" s="345">
        <v>35189027</v>
      </c>
      <c r="OR32" s="349">
        <v>192118929</v>
      </c>
      <c r="OS32" s="354">
        <v>201921959</v>
      </c>
    </row>
    <row r="33" spans="2:409" s="70" customFormat="1" ht="21" customHeight="1" x14ac:dyDescent="0.2">
      <c r="B33" s="410" t="s">
        <v>28</v>
      </c>
      <c r="C33" s="326">
        <v>141108</v>
      </c>
      <c r="D33" s="327">
        <v>691410</v>
      </c>
      <c r="E33" s="328">
        <v>832518</v>
      </c>
      <c r="F33" s="329">
        <v>0</v>
      </c>
      <c r="G33" s="327">
        <v>5339690</v>
      </c>
      <c r="H33" s="327">
        <v>9586673</v>
      </c>
      <c r="I33" s="327">
        <v>6875007</v>
      </c>
      <c r="J33" s="327">
        <v>6879044</v>
      </c>
      <c r="K33" s="327">
        <v>5209522</v>
      </c>
      <c r="L33" s="367">
        <v>33889936</v>
      </c>
      <c r="M33" s="330">
        <v>34722454</v>
      </c>
      <c r="N33" s="326">
        <v>28872</v>
      </c>
      <c r="O33" s="327">
        <v>99591</v>
      </c>
      <c r="P33" s="328">
        <v>128463</v>
      </c>
      <c r="Q33" s="326">
        <v>0</v>
      </c>
      <c r="R33" s="327">
        <v>854048</v>
      </c>
      <c r="S33" s="327">
        <v>1763988</v>
      </c>
      <c r="T33" s="327">
        <v>1517874</v>
      </c>
      <c r="U33" s="327">
        <v>1476012</v>
      </c>
      <c r="V33" s="327">
        <v>2524675</v>
      </c>
      <c r="W33" s="328">
        <v>8136597</v>
      </c>
      <c r="X33" s="330">
        <v>8265060</v>
      </c>
      <c r="Y33" s="326">
        <v>0</v>
      </c>
      <c r="Z33" s="327">
        <v>0</v>
      </c>
      <c r="AA33" s="328">
        <v>0</v>
      </c>
      <c r="AB33" s="326">
        <v>0</v>
      </c>
      <c r="AC33" s="327">
        <v>482348</v>
      </c>
      <c r="AD33" s="327">
        <v>953497</v>
      </c>
      <c r="AE33" s="327">
        <v>596366</v>
      </c>
      <c r="AF33" s="327">
        <v>537564</v>
      </c>
      <c r="AG33" s="327">
        <v>1351028</v>
      </c>
      <c r="AH33" s="328">
        <v>3920803</v>
      </c>
      <c r="AI33" s="330">
        <v>3920803</v>
      </c>
      <c r="AJ33" s="326">
        <v>0</v>
      </c>
      <c r="AK33" s="327">
        <v>0</v>
      </c>
      <c r="AL33" s="328">
        <v>0</v>
      </c>
      <c r="AM33" s="326">
        <v>0</v>
      </c>
      <c r="AN33" s="327">
        <v>0</v>
      </c>
      <c r="AO33" s="327">
        <v>0</v>
      </c>
      <c r="AP33" s="327">
        <v>189955</v>
      </c>
      <c r="AQ33" s="327">
        <v>99442</v>
      </c>
      <c r="AR33" s="327">
        <v>271185</v>
      </c>
      <c r="AS33" s="328">
        <v>560582</v>
      </c>
      <c r="AT33" s="330">
        <v>560582</v>
      </c>
      <c r="AU33" s="326">
        <v>23706</v>
      </c>
      <c r="AV33" s="327">
        <v>94209</v>
      </c>
      <c r="AW33" s="328">
        <v>117915</v>
      </c>
      <c r="AX33" s="326">
        <v>0</v>
      </c>
      <c r="AY33" s="327">
        <v>226481</v>
      </c>
      <c r="AZ33" s="327">
        <v>533329</v>
      </c>
      <c r="BA33" s="327">
        <v>482864</v>
      </c>
      <c r="BB33" s="327">
        <v>638470</v>
      </c>
      <c r="BC33" s="327">
        <v>611459</v>
      </c>
      <c r="BD33" s="328">
        <v>2492603</v>
      </c>
      <c r="BE33" s="330">
        <v>2610518</v>
      </c>
      <c r="BF33" s="326">
        <v>0</v>
      </c>
      <c r="BG33" s="327">
        <v>0</v>
      </c>
      <c r="BH33" s="331">
        <v>0</v>
      </c>
      <c r="BI33" s="332">
        <v>0</v>
      </c>
      <c r="BJ33" s="327">
        <v>17514</v>
      </c>
      <c r="BK33" s="327">
        <v>0</v>
      </c>
      <c r="BL33" s="327">
        <v>62410</v>
      </c>
      <c r="BM33" s="327">
        <v>35662</v>
      </c>
      <c r="BN33" s="327">
        <v>26429</v>
      </c>
      <c r="BO33" s="328">
        <v>142015</v>
      </c>
      <c r="BP33" s="330">
        <v>142015</v>
      </c>
      <c r="BQ33" s="326">
        <v>5166</v>
      </c>
      <c r="BR33" s="327">
        <v>5382</v>
      </c>
      <c r="BS33" s="328">
        <v>10548</v>
      </c>
      <c r="BT33" s="326">
        <v>0</v>
      </c>
      <c r="BU33" s="327">
        <v>127705</v>
      </c>
      <c r="BV33" s="327">
        <v>277162</v>
      </c>
      <c r="BW33" s="327">
        <v>186279</v>
      </c>
      <c r="BX33" s="327">
        <v>164874</v>
      </c>
      <c r="BY33" s="327">
        <v>264574</v>
      </c>
      <c r="BZ33" s="328">
        <v>1020594</v>
      </c>
      <c r="CA33" s="330">
        <v>1031142</v>
      </c>
      <c r="CB33" s="326">
        <v>44028</v>
      </c>
      <c r="CC33" s="327">
        <v>173014</v>
      </c>
      <c r="CD33" s="328">
        <v>217042</v>
      </c>
      <c r="CE33" s="326">
        <v>0</v>
      </c>
      <c r="CF33" s="327">
        <v>1973655</v>
      </c>
      <c r="CG33" s="327">
        <v>3822597</v>
      </c>
      <c r="CH33" s="327">
        <v>2753690</v>
      </c>
      <c r="CI33" s="327">
        <v>2383941</v>
      </c>
      <c r="CJ33" s="327">
        <v>924432</v>
      </c>
      <c r="CK33" s="328">
        <v>11858315</v>
      </c>
      <c r="CL33" s="330">
        <v>12075357</v>
      </c>
      <c r="CM33" s="326">
        <v>0</v>
      </c>
      <c r="CN33" s="327">
        <v>0</v>
      </c>
      <c r="CO33" s="328">
        <v>0</v>
      </c>
      <c r="CP33" s="332">
        <v>0</v>
      </c>
      <c r="CQ33" s="327">
        <v>1378135</v>
      </c>
      <c r="CR33" s="327">
        <v>2775155</v>
      </c>
      <c r="CS33" s="327">
        <v>2313833</v>
      </c>
      <c r="CT33" s="327">
        <v>1450836</v>
      </c>
      <c r="CU33" s="327">
        <v>440370</v>
      </c>
      <c r="CV33" s="328">
        <v>8358329</v>
      </c>
      <c r="CW33" s="330">
        <v>8358329</v>
      </c>
      <c r="CX33" s="326">
        <v>44028</v>
      </c>
      <c r="CY33" s="327">
        <v>173014</v>
      </c>
      <c r="CZ33" s="328">
        <v>217042</v>
      </c>
      <c r="DA33" s="326">
        <v>0</v>
      </c>
      <c r="DB33" s="327">
        <v>595520</v>
      </c>
      <c r="DC33" s="327">
        <v>1047442</v>
      </c>
      <c r="DD33" s="327">
        <v>439857</v>
      </c>
      <c r="DE33" s="327">
        <v>933105</v>
      </c>
      <c r="DF33" s="327">
        <v>484062</v>
      </c>
      <c r="DG33" s="328">
        <v>3499986</v>
      </c>
      <c r="DH33" s="330">
        <v>3717028</v>
      </c>
      <c r="DI33" s="326">
        <v>0</v>
      </c>
      <c r="DJ33" s="327">
        <v>30717</v>
      </c>
      <c r="DK33" s="331">
        <v>30717</v>
      </c>
      <c r="DL33" s="332">
        <v>0</v>
      </c>
      <c r="DM33" s="327">
        <v>31395</v>
      </c>
      <c r="DN33" s="327">
        <v>228507</v>
      </c>
      <c r="DO33" s="327">
        <v>390055</v>
      </c>
      <c r="DP33" s="327">
        <v>698401</v>
      </c>
      <c r="DQ33" s="327">
        <v>357201</v>
      </c>
      <c r="DR33" s="328">
        <v>1705559</v>
      </c>
      <c r="DS33" s="330">
        <v>1736276</v>
      </c>
      <c r="DT33" s="326">
        <v>0</v>
      </c>
      <c r="DU33" s="327">
        <v>30717</v>
      </c>
      <c r="DV33" s="328">
        <v>30717</v>
      </c>
      <c r="DW33" s="326">
        <v>0</v>
      </c>
      <c r="DX33" s="327">
        <v>31395</v>
      </c>
      <c r="DY33" s="327">
        <v>202951</v>
      </c>
      <c r="DZ33" s="327">
        <v>232952</v>
      </c>
      <c r="EA33" s="327">
        <v>698401</v>
      </c>
      <c r="EB33" s="327">
        <v>329658</v>
      </c>
      <c r="EC33" s="328">
        <v>1495357</v>
      </c>
      <c r="ED33" s="330">
        <v>1526074</v>
      </c>
      <c r="EE33" s="326">
        <v>0</v>
      </c>
      <c r="EF33" s="331">
        <v>0</v>
      </c>
      <c r="EG33" s="328">
        <v>0</v>
      </c>
      <c r="EH33" s="326">
        <v>0</v>
      </c>
      <c r="EI33" s="327">
        <v>0</v>
      </c>
      <c r="EJ33" s="327">
        <v>25556</v>
      </c>
      <c r="EK33" s="327">
        <v>157103</v>
      </c>
      <c r="EL33" s="327">
        <v>0</v>
      </c>
      <c r="EM33" s="327">
        <v>27543</v>
      </c>
      <c r="EN33" s="331">
        <v>210202</v>
      </c>
      <c r="EO33" s="330">
        <v>210202</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28242</v>
      </c>
      <c r="FM33" s="327">
        <v>275921</v>
      </c>
      <c r="FN33" s="328">
        <v>304163</v>
      </c>
      <c r="FO33" s="326">
        <v>0</v>
      </c>
      <c r="FP33" s="327">
        <v>360701</v>
      </c>
      <c r="FQ33" s="327">
        <v>1026562</v>
      </c>
      <c r="FR33" s="327">
        <v>576981</v>
      </c>
      <c r="FS33" s="327">
        <v>699484</v>
      </c>
      <c r="FT33" s="327">
        <v>365499</v>
      </c>
      <c r="FU33" s="328">
        <v>3029227</v>
      </c>
      <c r="FV33" s="330">
        <v>3333390</v>
      </c>
      <c r="FW33" s="333">
        <v>28242</v>
      </c>
      <c r="FX33" s="327">
        <v>137605</v>
      </c>
      <c r="FY33" s="331">
        <v>165847</v>
      </c>
      <c r="FZ33" s="332">
        <v>0</v>
      </c>
      <c r="GA33" s="327">
        <v>277846</v>
      </c>
      <c r="GB33" s="327">
        <v>823990</v>
      </c>
      <c r="GC33" s="327">
        <v>556389</v>
      </c>
      <c r="GD33" s="327">
        <v>595696</v>
      </c>
      <c r="GE33" s="327">
        <v>365499</v>
      </c>
      <c r="GF33" s="328">
        <v>2619420</v>
      </c>
      <c r="GG33" s="334">
        <v>2785267</v>
      </c>
      <c r="GH33" s="333">
        <v>0</v>
      </c>
      <c r="GI33" s="327">
        <v>28066</v>
      </c>
      <c r="GJ33" s="331">
        <v>28066</v>
      </c>
      <c r="GK33" s="332">
        <v>0</v>
      </c>
      <c r="GL33" s="327">
        <v>0</v>
      </c>
      <c r="GM33" s="327">
        <v>22572</v>
      </c>
      <c r="GN33" s="327">
        <v>20592</v>
      </c>
      <c r="GO33" s="327">
        <v>50688</v>
      </c>
      <c r="GP33" s="327">
        <v>0</v>
      </c>
      <c r="GQ33" s="328">
        <v>93852</v>
      </c>
      <c r="GR33" s="330">
        <v>121918</v>
      </c>
      <c r="GS33" s="326">
        <v>0</v>
      </c>
      <c r="GT33" s="327">
        <v>110250</v>
      </c>
      <c r="GU33" s="328">
        <v>110250</v>
      </c>
      <c r="GV33" s="326">
        <v>0</v>
      </c>
      <c r="GW33" s="327">
        <v>82855</v>
      </c>
      <c r="GX33" s="327">
        <v>180000</v>
      </c>
      <c r="GY33" s="327">
        <v>0</v>
      </c>
      <c r="GZ33" s="327">
        <v>53100</v>
      </c>
      <c r="HA33" s="327">
        <v>0</v>
      </c>
      <c r="HB33" s="331">
        <v>315955</v>
      </c>
      <c r="HC33" s="330">
        <v>426205</v>
      </c>
      <c r="HD33" s="326">
        <v>0</v>
      </c>
      <c r="HE33" s="327">
        <v>0</v>
      </c>
      <c r="HF33" s="331">
        <v>0</v>
      </c>
      <c r="HG33" s="332">
        <v>0</v>
      </c>
      <c r="HH33" s="327">
        <v>1021336</v>
      </c>
      <c r="HI33" s="327">
        <v>1522023</v>
      </c>
      <c r="HJ33" s="327">
        <v>813775</v>
      </c>
      <c r="HK33" s="327">
        <v>1126631</v>
      </c>
      <c r="HL33" s="327">
        <v>711385</v>
      </c>
      <c r="HM33" s="328">
        <v>5195150</v>
      </c>
      <c r="HN33" s="329">
        <v>5195150</v>
      </c>
      <c r="HO33" s="333">
        <v>39966</v>
      </c>
      <c r="HP33" s="327">
        <v>112167</v>
      </c>
      <c r="HQ33" s="328">
        <v>152133</v>
      </c>
      <c r="HR33" s="326">
        <v>0</v>
      </c>
      <c r="HS33" s="327">
        <v>1098555</v>
      </c>
      <c r="HT33" s="327">
        <v>1222996</v>
      </c>
      <c r="HU33" s="327">
        <v>822632</v>
      </c>
      <c r="HV33" s="327">
        <v>494575</v>
      </c>
      <c r="HW33" s="327">
        <v>326330</v>
      </c>
      <c r="HX33" s="331">
        <v>3965088</v>
      </c>
      <c r="HY33" s="330">
        <v>4117221</v>
      </c>
      <c r="HZ33" s="335">
        <v>0</v>
      </c>
      <c r="IA33" s="336">
        <v>0</v>
      </c>
      <c r="IB33" s="337">
        <v>0</v>
      </c>
      <c r="IC33" s="338">
        <v>0</v>
      </c>
      <c r="ID33" s="336">
        <v>1471968</v>
      </c>
      <c r="IE33" s="339">
        <v>1645529</v>
      </c>
      <c r="IF33" s="337">
        <v>1192906</v>
      </c>
      <c r="IG33" s="336">
        <v>1363733</v>
      </c>
      <c r="IH33" s="337">
        <v>1393114</v>
      </c>
      <c r="II33" s="340">
        <v>7067250</v>
      </c>
      <c r="IJ33" s="341">
        <v>7067250</v>
      </c>
      <c r="IK33" s="342">
        <v>0</v>
      </c>
      <c r="IL33" s="343">
        <v>0</v>
      </c>
      <c r="IM33" s="344">
        <v>0</v>
      </c>
      <c r="IN33" s="404">
        <v>0</v>
      </c>
      <c r="IO33" s="345">
        <v>0</v>
      </c>
      <c r="IP33" s="345">
        <v>0</v>
      </c>
      <c r="IQ33" s="345">
        <v>0</v>
      </c>
      <c r="IR33" s="345">
        <v>0</v>
      </c>
      <c r="IS33" s="345">
        <v>112725</v>
      </c>
      <c r="IT33" s="346">
        <v>112725</v>
      </c>
      <c r="IU33" s="347">
        <v>112725</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843131</v>
      </c>
      <c r="JL33" s="345">
        <v>402674</v>
      </c>
      <c r="JM33" s="345">
        <v>300429</v>
      </c>
      <c r="JN33" s="345">
        <v>161197</v>
      </c>
      <c r="JO33" s="345">
        <v>47157</v>
      </c>
      <c r="JP33" s="349">
        <v>1754588</v>
      </c>
      <c r="JQ33" s="347">
        <v>1754588</v>
      </c>
      <c r="JR33" s="348">
        <v>0</v>
      </c>
      <c r="JS33" s="345">
        <v>0</v>
      </c>
      <c r="JT33" s="346">
        <v>0</v>
      </c>
      <c r="JU33" s="351">
        <v>0</v>
      </c>
      <c r="JV33" s="345">
        <v>361798</v>
      </c>
      <c r="JW33" s="345">
        <v>204485</v>
      </c>
      <c r="JX33" s="345">
        <v>111730</v>
      </c>
      <c r="JY33" s="345">
        <v>327439</v>
      </c>
      <c r="JZ33" s="345">
        <v>0</v>
      </c>
      <c r="KA33" s="349">
        <v>1005452</v>
      </c>
      <c r="KB33" s="347">
        <v>1005452</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267039</v>
      </c>
      <c r="KS33" s="345">
        <v>1038370</v>
      </c>
      <c r="KT33" s="345">
        <v>780747</v>
      </c>
      <c r="KU33" s="345">
        <v>875097</v>
      </c>
      <c r="KV33" s="345">
        <v>1233232</v>
      </c>
      <c r="KW33" s="349">
        <v>4194485</v>
      </c>
      <c r="KX33" s="347">
        <v>4194485</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0</v>
      </c>
      <c r="LR33" s="345">
        <v>0</v>
      </c>
      <c r="LS33" s="349">
        <v>0</v>
      </c>
      <c r="LT33" s="347">
        <v>0</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979765</v>
      </c>
      <c r="MK33" s="345">
        <v>3076238</v>
      </c>
      <c r="ML33" s="345">
        <v>5875636</v>
      </c>
      <c r="MM33" s="345">
        <v>7553846</v>
      </c>
      <c r="MN33" s="345">
        <v>7260794</v>
      </c>
      <c r="MO33" s="349">
        <v>24746279</v>
      </c>
      <c r="MP33" s="354">
        <v>24746279</v>
      </c>
      <c r="MQ33" s="348">
        <v>0</v>
      </c>
      <c r="MR33" s="345">
        <v>0</v>
      </c>
      <c r="MS33" s="349">
        <v>0</v>
      </c>
      <c r="MT33" s="413">
        <v>0</v>
      </c>
      <c r="MU33" s="345">
        <v>0</v>
      </c>
      <c r="MV33" s="345">
        <v>268244</v>
      </c>
      <c r="MW33" s="345">
        <v>3436704</v>
      </c>
      <c r="MX33" s="345">
        <v>5529607</v>
      </c>
      <c r="MY33" s="345">
        <v>5064080</v>
      </c>
      <c r="MZ33" s="349">
        <v>14298635</v>
      </c>
      <c r="NA33" s="354">
        <v>14298635</v>
      </c>
      <c r="NB33" s="348">
        <v>0</v>
      </c>
      <c r="NC33" s="345">
        <v>0</v>
      </c>
      <c r="ND33" s="349">
        <v>0</v>
      </c>
      <c r="NE33" s="413">
        <v>0</v>
      </c>
      <c r="NF33" s="345">
        <v>979765</v>
      </c>
      <c r="NG33" s="345">
        <v>2807994</v>
      </c>
      <c r="NH33" s="345">
        <v>2438932</v>
      </c>
      <c r="NI33" s="345">
        <v>1948547</v>
      </c>
      <c r="NJ33" s="345">
        <v>2196714</v>
      </c>
      <c r="NK33" s="349">
        <v>10371952</v>
      </c>
      <c r="NL33" s="347">
        <v>10371952</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75692</v>
      </c>
      <c r="OF33" s="345">
        <v>0</v>
      </c>
      <c r="OG33" s="349">
        <v>75692</v>
      </c>
      <c r="OH33" s="350">
        <v>75692</v>
      </c>
      <c r="OI33" s="348">
        <v>141108</v>
      </c>
      <c r="OJ33" s="345">
        <v>691410</v>
      </c>
      <c r="OK33" s="346">
        <v>832518</v>
      </c>
      <c r="OL33" s="351">
        <v>0</v>
      </c>
      <c r="OM33" s="345">
        <v>7791423</v>
      </c>
      <c r="ON33" s="345">
        <v>14308440</v>
      </c>
      <c r="OO33" s="345">
        <v>13943549</v>
      </c>
      <c r="OP33" s="345">
        <v>15796623</v>
      </c>
      <c r="OQ33" s="345">
        <v>13863430</v>
      </c>
      <c r="OR33" s="349">
        <v>65703465</v>
      </c>
      <c r="OS33" s="354">
        <v>66535983</v>
      </c>
    </row>
    <row r="34" spans="2:409" s="70" customFormat="1" ht="21" customHeight="1" x14ac:dyDescent="0.2">
      <c r="B34" s="410" t="s">
        <v>29</v>
      </c>
      <c r="C34" s="326">
        <v>626881</v>
      </c>
      <c r="D34" s="327">
        <v>899713</v>
      </c>
      <c r="E34" s="328">
        <v>1526594</v>
      </c>
      <c r="F34" s="329">
        <v>0</v>
      </c>
      <c r="G34" s="327">
        <v>6939091</v>
      </c>
      <c r="H34" s="327">
        <v>9972496</v>
      </c>
      <c r="I34" s="327">
        <v>9338754</v>
      </c>
      <c r="J34" s="327">
        <v>8075233</v>
      </c>
      <c r="K34" s="327">
        <v>7072122</v>
      </c>
      <c r="L34" s="367">
        <v>41397696</v>
      </c>
      <c r="M34" s="330">
        <v>42924290</v>
      </c>
      <c r="N34" s="326">
        <v>76947</v>
      </c>
      <c r="O34" s="327">
        <v>176763</v>
      </c>
      <c r="P34" s="328">
        <v>253710</v>
      </c>
      <c r="Q34" s="326">
        <v>0</v>
      </c>
      <c r="R34" s="327">
        <v>1917759</v>
      </c>
      <c r="S34" s="327">
        <v>3188852</v>
      </c>
      <c r="T34" s="327">
        <v>2063795</v>
      </c>
      <c r="U34" s="327">
        <v>3128623</v>
      </c>
      <c r="V34" s="327">
        <v>3704802</v>
      </c>
      <c r="W34" s="328">
        <v>14003831</v>
      </c>
      <c r="X34" s="330">
        <v>14257541</v>
      </c>
      <c r="Y34" s="326">
        <v>0</v>
      </c>
      <c r="Z34" s="327">
        <v>0</v>
      </c>
      <c r="AA34" s="328">
        <v>0</v>
      </c>
      <c r="AB34" s="326">
        <v>0</v>
      </c>
      <c r="AC34" s="327">
        <v>873318</v>
      </c>
      <c r="AD34" s="327">
        <v>1546478</v>
      </c>
      <c r="AE34" s="327">
        <v>1054399</v>
      </c>
      <c r="AF34" s="327">
        <v>2209321</v>
      </c>
      <c r="AG34" s="327">
        <v>2223331</v>
      </c>
      <c r="AH34" s="328">
        <v>7906847</v>
      </c>
      <c r="AI34" s="330">
        <v>7906847</v>
      </c>
      <c r="AJ34" s="326">
        <v>0</v>
      </c>
      <c r="AK34" s="327">
        <v>0</v>
      </c>
      <c r="AL34" s="328">
        <v>0</v>
      </c>
      <c r="AM34" s="326">
        <v>0</v>
      </c>
      <c r="AN34" s="327">
        <v>0</v>
      </c>
      <c r="AO34" s="327">
        <v>12987</v>
      </c>
      <c r="AP34" s="327">
        <v>0</v>
      </c>
      <c r="AQ34" s="327">
        <v>103906</v>
      </c>
      <c r="AR34" s="327">
        <v>550411</v>
      </c>
      <c r="AS34" s="328">
        <v>667304</v>
      </c>
      <c r="AT34" s="330">
        <v>667304</v>
      </c>
      <c r="AU34" s="326">
        <v>33026</v>
      </c>
      <c r="AV34" s="327">
        <v>143512</v>
      </c>
      <c r="AW34" s="328">
        <v>176538</v>
      </c>
      <c r="AX34" s="326">
        <v>0</v>
      </c>
      <c r="AY34" s="327">
        <v>711071</v>
      </c>
      <c r="AZ34" s="327">
        <v>1163089</v>
      </c>
      <c r="BA34" s="327">
        <v>692954</v>
      </c>
      <c r="BB34" s="327">
        <v>485656</v>
      </c>
      <c r="BC34" s="327">
        <v>642111</v>
      </c>
      <c r="BD34" s="328">
        <v>3694881</v>
      </c>
      <c r="BE34" s="330">
        <v>3871419</v>
      </c>
      <c r="BF34" s="326">
        <v>14840</v>
      </c>
      <c r="BG34" s="327">
        <v>-2794</v>
      </c>
      <c r="BH34" s="331">
        <v>12046</v>
      </c>
      <c r="BI34" s="332">
        <v>0</v>
      </c>
      <c r="BJ34" s="327">
        <v>-19419</v>
      </c>
      <c r="BK34" s="327">
        <v>-8892</v>
      </c>
      <c r="BL34" s="327">
        <v>39429</v>
      </c>
      <c r="BM34" s="327">
        <v>42496</v>
      </c>
      <c r="BN34" s="327">
        <v>0</v>
      </c>
      <c r="BO34" s="328">
        <v>53614</v>
      </c>
      <c r="BP34" s="330">
        <v>65660</v>
      </c>
      <c r="BQ34" s="326">
        <v>29081</v>
      </c>
      <c r="BR34" s="327">
        <v>36045</v>
      </c>
      <c r="BS34" s="328">
        <v>65126</v>
      </c>
      <c r="BT34" s="326">
        <v>0</v>
      </c>
      <c r="BU34" s="327">
        <v>352789</v>
      </c>
      <c r="BV34" s="327">
        <v>475190</v>
      </c>
      <c r="BW34" s="327">
        <v>277013</v>
      </c>
      <c r="BX34" s="327">
        <v>287244</v>
      </c>
      <c r="BY34" s="327">
        <v>288949</v>
      </c>
      <c r="BZ34" s="328">
        <v>1681185</v>
      </c>
      <c r="CA34" s="330">
        <v>1746311</v>
      </c>
      <c r="CB34" s="326">
        <v>42849</v>
      </c>
      <c r="CC34" s="327">
        <v>303283</v>
      </c>
      <c r="CD34" s="328">
        <v>346132</v>
      </c>
      <c r="CE34" s="326">
        <v>0</v>
      </c>
      <c r="CF34" s="327">
        <v>1852962</v>
      </c>
      <c r="CG34" s="327">
        <v>2980128</v>
      </c>
      <c r="CH34" s="327">
        <v>3822781</v>
      </c>
      <c r="CI34" s="327">
        <v>1655564</v>
      </c>
      <c r="CJ34" s="327">
        <v>685375</v>
      </c>
      <c r="CK34" s="328">
        <v>10996810</v>
      </c>
      <c r="CL34" s="330">
        <v>11342942</v>
      </c>
      <c r="CM34" s="326">
        <v>0</v>
      </c>
      <c r="CN34" s="327">
        <v>0</v>
      </c>
      <c r="CO34" s="328">
        <v>0</v>
      </c>
      <c r="CP34" s="332">
        <v>0</v>
      </c>
      <c r="CQ34" s="327">
        <v>1406197</v>
      </c>
      <c r="CR34" s="327">
        <v>2073478</v>
      </c>
      <c r="CS34" s="327">
        <v>2590430</v>
      </c>
      <c r="CT34" s="327">
        <v>1442919</v>
      </c>
      <c r="CU34" s="327">
        <v>535006</v>
      </c>
      <c r="CV34" s="328">
        <v>8048030</v>
      </c>
      <c r="CW34" s="330">
        <v>8048030</v>
      </c>
      <c r="CX34" s="326">
        <v>42849</v>
      </c>
      <c r="CY34" s="327">
        <v>303283</v>
      </c>
      <c r="CZ34" s="328">
        <v>346132</v>
      </c>
      <c r="DA34" s="326">
        <v>0</v>
      </c>
      <c r="DB34" s="327">
        <v>446765</v>
      </c>
      <c r="DC34" s="327">
        <v>906650</v>
      </c>
      <c r="DD34" s="327">
        <v>1232351</v>
      </c>
      <c r="DE34" s="327">
        <v>212645</v>
      </c>
      <c r="DF34" s="327">
        <v>150369</v>
      </c>
      <c r="DG34" s="328">
        <v>2948780</v>
      </c>
      <c r="DH34" s="330">
        <v>3294912</v>
      </c>
      <c r="DI34" s="326">
        <v>0</v>
      </c>
      <c r="DJ34" s="327">
        <v>0</v>
      </c>
      <c r="DK34" s="331">
        <v>0</v>
      </c>
      <c r="DL34" s="332">
        <v>0</v>
      </c>
      <c r="DM34" s="327">
        <v>139429</v>
      </c>
      <c r="DN34" s="327">
        <v>534686</v>
      </c>
      <c r="DO34" s="327">
        <v>1132489</v>
      </c>
      <c r="DP34" s="327">
        <v>848597</v>
      </c>
      <c r="DQ34" s="327">
        <v>413292</v>
      </c>
      <c r="DR34" s="328">
        <v>3068493</v>
      </c>
      <c r="DS34" s="330">
        <v>3068493</v>
      </c>
      <c r="DT34" s="326">
        <v>0</v>
      </c>
      <c r="DU34" s="327">
        <v>0</v>
      </c>
      <c r="DV34" s="328">
        <v>0</v>
      </c>
      <c r="DW34" s="326">
        <v>0</v>
      </c>
      <c r="DX34" s="327">
        <v>139429</v>
      </c>
      <c r="DY34" s="327">
        <v>508033</v>
      </c>
      <c r="DZ34" s="327">
        <v>1091701</v>
      </c>
      <c r="EA34" s="327">
        <v>836465</v>
      </c>
      <c r="EB34" s="327">
        <v>413292</v>
      </c>
      <c r="EC34" s="328">
        <v>2988920</v>
      </c>
      <c r="ED34" s="330">
        <v>2988920</v>
      </c>
      <c r="EE34" s="326">
        <v>0</v>
      </c>
      <c r="EF34" s="331">
        <v>0</v>
      </c>
      <c r="EG34" s="328">
        <v>0</v>
      </c>
      <c r="EH34" s="326">
        <v>0</v>
      </c>
      <c r="EI34" s="327">
        <v>0</v>
      </c>
      <c r="EJ34" s="327">
        <v>26653</v>
      </c>
      <c r="EK34" s="327">
        <v>40788</v>
      </c>
      <c r="EL34" s="327">
        <v>12132</v>
      </c>
      <c r="EM34" s="327">
        <v>0</v>
      </c>
      <c r="EN34" s="331">
        <v>79573</v>
      </c>
      <c r="EO34" s="330">
        <v>79573</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268356</v>
      </c>
      <c r="FM34" s="327">
        <v>252504</v>
      </c>
      <c r="FN34" s="328">
        <v>520860</v>
      </c>
      <c r="FO34" s="326">
        <v>0</v>
      </c>
      <c r="FP34" s="327">
        <v>646190</v>
      </c>
      <c r="FQ34" s="327">
        <v>1188166</v>
      </c>
      <c r="FR34" s="327">
        <v>725099</v>
      </c>
      <c r="FS34" s="327">
        <v>744105</v>
      </c>
      <c r="FT34" s="327">
        <v>643439</v>
      </c>
      <c r="FU34" s="328">
        <v>3946999</v>
      </c>
      <c r="FV34" s="330">
        <v>4467859</v>
      </c>
      <c r="FW34" s="333">
        <v>181236</v>
      </c>
      <c r="FX34" s="327">
        <v>252504</v>
      </c>
      <c r="FY34" s="331">
        <v>433740</v>
      </c>
      <c r="FZ34" s="332">
        <v>0</v>
      </c>
      <c r="GA34" s="327">
        <v>380795</v>
      </c>
      <c r="GB34" s="327">
        <v>1188166</v>
      </c>
      <c r="GC34" s="327">
        <v>698592</v>
      </c>
      <c r="GD34" s="327">
        <v>744105</v>
      </c>
      <c r="GE34" s="327">
        <v>643439</v>
      </c>
      <c r="GF34" s="328">
        <v>3655097</v>
      </c>
      <c r="GG34" s="334">
        <v>4088837</v>
      </c>
      <c r="GH34" s="333">
        <v>0</v>
      </c>
      <c r="GI34" s="327">
        <v>0</v>
      </c>
      <c r="GJ34" s="331">
        <v>0</v>
      </c>
      <c r="GK34" s="332">
        <v>0</v>
      </c>
      <c r="GL34" s="327">
        <v>74685</v>
      </c>
      <c r="GM34" s="327">
        <v>0</v>
      </c>
      <c r="GN34" s="327">
        <v>26507</v>
      </c>
      <c r="GO34" s="327">
        <v>0</v>
      </c>
      <c r="GP34" s="327">
        <v>0</v>
      </c>
      <c r="GQ34" s="328">
        <v>101192</v>
      </c>
      <c r="GR34" s="330">
        <v>101192</v>
      </c>
      <c r="GS34" s="326">
        <v>87120</v>
      </c>
      <c r="GT34" s="327">
        <v>0</v>
      </c>
      <c r="GU34" s="328">
        <v>87120</v>
      </c>
      <c r="GV34" s="326">
        <v>0</v>
      </c>
      <c r="GW34" s="327">
        <v>190710</v>
      </c>
      <c r="GX34" s="327">
        <v>0</v>
      </c>
      <c r="GY34" s="327">
        <v>0</v>
      </c>
      <c r="GZ34" s="327">
        <v>0</v>
      </c>
      <c r="HA34" s="327">
        <v>0</v>
      </c>
      <c r="HB34" s="331">
        <v>190710</v>
      </c>
      <c r="HC34" s="330">
        <v>277830</v>
      </c>
      <c r="HD34" s="326">
        <v>97289</v>
      </c>
      <c r="HE34" s="327">
        <v>0</v>
      </c>
      <c r="HF34" s="331">
        <v>97289</v>
      </c>
      <c r="HG34" s="332">
        <v>0</v>
      </c>
      <c r="HH34" s="327">
        <v>1476376</v>
      </c>
      <c r="HI34" s="327">
        <v>903348</v>
      </c>
      <c r="HJ34" s="327">
        <v>693633</v>
      </c>
      <c r="HK34" s="327">
        <v>1261645</v>
      </c>
      <c r="HL34" s="327">
        <v>1248528</v>
      </c>
      <c r="HM34" s="328">
        <v>5583530</v>
      </c>
      <c r="HN34" s="329">
        <v>5680819</v>
      </c>
      <c r="HO34" s="333">
        <v>141440</v>
      </c>
      <c r="HP34" s="327">
        <v>167163</v>
      </c>
      <c r="HQ34" s="328">
        <v>308603</v>
      </c>
      <c r="HR34" s="326">
        <v>0</v>
      </c>
      <c r="HS34" s="327">
        <v>906375</v>
      </c>
      <c r="HT34" s="327">
        <v>1177316</v>
      </c>
      <c r="HU34" s="327">
        <v>900957</v>
      </c>
      <c r="HV34" s="327">
        <v>436699</v>
      </c>
      <c r="HW34" s="327">
        <v>376686</v>
      </c>
      <c r="HX34" s="331">
        <v>3798033</v>
      </c>
      <c r="HY34" s="330">
        <v>4106636</v>
      </c>
      <c r="HZ34" s="358">
        <v>0</v>
      </c>
      <c r="IA34" s="356">
        <v>0</v>
      </c>
      <c r="IB34" s="358">
        <v>0</v>
      </c>
      <c r="IC34" s="355">
        <v>0</v>
      </c>
      <c r="ID34" s="356">
        <v>3439693</v>
      </c>
      <c r="IE34" s="357">
        <v>4945300</v>
      </c>
      <c r="IF34" s="358">
        <v>8120594</v>
      </c>
      <c r="IG34" s="356">
        <v>5310643</v>
      </c>
      <c r="IH34" s="358">
        <v>2512350</v>
      </c>
      <c r="II34" s="359">
        <v>24328580</v>
      </c>
      <c r="IJ34" s="358">
        <v>24328580</v>
      </c>
      <c r="IK34" s="342">
        <v>0</v>
      </c>
      <c r="IL34" s="343">
        <v>0</v>
      </c>
      <c r="IM34" s="344">
        <v>0</v>
      </c>
      <c r="IN34" s="404">
        <v>0</v>
      </c>
      <c r="IO34" s="345">
        <v>112890</v>
      </c>
      <c r="IP34" s="345">
        <v>0</v>
      </c>
      <c r="IQ34" s="345">
        <v>106880</v>
      </c>
      <c r="IR34" s="345">
        <v>0</v>
      </c>
      <c r="IS34" s="345">
        <v>0</v>
      </c>
      <c r="IT34" s="346">
        <v>219770</v>
      </c>
      <c r="IU34" s="347">
        <v>219770</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503002</v>
      </c>
      <c r="JL34" s="345">
        <v>1133467</v>
      </c>
      <c r="JM34" s="345">
        <v>905074</v>
      </c>
      <c r="JN34" s="345">
        <v>194360</v>
      </c>
      <c r="JO34" s="345">
        <v>0</v>
      </c>
      <c r="JP34" s="349">
        <v>2735903</v>
      </c>
      <c r="JQ34" s="347">
        <v>2735903</v>
      </c>
      <c r="JR34" s="348">
        <v>0</v>
      </c>
      <c r="JS34" s="345">
        <v>0</v>
      </c>
      <c r="JT34" s="346">
        <v>0</v>
      </c>
      <c r="JU34" s="351">
        <v>0</v>
      </c>
      <c r="JV34" s="345">
        <v>162995</v>
      </c>
      <c r="JW34" s="345">
        <v>102239</v>
      </c>
      <c r="JX34" s="345">
        <v>0</v>
      </c>
      <c r="JY34" s="345">
        <v>0</v>
      </c>
      <c r="JZ34" s="345">
        <v>0</v>
      </c>
      <c r="KA34" s="349">
        <v>265234</v>
      </c>
      <c r="KB34" s="347">
        <v>265234</v>
      </c>
      <c r="KC34" s="352">
        <v>0</v>
      </c>
      <c r="KD34" s="353">
        <v>0</v>
      </c>
      <c r="KE34" s="349">
        <v>0</v>
      </c>
      <c r="KF34" s="351">
        <v>0</v>
      </c>
      <c r="KG34" s="345">
        <v>892891</v>
      </c>
      <c r="KH34" s="345">
        <v>1110169</v>
      </c>
      <c r="KI34" s="345">
        <v>1227694</v>
      </c>
      <c r="KJ34" s="345">
        <v>1797066</v>
      </c>
      <c r="KK34" s="345">
        <v>328320</v>
      </c>
      <c r="KL34" s="349">
        <v>5356140</v>
      </c>
      <c r="KM34" s="354">
        <v>5356140</v>
      </c>
      <c r="KN34" s="342">
        <v>0</v>
      </c>
      <c r="KO34" s="343">
        <v>0</v>
      </c>
      <c r="KP34" s="344">
        <v>0</v>
      </c>
      <c r="KQ34" s="413">
        <v>0</v>
      </c>
      <c r="KR34" s="345">
        <v>1767915</v>
      </c>
      <c r="KS34" s="345">
        <v>2599425</v>
      </c>
      <c r="KT34" s="345">
        <v>2563956</v>
      </c>
      <c r="KU34" s="345">
        <v>445563</v>
      </c>
      <c r="KV34" s="345">
        <v>292572</v>
      </c>
      <c r="KW34" s="349">
        <v>7669431</v>
      </c>
      <c r="KX34" s="347">
        <v>7669431</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316990</v>
      </c>
      <c r="LQ34" s="345">
        <v>2873654</v>
      </c>
      <c r="LR34" s="345">
        <v>1891458</v>
      </c>
      <c r="LS34" s="349">
        <v>8082102</v>
      </c>
      <c r="LT34" s="347">
        <v>8082102</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272621</v>
      </c>
      <c r="MK34" s="345">
        <v>1769720</v>
      </c>
      <c r="ML34" s="345">
        <v>4842958</v>
      </c>
      <c r="MM34" s="345">
        <v>12035168</v>
      </c>
      <c r="MN34" s="345">
        <v>8373223</v>
      </c>
      <c r="MO34" s="349">
        <v>28293690</v>
      </c>
      <c r="MP34" s="354">
        <v>28293690</v>
      </c>
      <c r="MQ34" s="348">
        <v>0</v>
      </c>
      <c r="MR34" s="345">
        <v>0</v>
      </c>
      <c r="MS34" s="349">
        <v>0</v>
      </c>
      <c r="MT34" s="413">
        <v>0</v>
      </c>
      <c r="MU34" s="345">
        <v>0</v>
      </c>
      <c r="MV34" s="345">
        <v>434788</v>
      </c>
      <c r="MW34" s="345">
        <v>2699913</v>
      </c>
      <c r="MX34" s="345">
        <v>7130134</v>
      </c>
      <c r="MY34" s="345">
        <v>5218652</v>
      </c>
      <c r="MZ34" s="349">
        <v>15483487</v>
      </c>
      <c r="NA34" s="354">
        <v>15483487</v>
      </c>
      <c r="NB34" s="348">
        <v>0</v>
      </c>
      <c r="NC34" s="345">
        <v>0</v>
      </c>
      <c r="ND34" s="349">
        <v>0</v>
      </c>
      <c r="NE34" s="413">
        <v>0</v>
      </c>
      <c r="NF34" s="345">
        <v>1272621</v>
      </c>
      <c r="NG34" s="345">
        <v>1334932</v>
      </c>
      <c r="NH34" s="345">
        <v>2143045</v>
      </c>
      <c r="NI34" s="345">
        <v>4905034</v>
      </c>
      <c r="NJ34" s="345">
        <v>3154571</v>
      </c>
      <c r="NK34" s="349">
        <v>12810203</v>
      </c>
      <c r="NL34" s="347">
        <v>12810203</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626881</v>
      </c>
      <c r="OJ34" s="345">
        <v>899713</v>
      </c>
      <c r="OK34" s="346">
        <v>1526594</v>
      </c>
      <c r="OL34" s="351">
        <v>0</v>
      </c>
      <c r="OM34" s="345">
        <v>11651405</v>
      </c>
      <c r="ON34" s="345">
        <v>16687516</v>
      </c>
      <c r="OO34" s="345">
        <v>22302306</v>
      </c>
      <c r="OP34" s="345">
        <v>25421044</v>
      </c>
      <c r="OQ34" s="345">
        <v>17957695</v>
      </c>
      <c r="OR34" s="349">
        <v>94019966</v>
      </c>
      <c r="OS34" s="354">
        <v>95546560</v>
      </c>
    </row>
    <row r="35" spans="2:409" s="70" customFormat="1" ht="21" customHeight="1" x14ac:dyDescent="0.2">
      <c r="B35" s="410" t="s">
        <v>30</v>
      </c>
      <c r="C35" s="326">
        <v>701813</v>
      </c>
      <c r="D35" s="327">
        <v>957433</v>
      </c>
      <c r="E35" s="368">
        <v>1659246</v>
      </c>
      <c r="F35" s="370">
        <v>0</v>
      </c>
      <c r="G35" s="369">
        <v>7252004</v>
      </c>
      <c r="H35" s="369">
        <v>7775256</v>
      </c>
      <c r="I35" s="369">
        <v>8013920</v>
      </c>
      <c r="J35" s="369">
        <v>7101038</v>
      </c>
      <c r="K35" s="369">
        <v>3232826</v>
      </c>
      <c r="L35" s="370">
        <v>33375044</v>
      </c>
      <c r="M35" s="330">
        <v>35034290</v>
      </c>
      <c r="N35" s="326">
        <v>137698</v>
      </c>
      <c r="O35" s="327">
        <v>302453</v>
      </c>
      <c r="P35" s="328">
        <v>440151</v>
      </c>
      <c r="Q35" s="326">
        <v>0</v>
      </c>
      <c r="R35" s="327">
        <v>2272139</v>
      </c>
      <c r="S35" s="327">
        <v>2051031</v>
      </c>
      <c r="T35" s="327">
        <v>2664386</v>
      </c>
      <c r="U35" s="327">
        <v>3273728</v>
      </c>
      <c r="V35" s="327">
        <v>1944940</v>
      </c>
      <c r="W35" s="328">
        <v>12206224</v>
      </c>
      <c r="X35" s="330">
        <v>12646375</v>
      </c>
      <c r="Y35" s="326">
        <v>0</v>
      </c>
      <c r="Z35" s="327">
        <v>0</v>
      </c>
      <c r="AA35" s="328">
        <v>0</v>
      </c>
      <c r="AB35" s="326">
        <v>0</v>
      </c>
      <c r="AC35" s="327">
        <v>711916</v>
      </c>
      <c r="AD35" s="327">
        <v>854119</v>
      </c>
      <c r="AE35" s="327">
        <v>1302885</v>
      </c>
      <c r="AF35" s="327">
        <v>1940796</v>
      </c>
      <c r="AG35" s="327">
        <v>1443213</v>
      </c>
      <c r="AH35" s="328">
        <v>6252929</v>
      </c>
      <c r="AI35" s="330">
        <v>6252929</v>
      </c>
      <c r="AJ35" s="326">
        <v>0</v>
      </c>
      <c r="AK35" s="327">
        <v>0</v>
      </c>
      <c r="AL35" s="328">
        <v>0</v>
      </c>
      <c r="AM35" s="326">
        <v>0</v>
      </c>
      <c r="AN35" s="327">
        <v>52965</v>
      </c>
      <c r="AO35" s="327">
        <v>39723</v>
      </c>
      <c r="AP35" s="327">
        <v>170665</v>
      </c>
      <c r="AQ35" s="327">
        <v>367366</v>
      </c>
      <c r="AR35" s="327">
        <v>79447</v>
      </c>
      <c r="AS35" s="328">
        <v>710166</v>
      </c>
      <c r="AT35" s="330">
        <v>710166</v>
      </c>
      <c r="AU35" s="326">
        <v>109080</v>
      </c>
      <c r="AV35" s="327">
        <v>280331</v>
      </c>
      <c r="AW35" s="328">
        <v>389411</v>
      </c>
      <c r="AX35" s="326">
        <v>0</v>
      </c>
      <c r="AY35" s="327">
        <v>856490</v>
      </c>
      <c r="AZ35" s="327">
        <v>731438</v>
      </c>
      <c r="BA35" s="327">
        <v>663358</v>
      </c>
      <c r="BB35" s="327">
        <v>558658</v>
      </c>
      <c r="BC35" s="327">
        <v>332946</v>
      </c>
      <c r="BD35" s="328">
        <v>3142890</v>
      </c>
      <c r="BE35" s="330">
        <v>3532301</v>
      </c>
      <c r="BF35" s="326">
        <v>13912</v>
      </c>
      <c r="BG35" s="327">
        <v>0</v>
      </c>
      <c r="BH35" s="331">
        <v>13912</v>
      </c>
      <c r="BI35" s="332">
        <v>0</v>
      </c>
      <c r="BJ35" s="327">
        <v>201554</v>
      </c>
      <c r="BK35" s="327">
        <v>212219</v>
      </c>
      <c r="BL35" s="327">
        <v>210652</v>
      </c>
      <c r="BM35" s="327">
        <v>0</v>
      </c>
      <c r="BN35" s="327">
        <v>0</v>
      </c>
      <c r="BO35" s="328">
        <v>624425</v>
      </c>
      <c r="BP35" s="330">
        <v>638337</v>
      </c>
      <c r="BQ35" s="326">
        <v>14706</v>
      </c>
      <c r="BR35" s="327">
        <v>22122</v>
      </c>
      <c r="BS35" s="328">
        <v>36828</v>
      </c>
      <c r="BT35" s="326">
        <v>0</v>
      </c>
      <c r="BU35" s="327">
        <v>449214</v>
      </c>
      <c r="BV35" s="327">
        <v>213532</v>
      </c>
      <c r="BW35" s="327">
        <v>316826</v>
      </c>
      <c r="BX35" s="327">
        <v>406908</v>
      </c>
      <c r="BY35" s="327">
        <v>89334</v>
      </c>
      <c r="BZ35" s="328">
        <v>1475814</v>
      </c>
      <c r="CA35" s="330">
        <v>1512642</v>
      </c>
      <c r="CB35" s="326">
        <v>115232</v>
      </c>
      <c r="CC35" s="327">
        <v>296981</v>
      </c>
      <c r="CD35" s="328">
        <v>412213</v>
      </c>
      <c r="CE35" s="326">
        <v>0</v>
      </c>
      <c r="CF35" s="327">
        <v>1673534</v>
      </c>
      <c r="CG35" s="327">
        <v>1859598</v>
      </c>
      <c r="CH35" s="327">
        <v>1260998</v>
      </c>
      <c r="CI35" s="327">
        <v>1110807</v>
      </c>
      <c r="CJ35" s="327">
        <v>232300</v>
      </c>
      <c r="CK35" s="328">
        <v>6137237</v>
      </c>
      <c r="CL35" s="330">
        <v>6549450</v>
      </c>
      <c r="CM35" s="326">
        <v>0</v>
      </c>
      <c r="CN35" s="327">
        <v>0</v>
      </c>
      <c r="CO35" s="328">
        <v>0</v>
      </c>
      <c r="CP35" s="332">
        <v>0</v>
      </c>
      <c r="CQ35" s="327">
        <v>1309211</v>
      </c>
      <c r="CR35" s="327">
        <v>1322285</v>
      </c>
      <c r="CS35" s="327">
        <v>976029</v>
      </c>
      <c r="CT35" s="327">
        <v>820660</v>
      </c>
      <c r="CU35" s="327">
        <v>122918</v>
      </c>
      <c r="CV35" s="328">
        <v>4551103</v>
      </c>
      <c r="CW35" s="330">
        <v>4551103</v>
      </c>
      <c r="CX35" s="326">
        <v>115232</v>
      </c>
      <c r="CY35" s="327">
        <v>296981</v>
      </c>
      <c r="CZ35" s="328">
        <v>412213</v>
      </c>
      <c r="DA35" s="326">
        <v>0</v>
      </c>
      <c r="DB35" s="327">
        <v>364323</v>
      </c>
      <c r="DC35" s="327">
        <v>537313</v>
      </c>
      <c r="DD35" s="327">
        <v>284969</v>
      </c>
      <c r="DE35" s="327">
        <v>290147</v>
      </c>
      <c r="DF35" s="327">
        <v>109382</v>
      </c>
      <c r="DG35" s="328">
        <v>1586134</v>
      </c>
      <c r="DH35" s="330">
        <v>1998347</v>
      </c>
      <c r="DI35" s="326">
        <v>24287</v>
      </c>
      <c r="DJ35" s="327">
        <v>0</v>
      </c>
      <c r="DK35" s="331">
        <v>24287</v>
      </c>
      <c r="DL35" s="332">
        <v>0</v>
      </c>
      <c r="DM35" s="327">
        <v>108438</v>
      </c>
      <c r="DN35" s="327">
        <v>885645</v>
      </c>
      <c r="DO35" s="327">
        <v>891053</v>
      </c>
      <c r="DP35" s="327">
        <v>424077</v>
      </c>
      <c r="DQ35" s="327">
        <v>107046</v>
      </c>
      <c r="DR35" s="328">
        <v>2416259</v>
      </c>
      <c r="DS35" s="330">
        <v>2440546</v>
      </c>
      <c r="DT35" s="326">
        <v>24287</v>
      </c>
      <c r="DU35" s="327">
        <v>0</v>
      </c>
      <c r="DV35" s="328">
        <v>24287</v>
      </c>
      <c r="DW35" s="326">
        <v>0</v>
      </c>
      <c r="DX35" s="327">
        <v>108438</v>
      </c>
      <c r="DY35" s="327">
        <v>855810</v>
      </c>
      <c r="DZ35" s="327">
        <v>891053</v>
      </c>
      <c r="EA35" s="327">
        <v>396088</v>
      </c>
      <c r="EB35" s="327">
        <v>107046</v>
      </c>
      <c r="EC35" s="328">
        <v>2358435</v>
      </c>
      <c r="ED35" s="330">
        <v>2382722</v>
      </c>
      <c r="EE35" s="326">
        <v>0</v>
      </c>
      <c r="EF35" s="331">
        <v>0</v>
      </c>
      <c r="EG35" s="328">
        <v>0</v>
      </c>
      <c r="EH35" s="326">
        <v>0</v>
      </c>
      <c r="EI35" s="327">
        <v>0</v>
      </c>
      <c r="EJ35" s="327">
        <v>29835</v>
      </c>
      <c r="EK35" s="327">
        <v>0</v>
      </c>
      <c r="EL35" s="327">
        <v>27989</v>
      </c>
      <c r="EM35" s="327">
        <v>0</v>
      </c>
      <c r="EN35" s="331">
        <v>57824</v>
      </c>
      <c r="EO35" s="330">
        <v>57824</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246216</v>
      </c>
      <c r="FM35" s="327">
        <v>204759</v>
      </c>
      <c r="FN35" s="328">
        <v>450975</v>
      </c>
      <c r="FO35" s="326">
        <v>0</v>
      </c>
      <c r="FP35" s="327">
        <v>422746</v>
      </c>
      <c r="FQ35" s="327">
        <v>738585</v>
      </c>
      <c r="FR35" s="327">
        <v>849375</v>
      </c>
      <c r="FS35" s="327">
        <v>582913</v>
      </c>
      <c r="FT35" s="327">
        <v>226935</v>
      </c>
      <c r="FU35" s="328">
        <v>2820554</v>
      </c>
      <c r="FV35" s="330">
        <v>3271529</v>
      </c>
      <c r="FW35" s="333">
        <v>246216</v>
      </c>
      <c r="FX35" s="327">
        <v>204759</v>
      </c>
      <c r="FY35" s="331">
        <v>450975</v>
      </c>
      <c r="FZ35" s="332">
        <v>0</v>
      </c>
      <c r="GA35" s="327">
        <v>422746</v>
      </c>
      <c r="GB35" s="327">
        <v>721215</v>
      </c>
      <c r="GC35" s="327">
        <v>798075</v>
      </c>
      <c r="GD35" s="327">
        <v>582913</v>
      </c>
      <c r="GE35" s="327">
        <v>226935</v>
      </c>
      <c r="GF35" s="328">
        <v>2751884</v>
      </c>
      <c r="GG35" s="334">
        <v>3202859</v>
      </c>
      <c r="GH35" s="333">
        <v>0</v>
      </c>
      <c r="GI35" s="327">
        <v>0</v>
      </c>
      <c r="GJ35" s="331">
        <v>0</v>
      </c>
      <c r="GK35" s="332">
        <v>0</v>
      </c>
      <c r="GL35" s="327">
        <v>0</v>
      </c>
      <c r="GM35" s="327">
        <v>17370</v>
      </c>
      <c r="GN35" s="327">
        <v>0</v>
      </c>
      <c r="GO35" s="327">
        <v>0</v>
      </c>
      <c r="GP35" s="327">
        <v>0</v>
      </c>
      <c r="GQ35" s="328">
        <v>17370</v>
      </c>
      <c r="GR35" s="330">
        <v>17370</v>
      </c>
      <c r="GS35" s="326">
        <v>0</v>
      </c>
      <c r="GT35" s="327">
        <v>0</v>
      </c>
      <c r="GU35" s="328">
        <v>0</v>
      </c>
      <c r="GV35" s="326">
        <v>0</v>
      </c>
      <c r="GW35" s="327">
        <v>0</v>
      </c>
      <c r="GX35" s="327">
        <v>0</v>
      </c>
      <c r="GY35" s="327">
        <v>51300</v>
      </c>
      <c r="GZ35" s="327">
        <v>0</v>
      </c>
      <c r="HA35" s="327">
        <v>0</v>
      </c>
      <c r="HB35" s="331">
        <v>51300</v>
      </c>
      <c r="HC35" s="330">
        <v>51300</v>
      </c>
      <c r="HD35" s="326">
        <v>0</v>
      </c>
      <c r="HE35" s="327">
        <v>0</v>
      </c>
      <c r="HF35" s="331">
        <v>0</v>
      </c>
      <c r="HG35" s="332">
        <v>0</v>
      </c>
      <c r="HH35" s="327">
        <v>1653758</v>
      </c>
      <c r="HI35" s="327">
        <v>1325478</v>
      </c>
      <c r="HJ35" s="327">
        <v>1709526</v>
      </c>
      <c r="HK35" s="327">
        <v>1214739</v>
      </c>
      <c r="HL35" s="327">
        <v>524041</v>
      </c>
      <c r="HM35" s="328">
        <v>6427542</v>
      </c>
      <c r="HN35" s="329">
        <v>6427542</v>
      </c>
      <c r="HO35" s="333">
        <v>178380</v>
      </c>
      <c r="HP35" s="327">
        <v>153240</v>
      </c>
      <c r="HQ35" s="328">
        <v>331620</v>
      </c>
      <c r="HR35" s="326">
        <v>0</v>
      </c>
      <c r="HS35" s="327">
        <v>1121389</v>
      </c>
      <c r="HT35" s="327">
        <v>914919</v>
      </c>
      <c r="HU35" s="327">
        <v>638582</v>
      </c>
      <c r="HV35" s="327">
        <v>494774</v>
      </c>
      <c r="HW35" s="327">
        <v>197564</v>
      </c>
      <c r="HX35" s="331">
        <v>3367228</v>
      </c>
      <c r="HY35" s="330">
        <v>3698848</v>
      </c>
      <c r="HZ35" s="335">
        <v>0</v>
      </c>
      <c r="IA35" s="336">
        <v>0</v>
      </c>
      <c r="IB35" s="337">
        <v>0</v>
      </c>
      <c r="IC35" s="338">
        <v>0</v>
      </c>
      <c r="ID35" s="336">
        <v>2562040</v>
      </c>
      <c r="IE35" s="339">
        <v>2328433</v>
      </c>
      <c r="IF35" s="337">
        <v>1643220</v>
      </c>
      <c r="IG35" s="336">
        <v>2064573</v>
      </c>
      <c r="IH35" s="337">
        <v>389808</v>
      </c>
      <c r="II35" s="340">
        <v>8988074</v>
      </c>
      <c r="IJ35" s="341">
        <v>8988074</v>
      </c>
      <c r="IK35" s="342">
        <v>0</v>
      </c>
      <c r="IL35" s="343">
        <v>0</v>
      </c>
      <c r="IM35" s="344">
        <v>0</v>
      </c>
      <c r="IN35" s="404">
        <v>0</v>
      </c>
      <c r="IO35" s="345">
        <v>0</v>
      </c>
      <c r="IP35" s="345">
        <v>158796</v>
      </c>
      <c r="IQ35" s="345">
        <v>149328</v>
      </c>
      <c r="IR35" s="345">
        <v>0</v>
      </c>
      <c r="IS35" s="345">
        <v>0</v>
      </c>
      <c r="IT35" s="346">
        <v>308124</v>
      </c>
      <c r="IU35" s="347">
        <v>308124</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244236</v>
      </c>
      <c r="JL35" s="345">
        <v>864573</v>
      </c>
      <c r="JM35" s="345">
        <v>721728</v>
      </c>
      <c r="JN35" s="345">
        <v>402142</v>
      </c>
      <c r="JO35" s="345">
        <v>107793</v>
      </c>
      <c r="JP35" s="349">
        <v>3340472</v>
      </c>
      <c r="JQ35" s="347">
        <v>3340472</v>
      </c>
      <c r="JR35" s="348">
        <v>0</v>
      </c>
      <c r="JS35" s="345">
        <v>0</v>
      </c>
      <c r="JT35" s="346">
        <v>0</v>
      </c>
      <c r="JU35" s="351">
        <v>0</v>
      </c>
      <c r="JV35" s="345">
        <v>81162</v>
      </c>
      <c r="JW35" s="345">
        <v>154783</v>
      </c>
      <c r="JX35" s="345">
        <v>0</v>
      </c>
      <c r="JY35" s="345">
        <v>0</v>
      </c>
      <c r="JZ35" s="345">
        <v>0</v>
      </c>
      <c r="KA35" s="349">
        <v>235945</v>
      </c>
      <c r="KB35" s="347">
        <v>235945</v>
      </c>
      <c r="KC35" s="352">
        <v>0</v>
      </c>
      <c r="KD35" s="353">
        <v>0</v>
      </c>
      <c r="KE35" s="349">
        <v>0</v>
      </c>
      <c r="KF35" s="351">
        <v>0</v>
      </c>
      <c r="KG35" s="345">
        <v>0</v>
      </c>
      <c r="KH35" s="345">
        <v>0</v>
      </c>
      <c r="KI35" s="345">
        <v>278163</v>
      </c>
      <c r="KJ35" s="345">
        <v>0</v>
      </c>
      <c r="KK35" s="345">
        <v>0</v>
      </c>
      <c r="KL35" s="349">
        <v>278163</v>
      </c>
      <c r="KM35" s="354">
        <v>278163</v>
      </c>
      <c r="KN35" s="342">
        <v>0</v>
      </c>
      <c r="KO35" s="343">
        <v>0</v>
      </c>
      <c r="KP35" s="344">
        <v>0</v>
      </c>
      <c r="KQ35" s="413">
        <v>0</v>
      </c>
      <c r="KR35" s="345">
        <v>1236642</v>
      </c>
      <c r="KS35" s="345">
        <v>1150281</v>
      </c>
      <c r="KT35" s="345">
        <v>494001</v>
      </c>
      <c r="KU35" s="345">
        <v>1662431</v>
      </c>
      <c r="KV35" s="345">
        <v>282015</v>
      </c>
      <c r="KW35" s="349">
        <v>4825370</v>
      </c>
      <c r="KX35" s="347">
        <v>4825370</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362123</v>
      </c>
      <c r="MK35" s="345">
        <v>2697968</v>
      </c>
      <c r="ML35" s="345">
        <v>9083443</v>
      </c>
      <c r="MM35" s="345">
        <v>13448640</v>
      </c>
      <c r="MN35" s="345">
        <v>8508643</v>
      </c>
      <c r="MO35" s="349">
        <v>36100817</v>
      </c>
      <c r="MP35" s="354">
        <v>36100817</v>
      </c>
      <c r="MQ35" s="348">
        <v>0</v>
      </c>
      <c r="MR35" s="345">
        <v>0</v>
      </c>
      <c r="MS35" s="349">
        <v>0</v>
      </c>
      <c r="MT35" s="413">
        <v>0</v>
      </c>
      <c r="MU35" s="345">
        <v>0</v>
      </c>
      <c r="MV35" s="345">
        <v>1089693</v>
      </c>
      <c r="MW35" s="345">
        <v>5870501</v>
      </c>
      <c r="MX35" s="345">
        <v>8411452</v>
      </c>
      <c r="MY35" s="345">
        <v>6169986</v>
      </c>
      <c r="MZ35" s="349">
        <v>21541632</v>
      </c>
      <c r="NA35" s="354">
        <v>21541632</v>
      </c>
      <c r="NB35" s="348">
        <v>0</v>
      </c>
      <c r="NC35" s="345">
        <v>0</v>
      </c>
      <c r="ND35" s="349">
        <v>0</v>
      </c>
      <c r="NE35" s="413">
        <v>0</v>
      </c>
      <c r="NF35" s="345">
        <v>2362123</v>
      </c>
      <c r="NG35" s="345">
        <v>1608275</v>
      </c>
      <c r="NH35" s="345">
        <v>3212942</v>
      </c>
      <c r="NI35" s="345">
        <v>4277428</v>
      </c>
      <c r="NJ35" s="345">
        <v>1638939</v>
      </c>
      <c r="NK35" s="349">
        <v>13099707</v>
      </c>
      <c r="NL35" s="347">
        <v>13099707</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759760</v>
      </c>
      <c r="OF35" s="345">
        <v>699718</v>
      </c>
      <c r="OG35" s="349">
        <v>1459478</v>
      </c>
      <c r="OH35" s="350">
        <v>1459478</v>
      </c>
      <c r="OI35" s="348">
        <v>701813</v>
      </c>
      <c r="OJ35" s="345">
        <v>957433</v>
      </c>
      <c r="OK35" s="346">
        <v>1659246</v>
      </c>
      <c r="OL35" s="351">
        <v>0</v>
      </c>
      <c r="OM35" s="345">
        <v>12176167</v>
      </c>
      <c r="ON35" s="345">
        <v>12801657</v>
      </c>
      <c r="OO35" s="345">
        <v>18740583</v>
      </c>
      <c r="OP35" s="345">
        <v>22614251</v>
      </c>
      <c r="OQ35" s="345">
        <v>12131277</v>
      </c>
      <c r="OR35" s="349">
        <v>78463935</v>
      </c>
      <c r="OS35" s="354">
        <v>80123181</v>
      </c>
    </row>
    <row r="36" spans="2:409" s="70" customFormat="1" ht="21" customHeight="1" x14ac:dyDescent="0.2">
      <c r="B36" s="410" t="s">
        <v>31</v>
      </c>
      <c r="C36" s="326">
        <v>724858</v>
      </c>
      <c r="D36" s="327">
        <v>1236533</v>
      </c>
      <c r="E36" s="328">
        <v>1961391</v>
      </c>
      <c r="F36" s="329">
        <v>0</v>
      </c>
      <c r="G36" s="327">
        <v>7253300</v>
      </c>
      <c r="H36" s="327">
        <v>8847743</v>
      </c>
      <c r="I36" s="327">
        <v>7995243</v>
      </c>
      <c r="J36" s="327">
        <v>5873635</v>
      </c>
      <c r="K36" s="327">
        <v>3324415</v>
      </c>
      <c r="L36" s="367">
        <v>33294336</v>
      </c>
      <c r="M36" s="330">
        <v>35255727</v>
      </c>
      <c r="N36" s="326">
        <v>75193</v>
      </c>
      <c r="O36" s="327">
        <v>114489</v>
      </c>
      <c r="P36" s="328">
        <v>189682</v>
      </c>
      <c r="Q36" s="326">
        <v>0</v>
      </c>
      <c r="R36" s="327">
        <v>1200110</v>
      </c>
      <c r="S36" s="327">
        <v>1651771</v>
      </c>
      <c r="T36" s="327">
        <v>1857748</v>
      </c>
      <c r="U36" s="327">
        <v>2150803</v>
      </c>
      <c r="V36" s="327">
        <v>1508628</v>
      </c>
      <c r="W36" s="328">
        <v>8369060</v>
      </c>
      <c r="X36" s="330">
        <v>8558742</v>
      </c>
      <c r="Y36" s="326">
        <v>0</v>
      </c>
      <c r="Z36" s="327">
        <v>0</v>
      </c>
      <c r="AA36" s="328">
        <v>0</v>
      </c>
      <c r="AB36" s="326">
        <v>0</v>
      </c>
      <c r="AC36" s="327">
        <v>334118</v>
      </c>
      <c r="AD36" s="327">
        <v>572143</v>
      </c>
      <c r="AE36" s="327">
        <v>855939</v>
      </c>
      <c r="AF36" s="327">
        <v>895414</v>
      </c>
      <c r="AG36" s="327">
        <v>678677</v>
      </c>
      <c r="AH36" s="328">
        <v>3336291</v>
      </c>
      <c r="AI36" s="330">
        <v>3336291</v>
      </c>
      <c r="AJ36" s="326">
        <v>0</v>
      </c>
      <c r="AK36" s="327">
        <v>0</v>
      </c>
      <c r="AL36" s="328">
        <v>0</v>
      </c>
      <c r="AM36" s="326">
        <v>0</v>
      </c>
      <c r="AN36" s="327">
        <v>172136</v>
      </c>
      <c r="AO36" s="327">
        <v>99033</v>
      </c>
      <c r="AP36" s="327">
        <v>185304</v>
      </c>
      <c r="AQ36" s="327">
        <v>467337</v>
      </c>
      <c r="AR36" s="327">
        <v>321161</v>
      </c>
      <c r="AS36" s="328">
        <v>1244971</v>
      </c>
      <c r="AT36" s="330">
        <v>1244971</v>
      </c>
      <c r="AU36" s="326">
        <v>47178</v>
      </c>
      <c r="AV36" s="327">
        <v>113087</v>
      </c>
      <c r="AW36" s="328">
        <v>160265</v>
      </c>
      <c r="AX36" s="326">
        <v>0</v>
      </c>
      <c r="AY36" s="327">
        <v>596707</v>
      </c>
      <c r="AZ36" s="327">
        <v>709580</v>
      </c>
      <c r="BA36" s="327">
        <v>616787</v>
      </c>
      <c r="BB36" s="327">
        <v>586592</v>
      </c>
      <c r="BC36" s="327">
        <v>386392</v>
      </c>
      <c r="BD36" s="328">
        <v>2896058</v>
      </c>
      <c r="BE36" s="330">
        <v>3056323</v>
      </c>
      <c r="BF36" s="326">
        <v>-4250</v>
      </c>
      <c r="BG36" s="327">
        <v>1402</v>
      </c>
      <c r="BH36" s="331">
        <v>-2848</v>
      </c>
      <c r="BI36" s="332">
        <v>0</v>
      </c>
      <c r="BJ36" s="327">
        <v>-12309</v>
      </c>
      <c r="BK36" s="327">
        <v>-7910</v>
      </c>
      <c r="BL36" s="327">
        <v>54718</v>
      </c>
      <c r="BM36" s="327">
        <v>-24077</v>
      </c>
      <c r="BN36" s="327">
        <v>0</v>
      </c>
      <c r="BO36" s="328">
        <v>10422</v>
      </c>
      <c r="BP36" s="330">
        <v>7574</v>
      </c>
      <c r="BQ36" s="326">
        <v>32265</v>
      </c>
      <c r="BR36" s="327">
        <v>0</v>
      </c>
      <c r="BS36" s="328">
        <v>32265</v>
      </c>
      <c r="BT36" s="326">
        <v>0</v>
      </c>
      <c r="BU36" s="327">
        <v>109458</v>
      </c>
      <c r="BV36" s="327">
        <v>278925</v>
      </c>
      <c r="BW36" s="327">
        <v>145000</v>
      </c>
      <c r="BX36" s="327">
        <v>225537</v>
      </c>
      <c r="BY36" s="327">
        <v>122398</v>
      </c>
      <c r="BZ36" s="328">
        <v>881318</v>
      </c>
      <c r="CA36" s="330">
        <v>913583</v>
      </c>
      <c r="CB36" s="326">
        <v>23418</v>
      </c>
      <c r="CC36" s="327">
        <v>85342</v>
      </c>
      <c r="CD36" s="328">
        <v>108760</v>
      </c>
      <c r="CE36" s="326">
        <v>0</v>
      </c>
      <c r="CF36" s="327">
        <v>2977803</v>
      </c>
      <c r="CG36" s="327">
        <v>3197629</v>
      </c>
      <c r="CH36" s="327">
        <v>1795135</v>
      </c>
      <c r="CI36" s="327">
        <v>935317</v>
      </c>
      <c r="CJ36" s="327">
        <v>762155</v>
      </c>
      <c r="CK36" s="328">
        <v>9668039</v>
      </c>
      <c r="CL36" s="330">
        <v>9776799</v>
      </c>
      <c r="CM36" s="326">
        <v>0</v>
      </c>
      <c r="CN36" s="327">
        <v>0</v>
      </c>
      <c r="CO36" s="328">
        <v>0</v>
      </c>
      <c r="CP36" s="332">
        <v>0</v>
      </c>
      <c r="CQ36" s="327">
        <v>2662537</v>
      </c>
      <c r="CR36" s="327">
        <v>2675420</v>
      </c>
      <c r="CS36" s="327">
        <v>1202909</v>
      </c>
      <c r="CT36" s="327">
        <v>667293</v>
      </c>
      <c r="CU36" s="327">
        <v>615468</v>
      </c>
      <c r="CV36" s="328">
        <v>7823627</v>
      </c>
      <c r="CW36" s="330">
        <v>7823627</v>
      </c>
      <c r="CX36" s="326">
        <v>23418</v>
      </c>
      <c r="CY36" s="327">
        <v>85342</v>
      </c>
      <c r="CZ36" s="328">
        <v>108760</v>
      </c>
      <c r="DA36" s="326">
        <v>0</v>
      </c>
      <c r="DB36" s="327">
        <v>315266</v>
      </c>
      <c r="DC36" s="327">
        <v>522209</v>
      </c>
      <c r="DD36" s="327">
        <v>592226</v>
      </c>
      <c r="DE36" s="327">
        <v>268024</v>
      </c>
      <c r="DF36" s="327">
        <v>146687</v>
      </c>
      <c r="DG36" s="328">
        <v>1844412</v>
      </c>
      <c r="DH36" s="330">
        <v>1953172</v>
      </c>
      <c r="DI36" s="326">
        <v>0</v>
      </c>
      <c r="DJ36" s="327">
        <v>43771</v>
      </c>
      <c r="DK36" s="331">
        <v>43771</v>
      </c>
      <c r="DL36" s="332">
        <v>0</v>
      </c>
      <c r="DM36" s="327">
        <v>356905</v>
      </c>
      <c r="DN36" s="327">
        <v>266400</v>
      </c>
      <c r="DO36" s="327">
        <v>2017692</v>
      </c>
      <c r="DP36" s="327">
        <v>553631</v>
      </c>
      <c r="DQ36" s="327">
        <v>164410</v>
      </c>
      <c r="DR36" s="328">
        <v>3359038</v>
      </c>
      <c r="DS36" s="330">
        <v>3402809</v>
      </c>
      <c r="DT36" s="326">
        <v>0</v>
      </c>
      <c r="DU36" s="327">
        <v>43771</v>
      </c>
      <c r="DV36" s="328">
        <v>43771</v>
      </c>
      <c r="DW36" s="326">
        <v>0</v>
      </c>
      <c r="DX36" s="327">
        <v>186083</v>
      </c>
      <c r="DY36" s="327">
        <v>266400</v>
      </c>
      <c r="DZ36" s="327">
        <v>1862264</v>
      </c>
      <c r="EA36" s="327">
        <v>553631</v>
      </c>
      <c r="EB36" s="327">
        <v>58374</v>
      </c>
      <c r="EC36" s="328">
        <v>2926752</v>
      </c>
      <c r="ED36" s="330">
        <v>2970523</v>
      </c>
      <c r="EE36" s="326">
        <v>0</v>
      </c>
      <c r="EF36" s="331">
        <v>0</v>
      </c>
      <c r="EG36" s="328">
        <v>0</v>
      </c>
      <c r="EH36" s="326">
        <v>0</v>
      </c>
      <c r="EI36" s="327">
        <v>170822</v>
      </c>
      <c r="EJ36" s="327">
        <v>0</v>
      </c>
      <c r="EK36" s="327">
        <v>155428</v>
      </c>
      <c r="EL36" s="327">
        <v>0</v>
      </c>
      <c r="EM36" s="327">
        <v>106036</v>
      </c>
      <c r="EN36" s="331">
        <v>432286</v>
      </c>
      <c r="EO36" s="330">
        <v>432286</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326290</v>
      </c>
      <c r="FM36" s="327">
        <v>661776</v>
      </c>
      <c r="FN36" s="328">
        <v>988066</v>
      </c>
      <c r="FO36" s="326">
        <v>0</v>
      </c>
      <c r="FP36" s="327">
        <v>607619</v>
      </c>
      <c r="FQ36" s="327">
        <v>1227613</v>
      </c>
      <c r="FR36" s="327">
        <v>686613</v>
      </c>
      <c r="FS36" s="327">
        <v>621321</v>
      </c>
      <c r="FT36" s="327">
        <v>409546</v>
      </c>
      <c r="FU36" s="328">
        <v>3552712</v>
      </c>
      <c r="FV36" s="330">
        <v>4540778</v>
      </c>
      <c r="FW36" s="333">
        <v>146290</v>
      </c>
      <c r="FX36" s="327">
        <v>481776</v>
      </c>
      <c r="FY36" s="331">
        <v>628066</v>
      </c>
      <c r="FZ36" s="332">
        <v>0</v>
      </c>
      <c r="GA36" s="327">
        <v>427619</v>
      </c>
      <c r="GB36" s="327">
        <v>847589</v>
      </c>
      <c r="GC36" s="327">
        <v>686613</v>
      </c>
      <c r="GD36" s="327">
        <v>588651</v>
      </c>
      <c r="GE36" s="327">
        <v>409546</v>
      </c>
      <c r="GF36" s="328">
        <v>2960018</v>
      </c>
      <c r="GG36" s="334">
        <v>3588084</v>
      </c>
      <c r="GH36" s="333">
        <v>0</v>
      </c>
      <c r="GI36" s="327">
        <v>0</v>
      </c>
      <c r="GJ36" s="331">
        <v>0</v>
      </c>
      <c r="GK36" s="332">
        <v>0</v>
      </c>
      <c r="GL36" s="327">
        <v>0</v>
      </c>
      <c r="GM36" s="327">
        <v>70884</v>
      </c>
      <c r="GN36" s="327">
        <v>0</v>
      </c>
      <c r="GO36" s="327">
        <v>32670</v>
      </c>
      <c r="GP36" s="327">
        <v>0</v>
      </c>
      <c r="GQ36" s="328">
        <v>103554</v>
      </c>
      <c r="GR36" s="330">
        <v>103554</v>
      </c>
      <c r="GS36" s="326">
        <v>180000</v>
      </c>
      <c r="GT36" s="327">
        <v>180000</v>
      </c>
      <c r="GU36" s="328">
        <v>360000</v>
      </c>
      <c r="GV36" s="326">
        <v>0</v>
      </c>
      <c r="GW36" s="327">
        <v>180000</v>
      </c>
      <c r="GX36" s="327">
        <v>309140</v>
      </c>
      <c r="GY36" s="327">
        <v>0</v>
      </c>
      <c r="GZ36" s="327">
        <v>0</v>
      </c>
      <c r="HA36" s="327">
        <v>0</v>
      </c>
      <c r="HB36" s="331">
        <v>489140</v>
      </c>
      <c r="HC36" s="330">
        <v>849140</v>
      </c>
      <c r="HD36" s="326">
        <v>176519</v>
      </c>
      <c r="HE36" s="327">
        <v>0</v>
      </c>
      <c r="HF36" s="331">
        <v>176519</v>
      </c>
      <c r="HG36" s="332">
        <v>0</v>
      </c>
      <c r="HH36" s="327">
        <v>688974</v>
      </c>
      <c r="HI36" s="327">
        <v>1376512</v>
      </c>
      <c r="HJ36" s="327">
        <v>851835</v>
      </c>
      <c r="HK36" s="327">
        <v>1193091</v>
      </c>
      <c r="HL36" s="327">
        <v>252252</v>
      </c>
      <c r="HM36" s="328">
        <v>4362664</v>
      </c>
      <c r="HN36" s="329">
        <v>4539183</v>
      </c>
      <c r="HO36" s="333">
        <v>123438</v>
      </c>
      <c r="HP36" s="327">
        <v>331155</v>
      </c>
      <c r="HQ36" s="328">
        <v>454593</v>
      </c>
      <c r="HR36" s="326">
        <v>0</v>
      </c>
      <c r="HS36" s="327">
        <v>1421889</v>
      </c>
      <c r="HT36" s="327">
        <v>1127818</v>
      </c>
      <c r="HU36" s="327">
        <v>786220</v>
      </c>
      <c r="HV36" s="327">
        <v>419472</v>
      </c>
      <c r="HW36" s="327">
        <v>227424</v>
      </c>
      <c r="HX36" s="331">
        <v>3982823</v>
      </c>
      <c r="HY36" s="330">
        <v>4437416</v>
      </c>
      <c r="HZ36" s="358">
        <v>0</v>
      </c>
      <c r="IA36" s="356">
        <v>75164</v>
      </c>
      <c r="IB36" s="358">
        <v>75164</v>
      </c>
      <c r="IC36" s="355">
        <v>0</v>
      </c>
      <c r="ID36" s="356">
        <v>4102581</v>
      </c>
      <c r="IE36" s="357">
        <v>4670073</v>
      </c>
      <c r="IF36" s="358">
        <v>5453197</v>
      </c>
      <c r="IG36" s="356">
        <v>3275043</v>
      </c>
      <c r="IH36" s="358">
        <v>1404338</v>
      </c>
      <c r="II36" s="359">
        <v>18905232</v>
      </c>
      <c r="IJ36" s="358">
        <v>18980396</v>
      </c>
      <c r="IK36" s="342">
        <v>0</v>
      </c>
      <c r="IL36" s="343">
        <v>0</v>
      </c>
      <c r="IM36" s="344">
        <v>0</v>
      </c>
      <c r="IN36" s="404">
        <v>0</v>
      </c>
      <c r="IO36" s="345">
        <v>0</v>
      </c>
      <c r="IP36" s="345">
        <v>92214</v>
      </c>
      <c r="IQ36" s="345">
        <v>0</v>
      </c>
      <c r="IR36" s="345">
        <v>0</v>
      </c>
      <c r="IS36" s="345">
        <v>0</v>
      </c>
      <c r="IT36" s="346">
        <v>92214</v>
      </c>
      <c r="IU36" s="347">
        <v>92214</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816820</v>
      </c>
      <c r="JL36" s="345">
        <v>630163</v>
      </c>
      <c r="JM36" s="345">
        <v>527306</v>
      </c>
      <c r="JN36" s="345">
        <v>48267</v>
      </c>
      <c r="JO36" s="345">
        <v>0</v>
      </c>
      <c r="JP36" s="349">
        <v>2022556</v>
      </c>
      <c r="JQ36" s="347">
        <v>2022556</v>
      </c>
      <c r="JR36" s="348">
        <v>0</v>
      </c>
      <c r="JS36" s="345">
        <v>0</v>
      </c>
      <c r="JT36" s="346">
        <v>0</v>
      </c>
      <c r="JU36" s="351">
        <v>0</v>
      </c>
      <c r="JV36" s="345">
        <v>0</v>
      </c>
      <c r="JW36" s="345">
        <v>123408</v>
      </c>
      <c r="JX36" s="345">
        <v>71310</v>
      </c>
      <c r="JY36" s="345">
        <v>188422</v>
      </c>
      <c r="JZ36" s="345">
        <v>0</v>
      </c>
      <c r="KA36" s="349">
        <v>383140</v>
      </c>
      <c r="KB36" s="347">
        <v>383140</v>
      </c>
      <c r="KC36" s="352">
        <v>0</v>
      </c>
      <c r="KD36" s="353">
        <v>75164</v>
      </c>
      <c r="KE36" s="349">
        <v>75164</v>
      </c>
      <c r="KF36" s="351">
        <v>0</v>
      </c>
      <c r="KG36" s="345">
        <v>1188338</v>
      </c>
      <c r="KH36" s="345">
        <v>1037491</v>
      </c>
      <c r="KI36" s="345">
        <v>2082060</v>
      </c>
      <c r="KJ36" s="345">
        <v>299275</v>
      </c>
      <c r="KK36" s="345">
        <v>0</v>
      </c>
      <c r="KL36" s="349">
        <v>4607164</v>
      </c>
      <c r="KM36" s="354">
        <v>4682328</v>
      </c>
      <c r="KN36" s="342">
        <v>0</v>
      </c>
      <c r="KO36" s="343">
        <v>0</v>
      </c>
      <c r="KP36" s="344">
        <v>0</v>
      </c>
      <c r="KQ36" s="413">
        <v>0</v>
      </c>
      <c r="KR36" s="345">
        <v>2097423</v>
      </c>
      <c r="KS36" s="345">
        <v>2786797</v>
      </c>
      <c r="KT36" s="345">
        <v>2772521</v>
      </c>
      <c r="KU36" s="345">
        <v>2511423</v>
      </c>
      <c r="KV36" s="345">
        <v>1404338</v>
      </c>
      <c r="KW36" s="349">
        <v>11572502</v>
      </c>
      <c r="KX36" s="347">
        <v>11572502</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227656</v>
      </c>
      <c r="LR36" s="345">
        <v>0</v>
      </c>
      <c r="LS36" s="349">
        <v>227656</v>
      </c>
      <c r="LT36" s="347">
        <v>227656</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684858</v>
      </c>
      <c r="MK36" s="345">
        <v>2968644</v>
      </c>
      <c r="ML36" s="345">
        <v>10683926</v>
      </c>
      <c r="MM36" s="345">
        <v>10823520</v>
      </c>
      <c r="MN36" s="345">
        <v>9091012</v>
      </c>
      <c r="MO36" s="349">
        <v>35251960</v>
      </c>
      <c r="MP36" s="354">
        <v>35251960</v>
      </c>
      <c r="MQ36" s="348">
        <v>0</v>
      </c>
      <c r="MR36" s="345">
        <v>0</v>
      </c>
      <c r="MS36" s="349">
        <v>0</v>
      </c>
      <c r="MT36" s="413">
        <v>0</v>
      </c>
      <c r="MU36" s="345">
        <v>422738</v>
      </c>
      <c r="MV36" s="345">
        <v>640789</v>
      </c>
      <c r="MW36" s="345">
        <v>7386479</v>
      </c>
      <c r="MX36" s="345">
        <v>6709792</v>
      </c>
      <c r="MY36" s="345">
        <v>7230957</v>
      </c>
      <c r="MZ36" s="349">
        <v>22390755</v>
      </c>
      <c r="NA36" s="354">
        <v>22390755</v>
      </c>
      <c r="NB36" s="348">
        <v>0</v>
      </c>
      <c r="NC36" s="345">
        <v>0</v>
      </c>
      <c r="ND36" s="349">
        <v>0</v>
      </c>
      <c r="NE36" s="413">
        <v>0</v>
      </c>
      <c r="NF36" s="345">
        <v>1001613</v>
      </c>
      <c r="NG36" s="345">
        <v>2327855</v>
      </c>
      <c r="NH36" s="345">
        <v>3297447</v>
      </c>
      <c r="NI36" s="345">
        <v>3342569</v>
      </c>
      <c r="NJ36" s="345">
        <v>1094417</v>
      </c>
      <c r="NK36" s="349">
        <v>11063901</v>
      </c>
      <c r="NL36" s="347">
        <v>11063901</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60507</v>
      </c>
      <c r="OC36" s="345">
        <v>0</v>
      </c>
      <c r="OD36" s="345">
        <v>0</v>
      </c>
      <c r="OE36" s="345">
        <v>771159</v>
      </c>
      <c r="OF36" s="345">
        <v>765638</v>
      </c>
      <c r="OG36" s="349">
        <v>1797304</v>
      </c>
      <c r="OH36" s="350">
        <v>1797304</v>
      </c>
      <c r="OI36" s="348">
        <v>724858</v>
      </c>
      <c r="OJ36" s="345">
        <v>1311697</v>
      </c>
      <c r="OK36" s="346">
        <v>2036555</v>
      </c>
      <c r="OL36" s="351">
        <v>0</v>
      </c>
      <c r="OM36" s="345">
        <v>13040739</v>
      </c>
      <c r="ON36" s="345">
        <v>16486460</v>
      </c>
      <c r="OO36" s="345">
        <v>24132366</v>
      </c>
      <c r="OP36" s="345">
        <v>19972198</v>
      </c>
      <c r="OQ36" s="345">
        <v>13819765</v>
      </c>
      <c r="OR36" s="349">
        <v>87451528</v>
      </c>
      <c r="OS36" s="354">
        <v>89488083</v>
      </c>
    </row>
    <row r="37" spans="2:409" s="70" customFormat="1" ht="21" customHeight="1" x14ac:dyDescent="0.2">
      <c r="B37" s="410" t="s">
        <v>32</v>
      </c>
      <c r="C37" s="326">
        <v>724282</v>
      </c>
      <c r="D37" s="327">
        <v>1691965</v>
      </c>
      <c r="E37" s="368">
        <v>2416247</v>
      </c>
      <c r="F37" s="370">
        <v>0</v>
      </c>
      <c r="G37" s="369">
        <v>8347660</v>
      </c>
      <c r="H37" s="369">
        <v>11855230</v>
      </c>
      <c r="I37" s="369">
        <v>6834773</v>
      </c>
      <c r="J37" s="369">
        <v>9196029</v>
      </c>
      <c r="K37" s="369">
        <v>7018637</v>
      </c>
      <c r="L37" s="370">
        <v>43252329</v>
      </c>
      <c r="M37" s="330">
        <v>45668576</v>
      </c>
      <c r="N37" s="326">
        <v>184926</v>
      </c>
      <c r="O37" s="327">
        <v>266218</v>
      </c>
      <c r="P37" s="328">
        <v>451144</v>
      </c>
      <c r="Q37" s="326">
        <v>0</v>
      </c>
      <c r="R37" s="327">
        <v>2061974</v>
      </c>
      <c r="S37" s="327">
        <v>2578883</v>
      </c>
      <c r="T37" s="327">
        <v>2066836</v>
      </c>
      <c r="U37" s="327">
        <v>2174598</v>
      </c>
      <c r="V37" s="327">
        <v>2713802</v>
      </c>
      <c r="W37" s="328">
        <v>11596093</v>
      </c>
      <c r="X37" s="330">
        <v>12047237</v>
      </c>
      <c r="Y37" s="326">
        <v>0</v>
      </c>
      <c r="Z37" s="327">
        <v>0</v>
      </c>
      <c r="AA37" s="328">
        <v>0</v>
      </c>
      <c r="AB37" s="326">
        <v>0</v>
      </c>
      <c r="AC37" s="327">
        <v>738011</v>
      </c>
      <c r="AD37" s="327">
        <v>1015941</v>
      </c>
      <c r="AE37" s="327">
        <v>1056019</v>
      </c>
      <c r="AF37" s="327">
        <v>713332</v>
      </c>
      <c r="AG37" s="327">
        <v>1366787</v>
      </c>
      <c r="AH37" s="328">
        <v>4890090</v>
      </c>
      <c r="AI37" s="330">
        <v>4890090</v>
      </c>
      <c r="AJ37" s="326">
        <v>0</v>
      </c>
      <c r="AK37" s="327">
        <v>0</v>
      </c>
      <c r="AL37" s="328">
        <v>0</v>
      </c>
      <c r="AM37" s="326">
        <v>0</v>
      </c>
      <c r="AN37" s="327">
        <v>0</v>
      </c>
      <c r="AO37" s="327">
        <v>67969</v>
      </c>
      <c r="AP37" s="327">
        <v>41745</v>
      </c>
      <c r="AQ37" s="327">
        <v>388481</v>
      </c>
      <c r="AR37" s="327">
        <v>453750</v>
      </c>
      <c r="AS37" s="328">
        <v>951945</v>
      </c>
      <c r="AT37" s="330">
        <v>951945</v>
      </c>
      <c r="AU37" s="326">
        <v>137199</v>
      </c>
      <c r="AV37" s="327">
        <v>222082</v>
      </c>
      <c r="AW37" s="328">
        <v>359281</v>
      </c>
      <c r="AX37" s="326">
        <v>0</v>
      </c>
      <c r="AY37" s="327">
        <v>1068754</v>
      </c>
      <c r="AZ37" s="327">
        <v>1256959</v>
      </c>
      <c r="BA37" s="327">
        <v>535832</v>
      </c>
      <c r="BB37" s="327">
        <v>559926</v>
      </c>
      <c r="BC37" s="327">
        <v>544489</v>
      </c>
      <c r="BD37" s="328">
        <v>3965960</v>
      </c>
      <c r="BE37" s="330">
        <v>4325241</v>
      </c>
      <c r="BF37" s="326">
        <v>0</v>
      </c>
      <c r="BG37" s="327">
        <v>0</v>
      </c>
      <c r="BH37" s="331">
        <v>0</v>
      </c>
      <c r="BI37" s="332">
        <v>0</v>
      </c>
      <c r="BJ37" s="327">
        <v>11903</v>
      </c>
      <c r="BK37" s="327">
        <v>-5824</v>
      </c>
      <c r="BL37" s="327">
        <v>0</v>
      </c>
      <c r="BM37" s="327">
        <v>30347</v>
      </c>
      <c r="BN37" s="327">
        <v>30825</v>
      </c>
      <c r="BO37" s="328">
        <v>67251</v>
      </c>
      <c r="BP37" s="330">
        <v>67251</v>
      </c>
      <c r="BQ37" s="326">
        <v>47727</v>
      </c>
      <c r="BR37" s="327">
        <v>44136</v>
      </c>
      <c r="BS37" s="328">
        <v>91863</v>
      </c>
      <c r="BT37" s="326">
        <v>0</v>
      </c>
      <c r="BU37" s="327">
        <v>243306</v>
      </c>
      <c r="BV37" s="327">
        <v>243838</v>
      </c>
      <c r="BW37" s="327">
        <v>433240</v>
      </c>
      <c r="BX37" s="327">
        <v>482512</v>
      </c>
      <c r="BY37" s="327">
        <v>317951</v>
      </c>
      <c r="BZ37" s="328">
        <v>1720847</v>
      </c>
      <c r="CA37" s="330">
        <v>1812710</v>
      </c>
      <c r="CB37" s="326">
        <v>70962</v>
      </c>
      <c r="CC37" s="327">
        <v>262251</v>
      </c>
      <c r="CD37" s="328">
        <v>333213</v>
      </c>
      <c r="CE37" s="326">
        <v>0</v>
      </c>
      <c r="CF37" s="327">
        <v>2491239</v>
      </c>
      <c r="CG37" s="327">
        <v>4718069</v>
      </c>
      <c r="CH37" s="327">
        <v>1746232</v>
      </c>
      <c r="CI37" s="327">
        <v>2201960</v>
      </c>
      <c r="CJ37" s="327">
        <v>1093134</v>
      </c>
      <c r="CK37" s="328">
        <v>12250634</v>
      </c>
      <c r="CL37" s="330">
        <v>12583847</v>
      </c>
      <c r="CM37" s="326">
        <v>0</v>
      </c>
      <c r="CN37" s="327">
        <v>0</v>
      </c>
      <c r="CO37" s="328">
        <v>0</v>
      </c>
      <c r="CP37" s="332">
        <v>0</v>
      </c>
      <c r="CQ37" s="327">
        <v>2083586</v>
      </c>
      <c r="CR37" s="327">
        <v>4029441</v>
      </c>
      <c r="CS37" s="327">
        <v>1605679</v>
      </c>
      <c r="CT37" s="327">
        <v>1718734</v>
      </c>
      <c r="CU37" s="327">
        <v>785384</v>
      </c>
      <c r="CV37" s="328">
        <v>10222824</v>
      </c>
      <c r="CW37" s="330">
        <v>10222824</v>
      </c>
      <c r="CX37" s="326">
        <v>70962</v>
      </c>
      <c r="CY37" s="327">
        <v>262251</v>
      </c>
      <c r="CZ37" s="328">
        <v>333213</v>
      </c>
      <c r="DA37" s="326">
        <v>0</v>
      </c>
      <c r="DB37" s="327">
        <v>407653</v>
      </c>
      <c r="DC37" s="327">
        <v>688628</v>
      </c>
      <c r="DD37" s="327">
        <v>140553</v>
      </c>
      <c r="DE37" s="327">
        <v>483226</v>
      </c>
      <c r="DF37" s="327">
        <v>307750</v>
      </c>
      <c r="DG37" s="328">
        <v>2027810</v>
      </c>
      <c r="DH37" s="330">
        <v>2361023</v>
      </c>
      <c r="DI37" s="326">
        <v>0</v>
      </c>
      <c r="DJ37" s="327">
        <v>15615</v>
      </c>
      <c r="DK37" s="331">
        <v>15615</v>
      </c>
      <c r="DL37" s="332">
        <v>0</v>
      </c>
      <c r="DM37" s="327">
        <v>104512</v>
      </c>
      <c r="DN37" s="327">
        <v>611599</v>
      </c>
      <c r="DO37" s="327">
        <v>822758</v>
      </c>
      <c r="DP37" s="327">
        <v>587453</v>
      </c>
      <c r="DQ37" s="327">
        <v>703281</v>
      </c>
      <c r="DR37" s="328">
        <v>2829603</v>
      </c>
      <c r="DS37" s="330">
        <v>2845218</v>
      </c>
      <c r="DT37" s="326">
        <v>0</v>
      </c>
      <c r="DU37" s="327">
        <v>15615</v>
      </c>
      <c r="DV37" s="328">
        <v>15615</v>
      </c>
      <c r="DW37" s="326">
        <v>0</v>
      </c>
      <c r="DX37" s="327">
        <v>104512</v>
      </c>
      <c r="DY37" s="327">
        <v>391238</v>
      </c>
      <c r="DZ37" s="327">
        <v>822758</v>
      </c>
      <c r="EA37" s="327">
        <v>587453</v>
      </c>
      <c r="EB37" s="327">
        <v>568382</v>
      </c>
      <c r="EC37" s="328">
        <v>2474343</v>
      </c>
      <c r="ED37" s="330">
        <v>2489958</v>
      </c>
      <c r="EE37" s="326">
        <v>0</v>
      </c>
      <c r="EF37" s="331">
        <v>0</v>
      </c>
      <c r="EG37" s="328">
        <v>0</v>
      </c>
      <c r="EH37" s="326">
        <v>0</v>
      </c>
      <c r="EI37" s="327">
        <v>0</v>
      </c>
      <c r="EJ37" s="327">
        <v>220361</v>
      </c>
      <c r="EK37" s="327">
        <v>0</v>
      </c>
      <c r="EL37" s="327">
        <v>0</v>
      </c>
      <c r="EM37" s="327">
        <v>134899</v>
      </c>
      <c r="EN37" s="331">
        <v>355260</v>
      </c>
      <c r="EO37" s="330">
        <v>35526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150100</v>
      </c>
      <c r="FM37" s="327">
        <v>485005</v>
      </c>
      <c r="FN37" s="328">
        <v>635105</v>
      </c>
      <c r="FO37" s="326">
        <v>0</v>
      </c>
      <c r="FP37" s="327">
        <v>677131</v>
      </c>
      <c r="FQ37" s="327">
        <v>1146709</v>
      </c>
      <c r="FR37" s="327">
        <v>595981</v>
      </c>
      <c r="FS37" s="327">
        <v>802026</v>
      </c>
      <c r="FT37" s="327">
        <v>459679</v>
      </c>
      <c r="FU37" s="328">
        <v>3681526</v>
      </c>
      <c r="FV37" s="330">
        <v>4316631</v>
      </c>
      <c r="FW37" s="333">
        <v>150100</v>
      </c>
      <c r="FX37" s="327">
        <v>453820</v>
      </c>
      <c r="FY37" s="331">
        <v>603920</v>
      </c>
      <c r="FZ37" s="332">
        <v>0</v>
      </c>
      <c r="GA37" s="327">
        <v>649231</v>
      </c>
      <c r="GB37" s="327">
        <v>1118643</v>
      </c>
      <c r="GC37" s="327">
        <v>595981</v>
      </c>
      <c r="GD37" s="327">
        <v>775890</v>
      </c>
      <c r="GE37" s="327">
        <v>459679</v>
      </c>
      <c r="GF37" s="328">
        <v>3599424</v>
      </c>
      <c r="GG37" s="334">
        <v>4203344</v>
      </c>
      <c r="GH37" s="333">
        <v>0</v>
      </c>
      <c r="GI37" s="327">
        <v>31185</v>
      </c>
      <c r="GJ37" s="331">
        <v>31185</v>
      </c>
      <c r="GK37" s="332">
        <v>0</v>
      </c>
      <c r="GL37" s="327">
        <v>27900</v>
      </c>
      <c r="GM37" s="327">
        <v>28066</v>
      </c>
      <c r="GN37" s="327">
        <v>0</v>
      </c>
      <c r="GO37" s="327">
        <v>26136</v>
      </c>
      <c r="GP37" s="327">
        <v>0</v>
      </c>
      <c r="GQ37" s="328">
        <v>82102</v>
      </c>
      <c r="GR37" s="330">
        <v>113287</v>
      </c>
      <c r="GS37" s="326">
        <v>0</v>
      </c>
      <c r="GT37" s="327">
        <v>0</v>
      </c>
      <c r="GU37" s="328">
        <v>0</v>
      </c>
      <c r="GV37" s="326">
        <v>0</v>
      </c>
      <c r="GW37" s="327">
        <v>0</v>
      </c>
      <c r="GX37" s="327">
        <v>0</v>
      </c>
      <c r="GY37" s="327">
        <v>0</v>
      </c>
      <c r="GZ37" s="327">
        <v>0</v>
      </c>
      <c r="HA37" s="327">
        <v>0</v>
      </c>
      <c r="HB37" s="331">
        <v>0</v>
      </c>
      <c r="HC37" s="330">
        <v>0</v>
      </c>
      <c r="HD37" s="326">
        <v>182694</v>
      </c>
      <c r="HE37" s="327">
        <v>394676</v>
      </c>
      <c r="HF37" s="331">
        <v>577370</v>
      </c>
      <c r="HG37" s="332">
        <v>0</v>
      </c>
      <c r="HH37" s="327">
        <v>1030635</v>
      </c>
      <c r="HI37" s="327">
        <v>1255517</v>
      </c>
      <c r="HJ37" s="327">
        <v>1011033</v>
      </c>
      <c r="HK37" s="327">
        <v>2876978</v>
      </c>
      <c r="HL37" s="327">
        <v>1700524</v>
      </c>
      <c r="HM37" s="328">
        <v>7874687</v>
      </c>
      <c r="HN37" s="329">
        <v>8452057</v>
      </c>
      <c r="HO37" s="333">
        <v>135600</v>
      </c>
      <c r="HP37" s="327">
        <v>268200</v>
      </c>
      <c r="HQ37" s="328">
        <v>403800</v>
      </c>
      <c r="HR37" s="326">
        <v>0</v>
      </c>
      <c r="HS37" s="327">
        <v>1982169</v>
      </c>
      <c r="HT37" s="327">
        <v>1544453</v>
      </c>
      <c r="HU37" s="327">
        <v>591933</v>
      </c>
      <c r="HV37" s="327">
        <v>553014</v>
      </c>
      <c r="HW37" s="327">
        <v>348217</v>
      </c>
      <c r="HX37" s="331">
        <v>5019786</v>
      </c>
      <c r="HY37" s="330">
        <v>5423586</v>
      </c>
      <c r="HZ37" s="335">
        <v>0</v>
      </c>
      <c r="IA37" s="336">
        <v>272673</v>
      </c>
      <c r="IB37" s="337">
        <v>272673</v>
      </c>
      <c r="IC37" s="338">
        <v>0</v>
      </c>
      <c r="ID37" s="336">
        <v>4926292</v>
      </c>
      <c r="IE37" s="339">
        <v>3667088</v>
      </c>
      <c r="IF37" s="337">
        <v>6699864</v>
      </c>
      <c r="IG37" s="336">
        <v>6273861</v>
      </c>
      <c r="IH37" s="337">
        <v>3001656</v>
      </c>
      <c r="II37" s="340">
        <v>24568761</v>
      </c>
      <c r="IJ37" s="341">
        <v>24841434</v>
      </c>
      <c r="IK37" s="342">
        <v>0</v>
      </c>
      <c r="IL37" s="343">
        <v>0</v>
      </c>
      <c r="IM37" s="344">
        <v>0</v>
      </c>
      <c r="IN37" s="404">
        <v>0</v>
      </c>
      <c r="IO37" s="345">
        <v>0</v>
      </c>
      <c r="IP37" s="345">
        <v>397540</v>
      </c>
      <c r="IQ37" s="345">
        <v>194742</v>
      </c>
      <c r="IR37" s="345">
        <v>788936</v>
      </c>
      <c r="IS37" s="345">
        <v>0</v>
      </c>
      <c r="IT37" s="346">
        <v>1381218</v>
      </c>
      <c r="IU37" s="347">
        <v>1381218</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456702</v>
      </c>
      <c r="JL37" s="345">
        <v>2037349</v>
      </c>
      <c r="JM37" s="345">
        <v>366609</v>
      </c>
      <c r="JN37" s="345">
        <v>375874</v>
      </c>
      <c r="JO37" s="345">
        <v>173402</v>
      </c>
      <c r="JP37" s="349">
        <v>5409936</v>
      </c>
      <c r="JQ37" s="347">
        <v>5409936</v>
      </c>
      <c r="JR37" s="348">
        <v>0</v>
      </c>
      <c r="JS37" s="345">
        <v>0</v>
      </c>
      <c r="JT37" s="346">
        <v>0</v>
      </c>
      <c r="JU37" s="351">
        <v>0</v>
      </c>
      <c r="JV37" s="345">
        <v>526864</v>
      </c>
      <c r="JW37" s="345">
        <v>115021</v>
      </c>
      <c r="JX37" s="345">
        <v>193461</v>
      </c>
      <c r="JY37" s="345">
        <v>0</v>
      </c>
      <c r="JZ37" s="345">
        <v>182008</v>
      </c>
      <c r="KA37" s="349">
        <v>1017354</v>
      </c>
      <c r="KB37" s="347">
        <v>1017354</v>
      </c>
      <c r="KC37" s="352">
        <v>0</v>
      </c>
      <c r="KD37" s="353">
        <v>272673</v>
      </c>
      <c r="KE37" s="349">
        <v>272673</v>
      </c>
      <c r="KF37" s="351">
        <v>0</v>
      </c>
      <c r="KG37" s="345">
        <v>975780</v>
      </c>
      <c r="KH37" s="345">
        <v>311031</v>
      </c>
      <c r="KI37" s="345">
        <v>857985</v>
      </c>
      <c r="KJ37" s="345">
        <v>867096</v>
      </c>
      <c r="KK37" s="345">
        <v>267516</v>
      </c>
      <c r="KL37" s="349">
        <v>3279408</v>
      </c>
      <c r="KM37" s="354">
        <v>3552081</v>
      </c>
      <c r="KN37" s="342">
        <v>0</v>
      </c>
      <c r="KO37" s="343">
        <v>0</v>
      </c>
      <c r="KP37" s="344">
        <v>0</v>
      </c>
      <c r="KQ37" s="413">
        <v>0</v>
      </c>
      <c r="KR37" s="345">
        <v>777397</v>
      </c>
      <c r="KS37" s="345">
        <v>806147</v>
      </c>
      <c r="KT37" s="345">
        <v>2260007</v>
      </c>
      <c r="KU37" s="345">
        <v>2053478</v>
      </c>
      <c r="KV37" s="345">
        <v>1138881</v>
      </c>
      <c r="KW37" s="349">
        <v>7035910</v>
      </c>
      <c r="KX37" s="347">
        <v>7035910</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89549</v>
      </c>
      <c r="LO37" s="345">
        <v>0</v>
      </c>
      <c r="LP37" s="345">
        <v>2827060</v>
      </c>
      <c r="LQ37" s="345">
        <v>2188477</v>
      </c>
      <c r="LR37" s="345">
        <v>1239849</v>
      </c>
      <c r="LS37" s="349">
        <v>6444935</v>
      </c>
      <c r="LT37" s="347">
        <v>6444935</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856808</v>
      </c>
      <c r="MK37" s="345">
        <v>2121627</v>
      </c>
      <c r="ML37" s="345">
        <v>6795272</v>
      </c>
      <c r="MM37" s="345">
        <v>13110544</v>
      </c>
      <c r="MN37" s="345">
        <v>8396465</v>
      </c>
      <c r="MO37" s="349">
        <v>33280716</v>
      </c>
      <c r="MP37" s="354">
        <v>33280716</v>
      </c>
      <c r="MQ37" s="348">
        <v>0</v>
      </c>
      <c r="MR37" s="345">
        <v>0</v>
      </c>
      <c r="MS37" s="349">
        <v>0</v>
      </c>
      <c r="MT37" s="413">
        <v>0</v>
      </c>
      <c r="MU37" s="345">
        <v>423810</v>
      </c>
      <c r="MV37" s="345">
        <v>0</v>
      </c>
      <c r="MW37" s="345">
        <v>2942145</v>
      </c>
      <c r="MX37" s="345">
        <v>7385199</v>
      </c>
      <c r="MY37" s="345">
        <v>6014934</v>
      </c>
      <c r="MZ37" s="349">
        <v>16766088</v>
      </c>
      <c r="NA37" s="354">
        <v>16766088</v>
      </c>
      <c r="NB37" s="348">
        <v>0</v>
      </c>
      <c r="NC37" s="345">
        <v>0</v>
      </c>
      <c r="ND37" s="349">
        <v>0</v>
      </c>
      <c r="NE37" s="413">
        <v>0</v>
      </c>
      <c r="NF37" s="345">
        <v>1903035</v>
      </c>
      <c r="NG37" s="345">
        <v>2121627</v>
      </c>
      <c r="NH37" s="345">
        <v>2999468</v>
      </c>
      <c r="NI37" s="345">
        <v>5725345</v>
      </c>
      <c r="NJ37" s="345">
        <v>1990598</v>
      </c>
      <c r="NK37" s="349">
        <v>14740073</v>
      </c>
      <c r="NL37" s="347">
        <v>14740073</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529963</v>
      </c>
      <c r="OC37" s="345">
        <v>0</v>
      </c>
      <c r="OD37" s="345">
        <v>853659</v>
      </c>
      <c r="OE37" s="345">
        <v>0</v>
      </c>
      <c r="OF37" s="345">
        <v>390933</v>
      </c>
      <c r="OG37" s="349">
        <v>1774555</v>
      </c>
      <c r="OH37" s="350">
        <v>1774555</v>
      </c>
      <c r="OI37" s="348">
        <v>724282</v>
      </c>
      <c r="OJ37" s="345">
        <v>1964638</v>
      </c>
      <c r="OK37" s="346">
        <v>2688920</v>
      </c>
      <c r="OL37" s="351">
        <v>0</v>
      </c>
      <c r="OM37" s="345">
        <v>16130760</v>
      </c>
      <c r="ON37" s="345">
        <v>17643945</v>
      </c>
      <c r="OO37" s="345">
        <v>20329909</v>
      </c>
      <c r="OP37" s="345">
        <v>28580434</v>
      </c>
      <c r="OQ37" s="345">
        <v>18416758</v>
      </c>
      <c r="OR37" s="349">
        <v>101101806</v>
      </c>
      <c r="OS37" s="354">
        <v>103790726</v>
      </c>
    </row>
    <row r="38" spans="2:409" s="70" customFormat="1" ht="21" customHeight="1" x14ac:dyDescent="0.2">
      <c r="B38" s="410" t="s">
        <v>33</v>
      </c>
      <c r="C38" s="326">
        <v>893467</v>
      </c>
      <c r="D38" s="327">
        <v>1867776</v>
      </c>
      <c r="E38" s="328">
        <v>2761243</v>
      </c>
      <c r="F38" s="329">
        <v>0</v>
      </c>
      <c r="G38" s="327">
        <v>11385576</v>
      </c>
      <c r="H38" s="327">
        <v>9190294</v>
      </c>
      <c r="I38" s="327">
        <v>10960769</v>
      </c>
      <c r="J38" s="327">
        <v>4418035</v>
      </c>
      <c r="K38" s="327">
        <v>5921889</v>
      </c>
      <c r="L38" s="367">
        <v>41876563</v>
      </c>
      <c r="M38" s="330">
        <v>44637806</v>
      </c>
      <c r="N38" s="326">
        <v>363809</v>
      </c>
      <c r="O38" s="327">
        <v>742518</v>
      </c>
      <c r="P38" s="328">
        <v>1106327</v>
      </c>
      <c r="Q38" s="326">
        <v>0</v>
      </c>
      <c r="R38" s="327">
        <v>4035634</v>
      </c>
      <c r="S38" s="327">
        <v>2597234</v>
      </c>
      <c r="T38" s="327">
        <v>2768827</v>
      </c>
      <c r="U38" s="327">
        <v>746520</v>
      </c>
      <c r="V38" s="327">
        <v>1845173</v>
      </c>
      <c r="W38" s="328">
        <v>11993388</v>
      </c>
      <c r="X38" s="330">
        <v>13099715</v>
      </c>
      <c r="Y38" s="326">
        <v>0</v>
      </c>
      <c r="Z38" s="327">
        <v>0</v>
      </c>
      <c r="AA38" s="328">
        <v>0</v>
      </c>
      <c r="AB38" s="326">
        <v>0</v>
      </c>
      <c r="AC38" s="327">
        <v>1144195</v>
      </c>
      <c r="AD38" s="327">
        <v>934507</v>
      </c>
      <c r="AE38" s="327">
        <v>1444148</v>
      </c>
      <c r="AF38" s="327">
        <v>148702</v>
      </c>
      <c r="AG38" s="327">
        <v>1175304</v>
      </c>
      <c r="AH38" s="328">
        <v>4846856</v>
      </c>
      <c r="AI38" s="330">
        <v>4846856</v>
      </c>
      <c r="AJ38" s="326">
        <v>0</v>
      </c>
      <c r="AK38" s="327">
        <v>0</v>
      </c>
      <c r="AL38" s="328">
        <v>0</v>
      </c>
      <c r="AM38" s="326">
        <v>0</v>
      </c>
      <c r="AN38" s="327">
        <v>64845</v>
      </c>
      <c r="AO38" s="327">
        <v>25938</v>
      </c>
      <c r="AP38" s="327">
        <v>25938</v>
      </c>
      <c r="AQ38" s="327">
        <v>50906</v>
      </c>
      <c r="AR38" s="327">
        <v>220008</v>
      </c>
      <c r="AS38" s="328">
        <v>387635</v>
      </c>
      <c r="AT38" s="330">
        <v>387635</v>
      </c>
      <c r="AU38" s="326">
        <v>0</v>
      </c>
      <c r="AV38" s="327">
        <v>81526</v>
      </c>
      <c r="AW38" s="328">
        <v>81526</v>
      </c>
      <c r="AX38" s="326">
        <v>0</v>
      </c>
      <c r="AY38" s="327">
        <v>613894</v>
      </c>
      <c r="AZ38" s="327">
        <v>491523</v>
      </c>
      <c r="BA38" s="327">
        <v>202393</v>
      </c>
      <c r="BB38" s="327">
        <v>162601</v>
      </c>
      <c r="BC38" s="327">
        <v>115048</v>
      </c>
      <c r="BD38" s="328">
        <v>1585459</v>
      </c>
      <c r="BE38" s="330">
        <v>1666985</v>
      </c>
      <c r="BF38" s="326">
        <v>256916</v>
      </c>
      <c r="BG38" s="327">
        <v>567505</v>
      </c>
      <c r="BH38" s="331">
        <v>824421</v>
      </c>
      <c r="BI38" s="332">
        <v>0</v>
      </c>
      <c r="BJ38" s="327">
        <v>1576375</v>
      </c>
      <c r="BK38" s="327">
        <v>629817</v>
      </c>
      <c r="BL38" s="327">
        <v>558196</v>
      </c>
      <c r="BM38" s="327">
        <v>209258</v>
      </c>
      <c r="BN38" s="327">
        <v>90858</v>
      </c>
      <c r="BO38" s="328">
        <v>3064504</v>
      </c>
      <c r="BP38" s="330">
        <v>3888925</v>
      </c>
      <c r="BQ38" s="326">
        <v>106893</v>
      </c>
      <c r="BR38" s="327">
        <v>93487</v>
      </c>
      <c r="BS38" s="328">
        <v>200380</v>
      </c>
      <c r="BT38" s="326">
        <v>0</v>
      </c>
      <c r="BU38" s="327">
        <v>636325</v>
      </c>
      <c r="BV38" s="327">
        <v>515449</v>
      </c>
      <c r="BW38" s="327">
        <v>538152</v>
      </c>
      <c r="BX38" s="327">
        <v>175053</v>
      </c>
      <c r="BY38" s="327">
        <v>243955</v>
      </c>
      <c r="BZ38" s="328">
        <v>2108934</v>
      </c>
      <c r="CA38" s="330">
        <v>2309314</v>
      </c>
      <c r="CB38" s="326">
        <v>160362</v>
      </c>
      <c r="CC38" s="327">
        <v>477503</v>
      </c>
      <c r="CD38" s="328">
        <v>637865</v>
      </c>
      <c r="CE38" s="326">
        <v>0</v>
      </c>
      <c r="CF38" s="327">
        <v>1991535</v>
      </c>
      <c r="CG38" s="327">
        <v>1373566</v>
      </c>
      <c r="CH38" s="327">
        <v>895521</v>
      </c>
      <c r="CI38" s="327">
        <v>504094</v>
      </c>
      <c r="CJ38" s="327">
        <v>368309</v>
      </c>
      <c r="CK38" s="328">
        <v>5133025</v>
      </c>
      <c r="CL38" s="330">
        <v>5770890</v>
      </c>
      <c r="CM38" s="326">
        <v>0</v>
      </c>
      <c r="CN38" s="327">
        <v>0</v>
      </c>
      <c r="CO38" s="328">
        <v>0</v>
      </c>
      <c r="CP38" s="332">
        <v>0</v>
      </c>
      <c r="CQ38" s="327">
        <v>381020</v>
      </c>
      <c r="CR38" s="327">
        <v>566795</v>
      </c>
      <c r="CS38" s="327">
        <v>276942</v>
      </c>
      <c r="CT38" s="327">
        <v>298918</v>
      </c>
      <c r="CU38" s="327">
        <v>172308</v>
      </c>
      <c r="CV38" s="328">
        <v>1695983</v>
      </c>
      <c r="CW38" s="330">
        <v>1695983</v>
      </c>
      <c r="CX38" s="326">
        <v>160362</v>
      </c>
      <c r="CY38" s="327">
        <v>477503</v>
      </c>
      <c r="CZ38" s="328">
        <v>637865</v>
      </c>
      <c r="DA38" s="326">
        <v>0</v>
      </c>
      <c r="DB38" s="327">
        <v>1610515</v>
      </c>
      <c r="DC38" s="327">
        <v>806771</v>
      </c>
      <c r="DD38" s="327">
        <v>618579</v>
      </c>
      <c r="DE38" s="327">
        <v>205176</v>
      </c>
      <c r="DF38" s="327">
        <v>196001</v>
      </c>
      <c r="DG38" s="328">
        <v>3437042</v>
      </c>
      <c r="DH38" s="330">
        <v>4074907</v>
      </c>
      <c r="DI38" s="326">
        <v>0</v>
      </c>
      <c r="DJ38" s="327">
        <v>0</v>
      </c>
      <c r="DK38" s="331">
        <v>0</v>
      </c>
      <c r="DL38" s="332">
        <v>0</v>
      </c>
      <c r="DM38" s="327">
        <v>455547</v>
      </c>
      <c r="DN38" s="327">
        <v>808610</v>
      </c>
      <c r="DO38" s="327">
        <v>1520788</v>
      </c>
      <c r="DP38" s="327">
        <v>913823</v>
      </c>
      <c r="DQ38" s="327">
        <v>960575</v>
      </c>
      <c r="DR38" s="328">
        <v>4659343</v>
      </c>
      <c r="DS38" s="330">
        <v>4659343</v>
      </c>
      <c r="DT38" s="326">
        <v>0</v>
      </c>
      <c r="DU38" s="327">
        <v>0</v>
      </c>
      <c r="DV38" s="328">
        <v>0</v>
      </c>
      <c r="DW38" s="326">
        <v>0</v>
      </c>
      <c r="DX38" s="327">
        <v>203989</v>
      </c>
      <c r="DY38" s="327">
        <v>733916</v>
      </c>
      <c r="DZ38" s="327">
        <v>1520788</v>
      </c>
      <c r="EA38" s="327">
        <v>759686</v>
      </c>
      <c r="EB38" s="327">
        <v>960575</v>
      </c>
      <c r="EC38" s="328">
        <v>4178954</v>
      </c>
      <c r="ED38" s="330">
        <v>4178954</v>
      </c>
      <c r="EE38" s="326">
        <v>0</v>
      </c>
      <c r="EF38" s="331">
        <v>0</v>
      </c>
      <c r="EG38" s="328">
        <v>0</v>
      </c>
      <c r="EH38" s="326">
        <v>0</v>
      </c>
      <c r="EI38" s="327">
        <v>251558</v>
      </c>
      <c r="EJ38" s="327">
        <v>74694</v>
      </c>
      <c r="EK38" s="327">
        <v>0</v>
      </c>
      <c r="EL38" s="327">
        <v>154137</v>
      </c>
      <c r="EM38" s="327">
        <v>0</v>
      </c>
      <c r="EN38" s="331">
        <v>480389</v>
      </c>
      <c r="EO38" s="330">
        <v>480389</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115476</v>
      </c>
      <c r="FM38" s="327">
        <v>186149</v>
      </c>
      <c r="FN38" s="328">
        <v>301625</v>
      </c>
      <c r="FO38" s="326">
        <v>0</v>
      </c>
      <c r="FP38" s="327">
        <v>617608</v>
      </c>
      <c r="FQ38" s="327">
        <v>678883</v>
      </c>
      <c r="FR38" s="327">
        <v>555821</v>
      </c>
      <c r="FS38" s="327">
        <v>285492</v>
      </c>
      <c r="FT38" s="327">
        <v>344196</v>
      </c>
      <c r="FU38" s="328">
        <v>2482000</v>
      </c>
      <c r="FV38" s="330">
        <v>2783625</v>
      </c>
      <c r="FW38" s="333">
        <v>98448</v>
      </c>
      <c r="FX38" s="327">
        <v>186149</v>
      </c>
      <c r="FY38" s="331">
        <v>284597</v>
      </c>
      <c r="FZ38" s="332">
        <v>0</v>
      </c>
      <c r="GA38" s="327">
        <v>511408</v>
      </c>
      <c r="GB38" s="327">
        <v>637165</v>
      </c>
      <c r="GC38" s="327">
        <v>415821</v>
      </c>
      <c r="GD38" s="327">
        <v>285492</v>
      </c>
      <c r="GE38" s="327">
        <v>344196</v>
      </c>
      <c r="GF38" s="328">
        <v>2194082</v>
      </c>
      <c r="GG38" s="334">
        <v>2478679</v>
      </c>
      <c r="GH38" s="333">
        <v>17028</v>
      </c>
      <c r="GI38" s="327">
        <v>0</v>
      </c>
      <c r="GJ38" s="331">
        <v>17028</v>
      </c>
      <c r="GK38" s="332">
        <v>0</v>
      </c>
      <c r="GL38" s="327">
        <v>0</v>
      </c>
      <c r="GM38" s="327">
        <v>41718</v>
      </c>
      <c r="GN38" s="327">
        <v>0</v>
      </c>
      <c r="GO38" s="327">
        <v>0</v>
      </c>
      <c r="GP38" s="327">
        <v>0</v>
      </c>
      <c r="GQ38" s="328">
        <v>41718</v>
      </c>
      <c r="GR38" s="330">
        <v>58746</v>
      </c>
      <c r="GS38" s="326">
        <v>0</v>
      </c>
      <c r="GT38" s="327">
        <v>0</v>
      </c>
      <c r="GU38" s="328">
        <v>0</v>
      </c>
      <c r="GV38" s="326">
        <v>0</v>
      </c>
      <c r="GW38" s="327">
        <v>106200</v>
      </c>
      <c r="GX38" s="327">
        <v>0</v>
      </c>
      <c r="GY38" s="327">
        <v>140000</v>
      </c>
      <c r="GZ38" s="327">
        <v>0</v>
      </c>
      <c r="HA38" s="327">
        <v>0</v>
      </c>
      <c r="HB38" s="331">
        <v>246200</v>
      </c>
      <c r="HC38" s="330">
        <v>246200</v>
      </c>
      <c r="HD38" s="326">
        <v>126958</v>
      </c>
      <c r="HE38" s="327">
        <v>222305</v>
      </c>
      <c r="HF38" s="331">
        <v>349263</v>
      </c>
      <c r="HG38" s="332">
        <v>0</v>
      </c>
      <c r="HH38" s="327">
        <v>2665731</v>
      </c>
      <c r="HI38" s="327">
        <v>2877243</v>
      </c>
      <c r="HJ38" s="327">
        <v>4574008</v>
      </c>
      <c r="HK38" s="327">
        <v>1635347</v>
      </c>
      <c r="HL38" s="327">
        <v>2129603</v>
      </c>
      <c r="HM38" s="328">
        <v>13881932</v>
      </c>
      <c r="HN38" s="329">
        <v>14231195</v>
      </c>
      <c r="HO38" s="333">
        <v>126862</v>
      </c>
      <c r="HP38" s="327">
        <v>239301</v>
      </c>
      <c r="HQ38" s="328">
        <v>366163</v>
      </c>
      <c r="HR38" s="326">
        <v>0</v>
      </c>
      <c r="HS38" s="327">
        <v>1619521</v>
      </c>
      <c r="HT38" s="327">
        <v>854758</v>
      </c>
      <c r="HU38" s="327">
        <v>645804</v>
      </c>
      <c r="HV38" s="327">
        <v>332759</v>
      </c>
      <c r="HW38" s="327">
        <v>274033</v>
      </c>
      <c r="HX38" s="331">
        <v>3726875</v>
      </c>
      <c r="HY38" s="330">
        <v>4093038</v>
      </c>
      <c r="HZ38" s="358">
        <v>0</v>
      </c>
      <c r="IA38" s="356">
        <v>242741</v>
      </c>
      <c r="IB38" s="358">
        <v>242741</v>
      </c>
      <c r="IC38" s="338">
        <v>0</v>
      </c>
      <c r="ID38" s="336">
        <v>1864903</v>
      </c>
      <c r="IE38" s="339">
        <v>2010800</v>
      </c>
      <c r="IF38" s="337">
        <v>2757414</v>
      </c>
      <c r="IG38" s="336">
        <v>1111267</v>
      </c>
      <c r="IH38" s="337">
        <v>439096</v>
      </c>
      <c r="II38" s="340">
        <v>8183480</v>
      </c>
      <c r="IJ38" s="358">
        <v>8426221</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183011</v>
      </c>
      <c r="JL38" s="345">
        <v>1207751</v>
      </c>
      <c r="JM38" s="345">
        <v>654138</v>
      </c>
      <c r="JN38" s="345">
        <v>550093</v>
      </c>
      <c r="JO38" s="345">
        <v>153024</v>
      </c>
      <c r="JP38" s="349">
        <v>3748017</v>
      </c>
      <c r="JQ38" s="347">
        <v>3748017</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42741</v>
      </c>
      <c r="KP38" s="344">
        <v>242741</v>
      </c>
      <c r="KQ38" s="413">
        <v>0</v>
      </c>
      <c r="KR38" s="345">
        <v>681892</v>
      </c>
      <c r="KS38" s="345">
        <v>803049</v>
      </c>
      <c r="KT38" s="345">
        <v>2103276</v>
      </c>
      <c r="KU38" s="345">
        <v>561174</v>
      </c>
      <c r="KV38" s="345">
        <v>286072</v>
      </c>
      <c r="KW38" s="349">
        <v>4435463</v>
      </c>
      <c r="KX38" s="347">
        <v>4678204</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2539304</v>
      </c>
      <c r="MK38" s="345">
        <v>6401251</v>
      </c>
      <c r="ML38" s="345">
        <v>14658622</v>
      </c>
      <c r="MM38" s="345">
        <v>16602456</v>
      </c>
      <c r="MN38" s="345">
        <v>11844012</v>
      </c>
      <c r="MO38" s="349">
        <v>52045645</v>
      </c>
      <c r="MP38" s="354">
        <v>52045645</v>
      </c>
      <c r="MQ38" s="348">
        <v>0</v>
      </c>
      <c r="MR38" s="345">
        <v>0</v>
      </c>
      <c r="MS38" s="349">
        <v>0</v>
      </c>
      <c r="MT38" s="413">
        <v>0</v>
      </c>
      <c r="MU38" s="345">
        <v>0</v>
      </c>
      <c r="MV38" s="345">
        <v>1121072</v>
      </c>
      <c r="MW38" s="345">
        <v>6780579</v>
      </c>
      <c r="MX38" s="345">
        <v>7261365</v>
      </c>
      <c r="MY38" s="345">
        <v>5286330</v>
      </c>
      <c r="MZ38" s="349">
        <v>20449346</v>
      </c>
      <c r="NA38" s="354">
        <v>20449346</v>
      </c>
      <c r="NB38" s="348">
        <v>0</v>
      </c>
      <c r="NC38" s="345">
        <v>0</v>
      </c>
      <c r="ND38" s="349">
        <v>0</v>
      </c>
      <c r="NE38" s="413">
        <v>0</v>
      </c>
      <c r="NF38" s="345">
        <v>1723547</v>
      </c>
      <c r="NG38" s="345">
        <v>2888010</v>
      </c>
      <c r="NH38" s="345">
        <v>4401269</v>
      </c>
      <c r="NI38" s="345">
        <v>5541362</v>
      </c>
      <c r="NJ38" s="345">
        <v>2615356</v>
      </c>
      <c r="NK38" s="349">
        <v>17169544</v>
      </c>
      <c r="NL38" s="347">
        <v>17169544</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815757</v>
      </c>
      <c r="OC38" s="345">
        <v>2392169</v>
      </c>
      <c r="OD38" s="345">
        <v>3476774</v>
      </c>
      <c r="OE38" s="345">
        <v>3799729</v>
      </c>
      <c r="OF38" s="345">
        <v>3942326</v>
      </c>
      <c r="OG38" s="349">
        <v>14426755</v>
      </c>
      <c r="OH38" s="350">
        <v>14426755</v>
      </c>
      <c r="OI38" s="348">
        <v>893467</v>
      </c>
      <c r="OJ38" s="345">
        <v>2110517</v>
      </c>
      <c r="OK38" s="346">
        <v>3003984</v>
      </c>
      <c r="OL38" s="351">
        <v>0</v>
      </c>
      <c r="OM38" s="345">
        <v>15789783</v>
      </c>
      <c r="ON38" s="345">
        <v>17602345</v>
      </c>
      <c r="OO38" s="345">
        <v>28376805</v>
      </c>
      <c r="OP38" s="345">
        <v>22131758</v>
      </c>
      <c r="OQ38" s="345">
        <v>18204997</v>
      </c>
      <c r="OR38" s="349">
        <v>102105688</v>
      </c>
      <c r="OS38" s="354">
        <v>105109672</v>
      </c>
    </row>
    <row r="39" spans="2:409" s="70" customFormat="1" ht="21" customHeight="1" x14ac:dyDescent="0.2">
      <c r="B39" s="410" t="s">
        <v>34</v>
      </c>
      <c r="C39" s="326">
        <v>543193</v>
      </c>
      <c r="D39" s="327">
        <v>961068</v>
      </c>
      <c r="E39" s="368">
        <v>1504261</v>
      </c>
      <c r="F39" s="370">
        <v>0</v>
      </c>
      <c r="G39" s="369">
        <v>8864113</v>
      </c>
      <c r="H39" s="369">
        <v>5747708</v>
      </c>
      <c r="I39" s="369">
        <v>4645320</v>
      </c>
      <c r="J39" s="369">
        <v>4930235</v>
      </c>
      <c r="K39" s="369">
        <v>4239704</v>
      </c>
      <c r="L39" s="370">
        <v>28427080</v>
      </c>
      <c r="M39" s="330">
        <v>29931341</v>
      </c>
      <c r="N39" s="326">
        <v>148239</v>
      </c>
      <c r="O39" s="327">
        <v>259306</v>
      </c>
      <c r="P39" s="328">
        <v>407545</v>
      </c>
      <c r="Q39" s="326">
        <v>0</v>
      </c>
      <c r="R39" s="327">
        <v>2407491</v>
      </c>
      <c r="S39" s="327">
        <v>1516162</v>
      </c>
      <c r="T39" s="327">
        <v>548466</v>
      </c>
      <c r="U39" s="327">
        <v>1466885</v>
      </c>
      <c r="V39" s="327">
        <v>2143920</v>
      </c>
      <c r="W39" s="328">
        <v>8082924</v>
      </c>
      <c r="X39" s="330">
        <v>8490469</v>
      </c>
      <c r="Y39" s="326">
        <v>0</v>
      </c>
      <c r="Z39" s="327">
        <v>0</v>
      </c>
      <c r="AA39" s="328">
        <v>0</v>
      </c>
      <c r="AB39" s="326">
        <v>0</v>
      </c>
      <c r="AC39" s="327">
        <v>608877</v>
      </c>
      <c r="AD39" s="327">
        <v>432619</v>
      </c>
      <c r="AE39" s="327">
        <v>189591</v>
      </c>
      <c r="AF39" s="327">
        <v>804152</v>
      </c>
      <c r="AG39" s="327">
        <v>868849</v>
      </c>
      <c r="AH39" s="328">
        <v>2904088</v>
      </c>
      <c r="AI39" s="330">
        <v>2904088</v>
      </c>
      <c r="AJ39" s="326">
        <v>0</v>
      </c>
      <c r="AK39" s="327">
        <v>0</v>
      </c>
      <c r="AL39" s="328">
        <v>0</v>
      </c>
      <c r="AM39" s="326">
        <v>0</v>
      </c>
      <c r="AN39" s="327">
        <v>0</v>
      </c>
      <c r="AO39" s="327">
        <v>50906</v>
      </c>
      <c r="AP39" s="327">
        <v>0</v>
      </c>
      <c r="AQ39" s="327">
        <v>37647</v>
      </c>
      <c r="AR39" s="327">
        <v>500819</v>
      </c>
      <c r="AS39" s="328">
        <v>589372</v>
      </c>
      <c r="AT39" s="330">
        <v>589372</v>
      </c>
      <c r="AU39" s="326">
        <v>35019</v>
      </c>
      <c r="AV39" s="327">
        <v>167038</v>
      </c>
      <c r="AW39" s="328">
        <v>202057</v>
      </c>
      <c r="AX39" s="326">
        <v>0</v>
      </c>
      <c r="AY39" s="327">
        <v>1014623</v>
      </c>
      <c r="AZ39" s="327">
        <v>480082</v>
      </c>
      <c r="BA39" s="327">
        <v>152938</v>
      </c>
      <c r="BB39" s="327">
        <v>353331</v>
      </c>
      <c r="BC39" s="327">
        <v>377689</v>
      </c>
      <c r="BD39" s="328">
        <v>2378663</v>
      </c>
      <c r="BE39" s="330">
        <v>2580720</v>
      </c>
      <c r="BF39" s="326">
        <v>32832</v>
      </c>
      <c r="BG39" s="327">
        <v>0</v>
      </c>
      <c r="BH39" s="331">
        <v>32832</v>
      </c>
      <c r="BI39" s="332">
        <v>0</v>
      </c>
      <c r="BJ39" s="327">
        <v>271710</v>
      </c>
      <c r="BK39" s="327">
        <v>55264</v>
      </c>
      <c r="BL39" s="327">
        <v>106182</v>
      </c>
      <c r="BM39" s="327">
        <v>33912</v>
      </c>
      <c r="BN39" s="327">
        <v>95008</v>
      </c>
      <c r="BO39" s="328">
        <v>562076</v>
      </c>
      <c r="BP39" s="330">
        <v>594908</v>
      </c>
      <c r="BQ39" s="326">
        <v>80388</v>
      </c>
      <c r="BR39" s="327">
        <v>92268</v>
      </c>
      <c r="BS39" s="328">
        <v>172656</v>
      </c>
      <c r="BT39" s="326">
        <v>0</v>
      </c>
      <c r="BU39" s="327">
        <v>512281</v>
      </c>
      <c r="BV39" s="327">
        <v>497291</v>
      </c>
      <c r="BW39" s="327">
        <v>99755</v>
      </c>
      <c r="BX39" s="327">
        <v>237843</v>
      </c>
      <c r="BY39" s="327">
        <v>301555</v>
      </c>
      <c r="BZ39" s="328">
        <v>1648725</v>
      </c>
      <c r="CA39" s="330">
        <v>1821381</v>
      </c>
      <c r="CB39" s="326">
        <v>0</v>
      </c>
      <c r="CC39" s="327">
        <v>125622</v>
      </c>
      <c r="CD39" s="328">
        <v>125622</v>
      </c>
      <c r="CE39" s="326">
        <v>0</v>
      </c>
      <c r="CF39" s="327">
        <v>2408792</v>
      </c>
      <c r="CG39" s="327">
        <v>1296711</v>
      </c>
      <c r="CH39" s="327">
        <v>2094807</v>
      </c>
      <c r="CI39" s="327">
        <v>734946</v>
      </c>
      <c r="CJ39" s="327">
        <v>277074</v>
      </c>
      <c r="CK39" s="328">
        <v>6812330</v>
      </c>
      <c r="CL39" s="330">
        <v>6937952</v>
      </c>
      <c r="CM39" s="326">
        <v>0</v>
      </c>
      <c r="CN39" s="327">
        <v>0</v>
      </c>
      <c r="CO39" s="328">
        <v>0</v>
      </c>
      <c r="CP39" s="332">
        <v>0</v>
      </c>
      <c r="CQ39" s="327">
        <v>1905305</v>
      </c>
      <c r="CR39" s="327">
        <v>1188954</v>
      </c>
      <c r="CS39" s="327">
        <v>1903880</v>
      </c>
      <c r="CT39" s="327">
        <v>656691</v>
      </c>
      <c r="CU39" s="327">
        <v>277074</v>
      </c>
      <c r="CV39" s="328">
        <v>5931904</v>
      </c>
      <c r="CW39" s="330">
        <v>5931904</v>
      </c>
      <c r="CX39" s="326">
        <v>0</v>
      </c>
      <c r="CY39" s="327">
        <v>125622</v>
      </c>
      <c r="CZ39" s="328">
        <v>125622</v>
      </c>
      <c r="DA39" s="326">
        <v>0</v>
      </c>
      <c r="DB39" s="327">
        <v>503487</v>
      </c>
      <c r="DC39" s="327">
        <v>107757</v>
      </c>
      <c r="DD39" s="327">
        <v>190927</v>
      </c>
      <c r="DE39" s="327">
        <v>78255</v>
      </c>
      <c r="DF39" s="327">
        <v>0</v>
      </c>
      <c r="DG39" s="328">
        <v>880426</v>
      </c>
      <c r="DH39" s="330">
        <v>1006048</v>
      </c>
      <c r="DI39" s="326">
        <v>0</v>
      </c>
      <c r="DJ39" s="327">
        <v>0</v>
      </c>
      <c r="DK39" s="331">
        <v>0</v>
      </c>
      <c r="DL39" s="332">
        <v>0</v>
      </c>
      <c r="DM39" s="327">
        <v>267732</v>
      </c>
      <c r="DN39" s="327">
        <v>304002</v>
      </c>
      <c r="DO39" s="327">
        <v>332301</v>
      </c>
      <c r="DP39" s="327">
        <v>657675</v>
      </c>
      <c r="DQ39" s="327">
        <v>101232</v>
      </c>
      <c r="DR39" s="328">
        <v>1662942</v>
      </c>
      <c r="DS39" s="330">
        <v>1662942</v>
      </c>
      <c r="DT39" s="326">
        <v>0</v>
      </c>
      <c r="DU39" s="327">
        <v>0</v>
      </c>
      <c r="DV39" s="328">
        <v>0</v>
      </c>
      <c r="DW39" s="326">
        <v>0</v>
      </c>
      <c r="DX39" s="327">
        <v>175086</v>
      </c>
      <c r="DY39" s="327">
        <v>142956</v>
      </c>
      <c r="DZ39" s="327">
        <v>332301</v>
      </c>
      <c r="EA39" s="327">
        <v>657675</v>
      </c>
      <c r="EB39" s="327">
        <v>101232</v>
      </c>
      <c r="EC39" s="328">
        <v>1409250</v>
      </c>
      <c r="ED39" s="330">
        <v>1409250</v>
      </c>
      <c r="EE39" s="326">
        <v>0</v>
      </c>
      <c r="EF39" s="331">
        <v>0</v>
      </c>
      <c r="EG39" s="328">
        <v>0</v>
      </c>
      <c r="EH39" s="326">
        <v>0</v>
      </c>
      <c r="EI39" s="327">
        <v>92646</v>
      </c>
      <c r="EJ39" s="327">
        <v>161046</v>
      </c>
      <c r="EK39" s="327">
        <v>0</v>
      </c>
      <c r="EL39" s="327">
        <v>0</v>
      </c>
      <c r="EM39" s="327">
        <v>0</v>
      </c>
      <c r="EN39" s="331">
        <v>253692</v>
      </c>
      <c r="EO39" s="330">
        <v>253692</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81486</v>
      </c>
      <c r="FM39" s="327">
        <v>156830</v>
      </c>
      <c r="FN39" s="328">
        <v>238316</v>
      </c>
      <c r="FO39" s="326">
        <v>0</v>
      </c>
      <c r="FP39" s="327">
        <v>664799</v>
      </c>
      <c r="FQ39" s="327">
        <v>677746</v>
      </c>
      <c r="FR39" s="327">
        <v>667499</v>
      </c>
      <c r="FS39" s="327">
        <v>361974</v>
      </c>
      <c r="FT39" s="327">
        <v>264595</v>
      </c>
      <c r="FU39" s="328">
        <v>2636613</v>
      </c>
      <c r="FV39" s="330">
        <v>2874929</v>
      </c>
      <c r="FW39" s="333">
        <v>81486</v>
      </c>
      <c r="FX39" s="327">
        <v>156830</v>
      </c>
      <c r="FY39" s="331">
        <v>238316</v>
      </c>
      <c r="FZ39" s="332">
        <v>0</v>
      </c>
      <c r="GA39" s="327">
        <v>548474</v>
      </c>
      <c r="GB39" s="327">
        <v>626486</v>
      </c>
      <c r="GC39" s="327">
        <v>419099</v>
      </c>
      <c r="GD39" s="327">
        <v>361974</v>
      </c>
      <c r="GE39" s="327">
        <v>264595</v>
      </c>
      <c r="GF39" s="328">
        <v>2220628</v>
      </c>
      <c r="GG39" s="334">
        <v>2458944</v>
      </c>
      <c r="GH39" s="333">
        <v>0</v>
      </c>
      <c r="GI39" s="327">
        <v>0</v>
      </c>
      <c r="GJ39" s="331">
        <v>0</v>
      </c>
      <c r="GK39" s="332">
        <v>0</v>
      </c>
      <c r="GL39" s="327">
        <v>116325</v>
      </c>
      <c r="GM39" s="327">
        <v>33660</v>
      </c>
      <c r="GN39" s="327">
        <v>90000</v>
      </c>
      <c r="GO39" s="327">
        <v>0</v>
      </c>
      <c r="GP39" s="327">
        <v>0</v>
      </c>
      <c r="GQ39" s="328">
        <v>239985</v>
      </c>
      <c r="GR39" s="330">
        <v>239985</v>
      </c>
      <c r="GS39" s="326">
        <v>0</v>
      </c>
      <c r="GT39" s="327">
        <v>0</v>
      </c>
      <c r="GU39" s="328">
        <v>0</v>
      </c>
      <c r="GV39" s="326">
        <v>0</v>
      </c>
      <c r="GW39" s="327">
        <v>0</v>
      </c>
      <c r="GX39" s="327">
        <v>17600</v>
      </c>
      <c r="GY39" s="327">
        <v>158400</v>
      </c>
      <c r="GZ39" s="327">
        <v>0</v>
      </c>
      <c r="HA39" s="327">
        <v>0</v>
      </c>
      <c r="HB39" s="331">
        <v>176000</v>
      </c>
      <c r="HC39" s="330">
        <v>176000</v>
      </c>
      <c r="HD39" s="326">
        <v>239748</v>
      </c>
      <c r="HE39" s="327">
        <v>299970</v>
      </c>
      <c r="HF39" s="331">
        <v>539718</v>
      </c>
      <c r="HG39" s="332">
        <v>0</v>
      </c>
      <c r="HH39" s="327">
        <v>1888321</v>
      </c>
      <c r="HI39" s="327">
        <v>1304796</v>
      </c>
      <c r="HJ39" s="327">
        <v>571451</v>
      </c>
      <c r="HK39" s="327">
        <v>1419011</v>
      </c>
      <c r="HL39" s="327">
        <v>1242300</v>
      </c>
      <c r="HM39" s="328">
        <v>6425879</v>
      </c>
      <c r="HN39" s="329">
        <v>6965597</v>
      </c>
      <c r="HO39" s="333">
        <v>73720</v>
      </c>
      <c r="HP39" s="327">
        <v>119340</v>
      </c>
      <c r="HQ39" s="328">
        <v>193060</v>
      </c>
      <c r="HR39" s="326">
        <v>0</v>
      </c>
      <c r="HS39" s="327">
        <v>1226978</v>
      </c>
      <c r="HT39" s="327">
        <v>648291</v>
      </c>
      <c r="HU39" s="327">
        <v>430796</v>
      </c>
      <c r="HV39" s="327">
        <v>289744</v>
      </c>
      <c r="HW39" s="327">
        <v>210583</v>
      </c>
      <c r="HX39" s="331">
        <v>2806392</v>
      </c>
      <c r="HY39" s="330">
        <v>2999452</v>
      </c>
      <c r="HZ39" s="335">
        <v>96543</v>
      </c>
      <c r="IA39" s="336">
        <v>186504</v>
      </c>
      <c r="IB39" s="337">
        <v>283047</v>
      </c>
      <c r="IC39" s="338">
        <v>0</v>
      </c>
      <c r="ID39" s="336">
        <v>5349762</v>
      </c>
      <c r="IE39" s="339">
        <v>2835023</v>
      </c>
      <c r="IF39" s="337">
        <v>1386153</v>
      </c>
      <c r="IG39" s="336">
        <v>1878435</v>
      </c>
      <c r="IH39" s="337">
        <v>681145</v>
      </c>
      <c r="II39" s="340">
        <v>12130518</v>
      </c>
      <c r="IJ39" s="341">
        <v>12413565</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483098</v>
      </c>
      <c r="JL39" s="345">
        <v>183695</v>
      </c>
      <c r="JM39" s="345">
        <v>378432</v>
      </c>
      <c r="JN39" s="345">
        <v>56115</v>
      </c>
      <c r="JO39" s="345">
        <v>0</v>
      </c>
      <c r="JP39" s="349">
        <v>1101340</v>
      </c>
      <c r="JQ39" s="347">
        <v>1101340</v>
      </c>
      <c r="JR39" s="348">
        <v>0</v>
      </c>
      <c r="JS39" s="345">
        <v>0</v>
      </c>
      <c r="JT39" s="346">
        <v>0</v>
      </c>
      <c r="JU39" s="351">
        <v>0</v>
      </c>
      <c r="JV39" s="345">
        <v>0</v>
      </c>
      <c r="JW39" s="345">
        <v>0</v>
      </c>
      <c r="JX39" s="345">
        <v>0</v>
      </c>
      <c r="JY39" s="345">
        <v>0</v>
      </c>
      <c r="JZ39" s="345">
        <v>104425</v>
      </c>
      <c r="KA39" s="349">
        <v>104425</v>
      </c>
      <c r="KB39" s="347">
        <v>104425</v>
      </c>
      <c r="KC39" s="352">
        <v>96543</v>
      </c>
      <c r="KD39" s="353">
        <v>186504</v>
      </c>
      <c r="KE39" s="349">
        <v>283047</v>
      </c>
      <c r="KF39" s="351">
        <v>0</v>
      </c>
      <c r="KG39" s="345">
        <v>1807168</v>
      </c>
      <c r="KH39" s="345">
        <v>1288341</v>
      </c>
      <c r="KI39" s="345">
        <v>1007721</v>
      </c>
      <c r="KJ39" s="345">
        <v>554418</v>
      </c>
      <c r="KK39" s="345">
        <v>0</v>
      </c>
      <c r="KL39" s="349">
        <v>4657648</v>
      </c>
      <c r="KM39" s="354">
        <v>4940695</v>
      </c>
      <c r="KN39" s="342">
        <v>0</v>
      </c>
      <c r="KO39" s="343">
        <v>0</v>
      </c>
      <c r="KP39" s="344">
        <v>0</v>
      </c>
      <c r="KQ39" s="413">
        <v>0</v>
      </c>
      <c r="KR39" s="345">
        <v>2295999</v>
      </c>
      <c r="KS39" s="345">
        <v>1362987</v>
      </c>
      <c r="KT39" s="345">
        <v>0</v>
      </c>
      <c r="KU39" s="345">
        <v>1267902</v>
      </c>
      <c r="KV39" s="345">
        <v>576720</v>
      </c>
      <c r="KW39" s="349">
        <v>5503608</v>
      </c>
      <c r="KX39" s="347">
        <v>5503608</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763497</v>
      </c>
      <c r="LZ39" s="345">
        <v>0</v>
      </c>
      <c r="MA39" s="345">
        <v>0</v>
      </c>
      <c r="MB39" s="345">
        <v>0</v>
      </c>
      <c r="MC39" s="345">
        <v>0</v>
      </c>
      <c r="MD39" s="349">
        <v>763497</v>
      </c>
      <c r="ME39" s="350">
        <v>763497</v>
      </c>
      <c r="MF39" s="348">
        <v>0</v>
      </c>
      <c r="MG39" s="345">
        <v>0</v>
      </c>
      <c r="MH39" s="349">
        <v>0</v>
      </c>
      <c r="MI39" s="413">
        <v>0</v>
      </c>
      <c r="MJ39" s="345">
        <v>1884429</v>
      </c>
      <c r="MK39" s="345">
        <v>4060008</v>
      </c>
      <c r="ML39" s="345">
        <v>3287866</v>
      </c>
      <c r="MM39" s="345">
        <v>10406597</v>
      </c>
      <c r="MN39" s="345">
        <v>4284195</v>
      </c>
      <c r="MO39" s="349">
        <v>23923095</v>
      </c>
      <c r="MP39" s="354">
        <v>23923095</v>
      </c>
      <c r="MQ39" s="348">
        <v>0</v>
      </c>
      <c r="MR39" s="345">
        <v>0</v>
      </c>
      <c r="MS39" s="349">
        <v>0</v>
      </c>
      <c r="MT39" s="413">
        <v>0</v>
      </c>
      <c r="MU39" s="345">
        <v>6687</v>
      </c>
      <c r="MV39" s="345">
        <v>0</v>
      </c>
      <c r="MW39" s="345">
        <v>1544130</v>
      </c>
      <c r="MX39" s="345">
        <v>7576847</v>
      </c>
      <c r="MY39" s="345">
        <v>2488561</v>
      </c>
      <c r="MZ39" s="349">
        <v>11616225</v>
      </c>
      <c r="NA39" s="354">
        <v>11616225</v>
      </c>
      <c r="NB39" s="348">
        <v>0</v>
      </c>
      <c r="NC39" s="345">
        <v>0</v>
      </c>
      <c r="ND39" s="349">
        <v>0</v>
      </c>
      <c r="NE39" s="413">
        <v>0</v>
      </c>
      <c r="NF39" s="345">
        <v>1877742</v>
      </c>
      <c r="NG39" s="345">
        <v>4060008</v>
      </c>
      <c r="NH39" s="345">
        <v>1743736</v>
      </c>
      <c r="NI39" s="345">
        <v>2484465</v>
      </c>
      <c r="NJ39" s="345">
        <v>1059878</v>
      </c>
      <c r="NK39" s="349">
        <v>11225829</v>
      </c>
      <c r="NL39" s="347">
        <v>11225829</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45285</v>
      </c>
      <c r="OF39" s="345">
        <v>735756</v>
      </c>
      <c r="OG39" s="349">
        <v>1081041</v>
      </c>
      <c r="OH39" s="350">
        <v>1081041</v>
      </c>
      <c r="OI39" s="348">
        <v>639736</v>
      </c>
      <c r="OJ39" s="345">
        <v>1147572</v>
      </c>
      <c r="OK39" s="346">
        <v>1787308</v>
      </c>
      <c r="OL39" s="351">
        <v>0</v>
      </c>
      <c r="OM39" s="345">
        <v>16098304</v>
      </c>
      <c r="ON39" s="345">
        <v>12642739</v>
      </c>
      <c r="OO39" s="345">
        <v>9319339</v>
      </c>
      <c r="OP39" s="345">
        <v>17215267</v>
      </c>
      <c r="OQ39" s="345">
        <v>9205044</v>
      </c>
      <c r="OR39" s="349">
        <v>64480693</v>
      </c>
      <c r="OS39" s="354">
        <v>66268001</v>
      </c>
    </row>
    <row r="40" spans="2:409" s="70" customFormat="1" ht="21" customHeight="1" x14ac:dyDescent="0.2">
      <c r="B40" s="410" t="s">
        <v>35</v>
      </c>
      <c r="C40" s="326">
        <v>2459825</v>
      </c>
      <c r="D40" s="327">
        <v>4624468</v>
      </c>
      <c r="E40" s="328">
        <v>7084293</v>
      </c>
      <c r="F40" s="329">
        <v>0</v>
      </c>
      <c r="G40" s="327">
        <v>31691217</v>
      </c>
      <c r="H40" s="327">
        <v>21239585</v>
      </c>
      <c r="I40" s="327">
        <v>20847202</v>
      </c>
      <c r="J40" s="327">
        <v>20107467</v>
      </c>
      <c r="K40" s="327">
        <v>14801396</v>
      </c>
      <c r="L40" s="367">
        <v>108686867</v>
      </c>
      <c r="M40" s="330">
        <v>115771160</v>
      </c>
      <c r="N40" s="326">
        <v>476953</v>
      </c>
      <c r="O40" s="327">
        <v>1211297</v>
      </c>
      <c r="P40" s="328">
        <v>1688250</v>
      </c>
      <c r="Q40" s="326">
        <v>0</v>
      </c>
      <c r="R40" s="327">
        <v>6748247</v>
      </c>
      <c r="S40" s="327">
        <v>4921438</v>
      </c>
      <c r="T40" s="327">
        <v>5678853</v>
      </c>
      <c r="U40" s="327">
        <v>3836480</v>
      </c>
      <c r="V40" s="327">
        <v>6308122</v>
      </c>
      <c r="W40" s="328">
        <v>27493140</v>
      </c>
      <c r="X40" s="330">
        <v>29181390</v>
      </c>
      <c r="Y40" s="326">
        <v>0</v>
      </c>
      <c r="Z40" s="327">
        <v>0</v>
      </c>
      <c r="AA40" s="328">
        <v>0</v>
      </c>
      <c r="AB40" s="326">
        <v>0</v>
      </c>
      <c r="AC40" s="327">
        <v>2229250</v>
      </c>
      <c r="AD40" s="327">
        <v>1749571</v>
      </c>
      <c r="AE40" s="327">
        <v>2468744</v>
      </c>
      <c r="AF40" s="327">
        <v>768641</v>
      </c>
      <c r="AG40" s="327">
        <v>2675060</v>
      </c>
      <c r="AH40" s="328">
        <v>9891266</v>
      </c>
      <c r="AI40" s="330">
        <v>9891266</v>
      </c>
      <c r="AJ40" s="326">
        <v>0</v>
      </c>
      <c r="AK40" s="327">
        <v>0</v>
      </c>
      <c r="AL40" s="328">
        <v>0</v>
      </c>
      <c r="AM40" s="326">
        <v>0</v>
      </c>
      <c r="AN40" s="327">
        <v>0</v>
      </c>
      <c r="AO40" s="327">
        <v>179280</v>
      </c>
      <c r="AP40" s="327">
        <v>207504</v>
      </c>
      <c r="AQ40" s="327">
        <v>546579</v>
      </c>
      <c r="AR40" s="327">
        <v>711279</v>
      </c>
      <c r="AS40" s="328">
        <v>1644642</v>
      </c>
      <c r="AT40" s="330">
        <v>1644642</v>
      </c>
      <c r="AU40" s="326">
        <v>120296</v>
      </c>
      <c r="AV40" s="327">
        <v>499715</v>
      </c>
      <c r="AW40" s="328">
        <v>620011</v>
      </c>
      <c r="AX40" s="326">
        <v>0</v>
      </c>
      <c r="AY40" s="327">
        <v>2350587</v>
      </c>
      <c r="AZ40" s="327">
        <v>1442899</v>
      </c>
      <c r="BA40" s="327">
        <v>1621706</v>
      </c>
      <c r="BB40" s="327">
        <v>871583</v>
      </c>
      <c r="BC40" s="327">
        <v>1824227</v>
      </c>
      <c r="BD40" s="328">
        <v>8111002</v>
      </c>
      <c r="BE40" s="330">
        <v>8731013</v>
      </c>
      <c r="BF40" s="326">
        <v>128672</v>
      </c>
      <c r="BG40" s="327">
        <v>521580</v>
      </c>
      <c r="BH40" s="331">
        <v>650252</v>
      </c>
      <c r="BI40" s="332">
        <v>0</v>
      </c>
      <c r="BJ40" s="327">
        <v>657849</v>
      </c>
      <c r="BK40" s="327">
        <v>615301</v>
      </c>
      <c r="BL40" s="327">
        <v>255102</v>
      </c>
      <c r="BM40" s="327">
        <v>394848</v>
      </c>
      <c r="BN40" s="327">
        <v>287496</v>
      </c>
      <c r="BO40" s="328">
        <v>2210596</v>
      </c>
      <c r="BP40" s="330">
        <v>2860848</v>
      </c>
      <c r="BQ40" s="326">
        <v>227985</v>
      </c>
      <c r="BR40" s="327">
        <v>190002</v>
      </c>
      <c r="BS40" s="328">
        <v>417987</v>
      </c>
      <c r="BT40" s="326">
        <v>0</v>
      </c>
      <c r="BU40" s="327">
        <v>1510561</v>
      </c>
      <c r="BV40" s="327">
        <v>934387</v>
      </c>
      <c r="BW40" s="327">
        <v>1125797</v>
      </c>
      <c r="BX40" s="327">
        <v>1254829</v>
      </c>
      <c r="BY40" s="327">
        <v>810060</v>
      </c>
      <c r="BZ40" s="328">
        <v>5635634</v>
      </c>
      <c r="CA40" s="330">
        <v>6053621</v>
      </c>
      <c r="CB40" s="326">
        <v>157944</v>
      </c>
      <c r="CC40" s="327">
        <v>683747</v>
      </c>
      <c r="CD40" s="328">
        <v>841691</v>
      </c>
      <c r="CE40" s="326">
        <v>0</v>
      </c>
      <c r="CF40" s="327">
        <v>11612886</v>
      </c>
      <c r="CG40" s="327">
        <v>8812479</v>
      </c>
      <c r="CH40" s="327">
        <v>6594699</v>
      </c>
      <c r="CI40" s="327">
        <v>4832380</v>
      </c>
      <c r="CJ40" s="327">
        <v>2988853</v>
      </c>
      <c r="CK40" s="328">
        <v>34841297</v>
      </c>
      <c r="CL40" s="330">
        <v>35682988</v>
      </c>
      <c r="CM40" s="326">
        <v>0</v>
      </c>
      <c r="CN40" s="327">
        <v>0</v>
      </c>
      <c r="CO40" s="328">
        <v>0</v>
      </c>
      <c r="CP40" s="332">
        <v>0</v>
      </c>
      <c r="CQ40" s="327">
        <v>7939419</v>
      </c>
      <c r="CR40" s="327">
        <v>6722270</v>
      </c>
      <c r="CS40" s="327">
        <v>5537518</v>
      </c>
      <c r="CT40" s="327">
        <v>3885035</v>
      </c>
      <c r="CU40" s="327">
        <v>2886865</v>
      </c>
      <c r="CV40" s="328">
        <v>26971107</v>
      </c>
      <c r="CW40" s="330">
        <v>26971107</v>
      </c>
      <c r="CX40" s="326">
        <v>157944</v>
      </c>
      <c r="CY40" s="327">
        <v>683747</v>
      </c>
      <c r="CZ40" s="328">
        <v>841691</v>
      </c>
      <c r="DA40" s="326">
        <v>0</v>
      </c>
      <c r="DB40" s="327">
        <v>3673467</v>
      </c>
      <c r="DC40" s="327">
        <v>2090209</v>
      </c>
      <c r="DD40" s="327">
        <v>1057181</v>
      </c>
      <c r="DE40" s="327">
        <v>947345</v>
      </c>
      <c r="DF40" s="327">
        <v>101988</v>
      </c>
      <c r="DG40" s="328">
        <v>7870190</v>
      </c>
      <c r="DH40" s="330">
        <v>8711881</v>
      </c>
      <c r="DI40" s="326">
        <v>0</v>
      </c>
      <c r="DJ40" s="327">
        <v>84257</v>
      </c>
      <c r="DK40" s="331">
        <v>84257</v>
      </c>
      <c r="DL40" s="332">
        <v>0</v>
      </c>
      <c r="DM40" s="327">
        <v>960606</v>
      </c>
      <c r="DN40" s="327">
        <v>618984</v>
      </c>
      <c r="DO40" s="327">
        <v>1367150</v>
      </c>
      <c r="DP40" s="327">
        <v>1512134</v>
      </c>
      <c r="DQ40" s="327">
        <v>629160</v>
      </c>
      <c r="DR40" s="328">
        <v>5088034</v>
      </c>
      <c r="DS40" s="330">
        <v>5172291</v>
      </c>
      <c r="DT40" s="326">
        <v>0</v>
      </c>
      <c r="DU40" s="327">
        <v>44343</v>
      </c>
      <c r="DV40" s="328">
        <v>44343</v>
      </c>
      <c r="DW40" s="326">
        <v>0</v>
      </c>
      <c r="DX40" s="327">
        <v>612693</v>
      </c>
      <c r="DY40" s="327">
        <v>219879</v>
      </c>
      <c r="DZ40" s="327">
        <v>963815</v>
      </c>
      <c r="EA40" s="327">
        <v>1256048</v>
      </c>
      <c r="EB40" s="327">
        <v>482577</v>
      </c>
      <c r="EC40" s="328">
        <v>3535012</v>
      </c>
      <c r="ED40" s="330">
        <v>3579355</v>
      </c>
      <c r="EE40" s="326">
        <v>0</v>
      </c>
      <c r="EF40" s="331">
        <v>39914</v>
      </c>
      <c r="EG40" s="328">
        <v>39914</v>
      </c>
      <c r="EH40" s="326">
        <v>0</v>
      </c>
      <c r="EI40" s="327">
        <v>347913</v>
      </c>
      <c r="EJ40" s="327">
        <v>399105</v>
      </c>
      <c r="EK40" s="327">
        <v>403335</v>
      </c>
      <c r="EL40" s="327">
        <v>256086</v>
      </c>
      <c r="EM40" s="327">
        <v>146583</v>
      </c>
      <c r="EN40" s="331">
        <v>1553022</v>
      </c>
      <c r="EO40" s="330">
        <v>1592936</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78065</v>
      </c>
      <c r="FM40" s="327">
        <v>979598</v>
      </c>
      <c r="FN40" s="328">
        <v>1457663</v>
      </c>
      <c r="FO40" s="326">
        <v>0</v>
      </c>
      <c r="FP40" s="327">
        <v>1480967</v>
      </c>
      <c r="FQ40" s="327">
        <v>2255178</v>
      </c>
      <c r="FR40" s="327">
        <v>1576316</v>
      </c>
      <c r="FS40" s="327">
        <v>1328117</v>
      </c>
      <c r="FT40" s="327">
        <v>1012860</v>
      </c>
      <c r="FU40" s="328">
        <v>7653438</v>
      </c>
      <c r="FV40" s="330">
        <v>9111101</v>
      </c>
      <c r="FW40" s="333">
        <v>323279</v>
      </c>
      <c r="FX40" s="327">
        <v>728219</v>
      </c>
      <c r="FY40" s="331">
        <v>1051498</v>
      </c>
      <c r="FZ40" s="332">
        <v>0</v>
      </c>
      <c r="GA40" s="327">
        <v>1390729</v>
      </c>
      <c r="GB40" s="327">
        <v>1892106</v>
      </c>
      <c r="GC40" s="327">
        <v>1555526</v>
      </c>
      <c r="GD40" s="327">
        <v>1283815</v>
      </c>
      <c r="GE40" s="327">
        <v>1012860</v>
      </c>
      <c r="GF40" s="328">
        <v>7135036</v>
      </c>
      <c r="GG40" s="334">
        <v>8186534</v>
      </c>
      <c r="GH40" s="333">
        <v>28066</v>
      </c>
      <c r="GI40" s="327">
        <v>71379</v>
      </c>
      <c r="GJ40" s="331">
        <v>99445</v>
      </c>
      <c r="GK40" s="332">
        <v>0</v>
      </c>
      <c r="GL40" s="327">
        <v>0</v>
      </c>
      <c r="GM40" s="327">
        <v>105672</v>
      </c>
      <c r="GN40" s="327">
        <v>20790</v>
      </c>
      <c r="GO40" s="327">
        <v>0</v>
      </c>
      <c r="GP40" s="327">
        <v>0</v>
      </c>
      <c r="GQ40" s="328">
        <v>126462</v>
      </c>
      <c r="GR40" s="330">
        <v>225907</v>
      </c>
      <c r="GS40" s="326">
        <v>126720</v>
      </c>
      <c r="GT40" s="327">
        <v>180000</v>
      </c>
      <c r="GU40" s="328">
        <v>306720</v>
      </c>
      <c r="GV40" s="326">
        <v>0</v>
      </c>
      <c r="GW40" s="327">
        <v>90238</v>
      </c>
      <c r="GX40" s="327">
        <v>257400</v>
      </c>
      <c r="GY40" s="327">
        <v>0</v>
      </c>
      <c r="GZ40" s="327">
        <v>44302</v>
      </c>
      <c r="HA40" s="327">
        <v>0</v>
      </c>
      <c r="HB40" s="331">
        <v>391940</v>
      </c>
      <c r="HC40" s="330">
        <v>698660</v>
      </c>
      <c r="HD40" s="326">
        <v>1004263</v>
      </c>
      <c r="HE40" s="327">
        <v>1027991</v>
      </c>
      <c r="HF40" s="331">
        <v>2032254</v>
      </c>
      <c r="HG40" s="332">
        <v>0</v>
      </c>
      <c r="HH40" s="327">
        <v>6341572</v>
      </c>
      <c r="HI40" s="327">
        <v>2390197</v>
      </c>
      <c r="HJ40" s="327">
        <v>3889152</v>
      </c>
      <c r="HK40" s="327">
        <v>7407733</v>
      </c>
      <c r="HL40" s="327">
        <v>3141037</v>
      </c>
      <c r="HM40" s="328">
        <v>23169691</v>
      </c>
      <c r="HN40" s="329">
        <v>25201945</v>
      </c>
      <c r="HO40" s="333">
        <v>342600</v>
      </c>
      <c r="HP40" s="327">
        <v>637578</v>
      </c>
      <c r="HQ40" s="328">
        <v>980178</v>
      </c>
      <c r="HR40" s="326">
        <v>0</v>
      </c>
      <c r="HS40" s="327">
        <v>4546939</v>
      </c>
      <c r="HT40" s="327">
        <v>2241309</v>
      </c>
      <c r="HU40" s="327">
        <v>1741032</v>
      </c>
      <c r="HV40" s="327">
        <v>1190623</v>
      </c>
      <c r="HW40" s="327">
        <v>721364</v>
      </c>
      <c r="HX40" s="331">
        <v>10441267</v>
      </c>
      <c r="HY40" s="330">
        <v>11421445</v>
      </c>
      <c r="HZ40" s="358">
        <v>84375</v>
      </c>
      <c r="IA40" s="356">
        <v>381465</v>
      </c>
      <c r="IB40" s="358">
        <v>465840</v>
      </c>
      <c r="IC40" s="338">
        <v>0</v>
      </c>
      <c r="ID40" s="336">
        <v>5485284</v>
      </c>
      <c r="IE40" s="339">
        <v>5762697</v>
      </c>
      <c r="IF40" s="337">
        <v>7381036</v>
      </c>
      <c r="IG40" s="336">
        <v>5636127</v>
      </c>
      <c r="IH40" s="337">
        <v>3590757</v>
      </c>
      <c r="II40" s="340">
        <v>27855901</v>
      </c>
      <c r="IJ40" s="358">
        <v>28321741</v>
      </c>
      <c r="IK40" s="342">
        <v>0</v>
      </c>
      <c r="IL40" s="343">
        <v>0</v>
      </c>
      <c r="IM40" s="344">
        <v>0</v>
      </c>
      <c r="IN40" s="404">
        <v>0</v>
      </c>
      <c r="IO40" s="345">
        <v>81700</v>
      </c>
      <c r="IP40" s="345">
        <v>272021</v>
      </c>
      <c r="IQ40" s="345">
        <v>332831</v>
      </c>
      <c r="IR40" s="345">
        <v>0</v>
      </c>
      <c r="IS40" s="345">
        <v>0</v>
      </c>
      <c r="IT40" s="346">
        <v>686552</v>
      </c>
      <c r="IU40" s="347">
        <v>686552</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565067</v>
      </c>
      <c r="JL40" s="345">
        <v>1157877</v>
      </c>
      <c r="JM40" s="345">
        <v>1180799</v>
      </c>
      <c r="JN40" s="345">
        <v>837471</v>
      </c>
      <c r="JO40" s="345">
        <v>564138</v>
      </c>
      <c r="JP40" s="349">
        <v>5305352</v>
      </c>
      <c r="JQ40" s="347">
        <v>5305352</v>
      </c>
      <c r="JR40" s="348">
        <v>0</v>
      </c>
      <c r="JS40" s="345">
        <v>0</v>
      </c>
      <c r="JT40" s="346">
        <v>0</v>
      </c>
      <c r="JU40" s="351">
        <v>0</v>
      </c>
      <c r="JV40" s="345">
        <v>0</v>
      </c>
      <c r="JW40" s="345">
        <v>0</v>
      </c>
      <c r="JX40" s="345">
        <v>0</v>
      </c>
      <c r="JY40" s="345">
        <v>0</v>
      </c>
      <c r="JZ40" s="345">
        <v>0</v>
      </c>
      <c r="KA40" s="349">
        <v>0</v>
      </c>
      <c r="KB40" s="347">
        <v>0</v>
      </c>
      <c r="KC40" s="352">
        <v>84375</v>
      </c>
      <c r="KD40" s="353">
        <v>381465</v>
      </c>
      <c r="KE40" s="349">
        <v>465840</v>
      </c>
      <c r="KF40" s="351">
        <v>0</v>
      </c>
      <c r="KG40" s="345">
        <v>749007</v>
      </c>
      <c r="KH40" s="345">
        <v>869526</v>
      </c>
      <c r="KI40" s="345">
        <v>1885365</v>
      </c>
      <c r="KJ40" s="345">
        <v>1512252</v>
      </c>
      <c r="KK40" s="345">
        <v>726957</v>
      </c>
      <c r="KL40" s="349">
        <v>5743107</v>
      </c>
      <c r="KM40" s="354">
        <v>6208947</v>
      </c>
      <c r="KN40" s="342">
        <v>0</v>
      </c>
      <c r="KO40" s="343">
        <v>0</v>
      </c>
      <c r="KP40" s="344">
        <v>0</v>
      </c>
      <c r="KQ40" s="413">
        <v>0</v>
      </c>
      <c r="KR40" s="345">
        <v>3089510</v>
      </c>
      <c r="KS40" s="345">
        <v>3463273</v>
      </c>
      <c r="KT40" s="345">
        <v>3982041</v>
      </c>
      <c r="KU40" s="345">
        <v>3286404</v>
      </c>
      <c r="KV40" s="345">
        <v>2299662</v>
      </c>
      <c r="KW40" s="349">
        <v>16120890</v>
      </c>
      <c r="KX40" s="347">
        <v>16120890</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4801391</v>
      </c>
      <c r="MK40" s="345">
        <v>9491675</v>
      </c>
      <c r="ML40" s="345">
        <v>17454427</v>
      </c>
      <c r="MM40" s="345">
        <v>18308766</v>
      </c>
      <c r="MN40" s="345">
        <v>13585555</v>
      </c>
      <c r="MO40" s="349">
        <v>63641814</v>
      </c>
      <c r="MP40" s="354">
        <v>63641814</v>
      </c>
      <c r="MQ40" s="348">
        <v>0</v>
      </c>
      <c r="MR40" s="345">
        <v>0</v>
      </c>
      <c r="MS40" s="349">
        <v>0</v>
      </c>
      <c r="MT40" s="413">
        <v>0</v>
      </c>
      <c r="MU40" s="345">
        <v>203247</v>
      </c>
      <c r="MV40" s="345">
        <v>254448</v>
      </c>
      <c r="MW40" s="345">
        <v>6593648</v>
      </c>
      <c r="MX40" s="345">
        <v>13393372</v>
      </c>
      <c r="MY40" s="345">
        <v>8056540</v>
      </c>
      <c r="MZ40" s="349">
        <v>28501255</v>
      </c>
      <c r="NA40" s="354">
        <v>28501255</v>
      </c>
      <c r="NB40" s="348">
        <v>0</v>
      </c>
      <c r="NC40" s="345">
        <v>0</v>
      </c>
      <c r="ND40" s="349">
        <v>0</v>
      </c>
      <c r="NE40" s="413">
        <v>0</v>
      </c>
      <c r="NF40" s="345">
        <v>4124771</v>
      </c>
      <c r="NG40" s="345">
        <v>8696021</v>
      </c>
      <c r="NH40" s="345">
        <v>8919848</v>
      </c>
      <c r="NI40" s="345">
        <v>4216581</v>
      </c>
      <c r="NJ40" s="345">
        <v>3092800</v>
      </c>
      <c r="NK40" s="349">
        <v>29050021</v>
      </c>
      <c r="NL40" s="347">
        <v>29050021</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73373</v>
      </c>
      <c r="OC40" s="345">
        <v>541206</v>
      </c>
      <c r="OD40" s="345">
        <v>1940931</v>
      </c>
      <c r="OE40" s="345">
        <v>698813</v>
      </c>
      <c r="OF40" s="345">
        <v>2436215</v>
      </c>
      <c r="OG40" s="349">
        <v>6090538</v>
      </c>
      <c r="OH40" s="350">
        <v>6090538</v>
      </c>
      <c r="OI40" s="348">
        <v>2544200</v>
      </c>
      <c r="OJ40" s="345">
        <v>5005933</v>
      </c>
      <c r="OK40" s="346">
        <v>7550133</v>
      </c>
      <c r="OL40" s="351">
        <v>0</v>
      </c>
      <c r="OM40" s="345">
        <v>41977892</v>
      </c>
      <c r="ON40" s="345">
        <v>36493957</v>
      </c>
      <c r="OO40" s="345">
        <v>45682665</v>
      </c>
      <c r="OP40" s="345">
        <v>44052360</v>
      </c>
      <c r="OQ40" s="345">
        <v>31977708</v>
      </c>
      <c r="OR40" s="349">
        <v>200184582</v>
      </c>
      <c r="OS40" s="354">
        <v>207734715</v>
      </c>
    </row>
    <row r="41" spans="2:409" s="70" customFormat="1" ht="21" customHeight="1" x14ac:dyDescent="0.2">
      <c r="B41" s="410" t="s">
        <v>36</v>
      </c>
      <c r="C41" s="326">
        <v>1063778</v>
      </c>
      <c r="D41" s="327">
        <v>2947145</v>
      </c>
      <c r="E41" s="328">
        <v>4010923</v>
      </c>
      <c r="F41" s="329">
        <v>0</v>
      </c>
      <c r="G41" s="327">
        <v>19768947</v>
      </c>
      <c r="H41" s="327">
        <v>32071044</v>
      </c>
      <c r="I41" s="327">
        <v>22867955</v>
      </c>
      <c r="J41" s="327">
        <v>14751520</v>
      </c>
      <c r="K41" s="327">
        <v>18827836</v>
      </c>
      <c r="L41" s="367">
        <v>108287302</v>
      </c>
      <c r="M41" s="330">
        <v>112298225</v>
      </c>
      <c r="N41" s="326">
        <v>227221</v>
      </c>
      <c r="O41" s="327">
        <v>1124706</v>
      </c>
      <c r="P41" s="328">
        <v>1351927</v>
      </c>
      <c r="Q41" s="326">
        <v>0</v>
      </c>
      <c r="R41" s="327">
        <v>4742867</v>
      </c>
      <c r="S41" s="327">
        <v>9984553</v>
      </c>
      <c r="T41" s="327">
        <v>7363791</v>
      </c>
      <c r="U41" s="327">
        <v>5493409</v>
      </c>
      <c r="V41" s="327">
        <v>9709590</v>
      </c>
      <c r="W41" s="328">
        <v>37294210</v>
      </c>
      <c r="X41" s="330">
        <v>38646137</v>
      </c>
      <c r="Y41" s="326">
        <v>0</v>
      </c>
      <c r="Z41" s="327">
        <v>0</v>
      </c>
      <c r="AA41" s="328">
        <v>0</v>
      </c>
      <c r="AB41" s="326">
        <v>0</v>
      </c>
      <c r="AC41" s="327">
        <v>1714678</v>
      </c>
      <c r="AD41" s="327">
        <v>5121522</v>
      </c>
      <c r="AE41" s="327">
        <v>3446237</v>
      </c>
      <c r="AF41" s="327">
        <v>2336439</v>
      </c>
      <c r="AG41" s="327">
        <v>6479840</v>
      </c>
      <c r="AH41" s="328">
        <v>19098716</v>
      </c>
      <c r="AI41" s="330">
        <v>19098716</v>
      </c>
      <c r="AJ41" s="326">
        <v>0</v>
      </c>
      <c r="AK41" s="327">
        <v>45925</v>
      </c>
      <c r="AL41" s="328">
        <v>45925</v>
      </c>
      <c r="AM41" s="326">
        <v>0</v>
      </c>
      <c r="AN41" s="327">
        <v>70071</v>
      </c>
      <c r="AO41" s="327">
        <v>258657</v>
      </c>
      <c r="AP41" s="327">
        <v>599201</v>
      </c>
      <c r="AQ41" s="327">
        <v>761189</v>
      </c>
      <c r="AR41" s="327">
        <v>438744</v>
      </c>
      <c r="AS41" s="328">
        <v>2127862</v>
      </c>
      <c r="AT41" s="330">
        <v>2173787</v>
      </c>
      <c r="AU41" s="326">
        <v>124953</v>
      </c>
      <c r="AV41" s="327">
        <v>635311</v>
      </c>
      <c r="AW41" s="328">
        <v>760264</v>
      </c>
      <c r="AX41" s="326">
        <v>0</v>
      </c>
      <c r="AY41" s="327">
        <v>1626803</v>
      </c>
      <c r="AZ41" s="327">
        <v>2310047</v>
      </c>
      <c r="BA41" s="327">
        <v>1688274</v>
      </c>
      <c r="BB41" s="327">
        <v>1525478</v>
      </c>
      <c r="BC41" s="327">
        <v>1695167</v>
      </c>
      <c r="BD41" s="328">
        <v>8845769</v>
      </c>
      <c r="BE41" s="330">
        <v>9606033</v>
      </c>
      <c r="BF41" s="326">
        <v>10405</v>
      </c>
      <c r="BG41" s="327">
        <v>385510</v>
      </c>
      <c r="BH41" s="331">
        <v>395915</v>
      </c>
      <c r="BI41" s="332">
        <v>0</v>
      </c>
      <c r="BJ41" s="327">
        <v>520499</v>
      </c>
      <c r="BK41" s="327">
        <v>598932</v>
      </c>
      <c r="BL41" s="327">
        <v>288542</v>
      </c>
      <c r="BM41" s="327">
        <v>156254</v>
      </c>
      <c r="BN41" s="327">
        <v>217661</v>
      </c>
      <c r="BO41" s="328">
        <v>1781888</v>
      </c>
      <c r="BP41" s="330">
        <v>2177803</v>
      </c>
      <c r="BQ41" s="326">
        <v>91863</v>
      </c>
      <c r="BR41" s="327">
        <v>57960</v>
      </c>
      <c r="BS41" s="328">
        <v>149823</v>
      </c>
      <c r="BT41" s="326">
        <v>0</v>
      </c>
      <c r="BU41" s="327">
        <v>810816</v>
      </c>
      <c r="BV41" s="327">
        <v>1695395</v>
      </c>
      <c r="BW41" s="327">
        <v>1341537</v>
      </c>
      <c r="BX41" s="327">
        <v>714049</v>
      </c>
      <c r="BY41" s="327">
        <v>878178</v>
      </c>
      <c r="BZ41" s="328">
        <v>5439975</v>
      </c>
      <c r="CA41" s="330">
        <v>5589798</v>
      </c>
      <c r="CB41" s="326">
        <v>192202</v>
      </c>
      <c r="CC41" s="327">
        <v>211109</v>
      </c>
      <c r="CD41" s="328">
        <v>403311</v>
      </c>
      <c r="CE41" s="326">
        <v>0</v>
      </c>
      <c r="CF41" s="327">
        <v>5832950</v>
      </c>
      <c r="CG41" s="327">
        <v>10115507</v>
      </c>
      <c r="CH41" s="327">
        <v>6167242</v>
      </c>
      <c r="CI41" s="327">
        <v>3268736</v>
      </c>
      <c r="CJ41" s="327">
        <v>3873873</v>
      </c>
      <c r="CK41" s="328">
        <v>29258308</v>
      </c>
      <c r="CL41" s="330">
        <v>29661619</v>
      </c>
      <c r="CM41" s="326">
        <v>0</v>
      </c>
      <c r="CN41" s="327">
        <v>0</v>
      </c>
      <c r="CO41" s="328">
        <v>0</v>
      </c>
      <c r="CP41" s="332">
        <v>0</v>
      </c>
      <c r="CQ41" s="327">
        <v>4456909</v>
      </c>
      <c r="CR41" s="327">
        <v>7353741</v>
      </c>
      <c r="CS41" s="327">
        <v>4659128</v>
      </c>
      <c r="CT41" s="327">
        <v>2599063</v>
      </c>
      <c r="CU41" s="327">
        <v>3656032</v>
      </c>
      <c r="CV41" s="328">
        <v>22724873</v>
      </c>
      <c r="CW41" s="330">
        <v>22724873</v>
      </c>
      <c r="CX41" s="326">
        <v>192202</v>
      </c>
      <c r="CY41" s="327">
        <v>211109</v>
      </c>
      <c r="CZ41" s="328">
        <v>403311</v>
      </c>
      <c r="DA41" s="326">
        <v>0</v>
      </c>
      <c r="DB41" s="327">
        <v>1376041</v>
      </c>
      <c r="DC41" s="327">
        <v>2761766</v>
      </c>
      <c r="DD41" s="327">
        <v>1508114</v>
      </c>
      <c r="DE41" s="327">
        <v>669673</v>
      </c>
      <c r="DF41" s="327">
        <v>217841</v>
      </c>
      <c r="DG41" s="328">
        <v>6533435</v>
      </c>
      <c r="DH41" s="330">
        <v>6936746</v>
      </c>
      <c r="DI41" s="326">
        <v>0</v>
      </c>
      <c r="DJ41" s="327">
        <v>69359</v>
      </c>
      <c r="DK41" s="331">
        <v>69359</v>
      </c>
      <c r="DL41" s="332">
        <v>0</v>
      </c>
      <c r="DM41" s="327">
        <v>427427</v>
      </c>
      <c r="DN41" s="327">
        <v>1682017</v>
      </c>
      <c r="DO41" s="327">
        <v>1581851</v>
      </c>
      <c r="DP41" s="327">
        <v>1722617</v>
      </c>
      <c r="DQ41" s="327">
        <v>1653944</v>
      </c>
      <c r="DR41" s="328">
        <v>7067856</v>
      </c>
      <c r="DS41" s="330">
        <v>7137215</v>
      </c>
      <c r="DT41" s="326">
        <v>0</v>
      </c>
      <c r="DU41" s="327">
        <v>69359</v>
      </c>
      <c r="DV41" s="328">
        <v>69359</v>
      </c>
      <c r="DW41" s="326">
        <v>0</v>
      </c>
      <c r="DX41" s="327">
        <v>378071</v>
      </c>
      <c r="DY41" s="327">
        <v>1559825</v>
      </c>
      <c r="DZ41" s="327">
        <v>1581851</v>
      </c>
      <c r="EA41" s="327">
        <v>1626363</v>
      </c>
      <c r="EB41" s="327">
        <v>1653944</v>
      </c>
      <c r="EC41" s="328">
        <v>6800054</v>
      </c>
      <c r="ED41" s="330">
        <v>6869413</v>
      </c>
      <c r="EE41" s="326">
        <v>0</v>
      </c>
      <c r="EF41" s="331">
        <v>0</v>
      </c>
      <c r="EG41" s="328">
        <v>0</v>
      </c>
      <c r="EH41" s="326">
        <v>0</v>
      </c>
      <c r="EI41" s="327">
        <v>49356</v>
      </c>
      <c r="EJ41" s="327">
        <v>122192</v>
      </c>
      <c r="EK41" s="327">
        <v>0</v>
      </c>
      <c r="EL41" s="327">
        <v>96254</v>
      </c>
      <c r="EM41" s="327">
        <v>0</v>
      </c>
      <c r="EN41" s="331">
        <v>267802</v>
      </c>
      <c r="EO41" s="330">
        <v>267802</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233176</v>
      </c>
      <c r="FM41" s="327">
        <v>758822</v>
      </c>
      <c r="FN41" s="328">
        <v>991998</v>
      </c>
      <c r="FO41" s="326">
        <v>0</v>
      </c>
      <c r="FP41" s="327">
        <v>1621091</v>
      </c>
      <c r="FQ41" s="327">
        <v>3587576</v>
      </c>
      <c r="FR41" s="327">
        <v>1998611</v>
      </c>
      <c r="FS41" s="327">
        <v>1601244</v>
      </c>
      <c r="FT41" s="327">
        <v>1236444</v>
      </c>
      <c r="FU41" s="328">
        <v>10044966</v>
      </c>
      <c r="FV41" s="330">
        <v>11036964</v>
      </c>
      <c r="FW41" s="333">
        <v>233176</v>
      </c>
      <c r="FX41" s="327">
        <v>758822</v>
      </c>
      <c r="FY41" s="331">
        <v>991998</v>
      </c>
      <c r="FZ41" s="332">
        <v>0</v>
      </c>
      <c r="GA41" s="327">
        <v>1495991</v>
      </c>
      <c r="GB41" s="327">
        <v>3390944</v>
      </c>
      <c r="GC41" s="327">
        <v>1945221</v>
      </c>
      <c r="GD41" s="327">
        <v>1544256</v>
      </c>
      <c r="GE41" s="327">
        <v>1236444</v>
      </c>
      <c r="GF41" s="328">
        <v>9612856</v>
      </c>
      <c r="GG41" s="334">
        <v>10604854</v>
      </c>
      <c r="GH41" s="333">
        <v>0</v>
      </c>
      <c r="GI41" s="327">
        <v>0</v>
      </c>
      <c r="GJ41" s="331">
        <v>0</v>
      </c>
      <c r="GK41" s="332">
        <v>0</v>
      </c>
      <c r="GL41" s="327">
        <v>125100</v>
      </c>
      <c r="GM41" s="327">
        <v>16632</v>
      </c>
      <c r="GN41" s="327">
        <v>30800</v>
      </c>
      <c r="GO41" s="327">
        <v>56988</v>
      </c>
      <c r="GP41" s="327">
        <v>0</v>
      </c>
      <c r="GQ41" s="328">
        <v>229520</v>
      </c>
      <c r="GR41" s="330">
        <v>229520</v>
      </c>
      <c r="GS41" s="326">
        <v>0</v>
      </c>
      <c r="GT41" s="327">
        <v>0</v>
      </c>
      <c r="GU41" s="328">
        <v>0</v>
      </c>
      <c r="GV41" s="326">
        <v>0</v>
      </c>
      <c r="GW41" s="327">
        <v>0</v>
      </c>
      <c r="GX41" s="327">
        <v>180000</v>
      </c>
      <c r="GY41" s="327">
        <v>22590</v>
      </c>
      <c r="GZ41" s="327">
        <v>0</v>
      </c>
      <c r="HA41" s="327">
        <v>0</v>
      </c>
      <c r="HB41" s="331">
        <v>202590</v>
      </c>
      <c r="HC41" s="330">
        <v>202590</v>
      </c>
      <c r="HD41" s="326">
        <v>195102</v>
      </c>
      <c r="HE41" s="327">
        <v>103520</v>
      </c>
      <c r="HF41" s="331">
        <v>298622</v>
      </c>
      <c r="HG41" s="332">
        <v>0</v>
      </c>
      <c r="HH41" s="327">
        <v>3486202</v>
      </c>
      <c r="HI41" s="327">
        <v>2870718</v>
      </c>
      <c r="HJ41" s="327">
        <v>3199758</v>
      </c>
      <c r="HK41" s="327">
        <v>1092796</v>
      </c>
      <c r="HL41" s="327">
        <v>1053744</v>
      </c>
      <c r="HM41" s="328">
        <v>11703218</v>
      </c>
      <c r="HN41" s="329">
        <v>12001840</v>
      </c>
      <c r="HO41" s="333">
        <v>216077</v>
      </c>
      <c r="HP41" s="327">
        <v>679629</v>
      </c>
      <c r="HQ41" s="328">
        <v>895706</v>
      </c>
      <c r="HR41" s="326">
        <v>0</v>
      </c>
      <c r="HS41" s="327">
        <v>3658410</v>
      </c>
      <c r="HT41" s="327">
        <v>3830673</v>
      </c>
      <c r="HU41" s="327">
        <v>2556702</v>
      </c>
      <c r="HV41" s="327">
        <v>1572718</v>
      </c>
      <c r="HW41" s="327">
        <v>1300241</v>
      </c>
      <c r="HX41" s="331">
        <v>12918744</v>
      </c>
      <c r="HY41" s="330">
        <v>13814450</v>
      </c>
      <c r="HZ41" s="335">
        <v>0</v>
      </c>
      <c r="IA41" s="336">
        <v>0</v>
      </c>
      <c r="IB41" s="337">
        <v>0</v>
      </c>
      <c r="IC41" s="338">
        <v>0</v>
      </c>
      <c r="ID41" s="336">
        <v>6016365</v>
      </c>
      <c r="IE41" s="339">
        <v>10377591</v>
      </c>
      <c r="IF41" s="337">
        <v>10868098</v>
      </c>
      <c r="IG41" s="336">
        <v>6494873</v>
      </c>
      <c r="IH41" s="337">
        <v>5915859</v>
      </c>
      <c r="II41" s="340">
        <v>39672786</v>
      </c>
      <c r="IJ41" s="341">
        <v>39672786</v>
      </c>
      <c r="IK41" s="342">
        <v>0</v>
      </c>
      <c r="IL41" s="343">
        <v>0</v>
      </c>
      <c r="IM41" s="344">
        <v>0</v>
      </c>
      <c r="IN41" s="404">
        <v>0</v>
      </c>
      <c r="IO41" s="345">
        <v>0</v>
      </c>
      <c r="IP41" s="345">
        <v>130398</v>
      </c>
      <c r="IQ41" s="345">
        <v>353593</v>
      </c>
      <c r="IR41" s="345">
        <v>0</v>
      </c>
      <c r="IS41" s="345">
        <v>0</v>
      </c>
      <c r="IT41" s="346">
        <v>483991</v>
      </c>
      <c r="IU41" s="347">
        <v>483991</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2968114</v>
      </c>
      <c r="JL41" s="345">
        <v>2871186</v>
      </c>
      <c r="JM41" s="345">
        <v>5154613</v>
      </c>
      <c r="JN41" s="345">
        <v>2720062</v>
      </c>
      <c r="JO41" s="345">
        <v>3533698</v>
      </c>
      <c r="JP41" s="349">
        <v>17247673</v>
      </c>
      <c r="JQ41" s="347">
        <v>17247673</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1721202</v>
      </c>
      <c r="KH41" s="345">
        <v>2258944</v>
      </c>
      <c r="KI41" s="345">
        <v>1737695</v>
      </c>
      <c r="KJ41" s="345">
        <v>584283</v>
      </c>
      <c r="KK41" s="345">
        <v>669024</v>
      </c>
      <c r="KL41" s="349">
        <v>6971148</v>
      </c>
      <c r="KM41" s="354">
        <v>6971148</v>
      </c>
      <c r="KN41" s="342">
        <v>0</v>
      </c>
      <c r="KO41" s="343">
        <v>0</v>
      </c>
      <c r="KP41" s="344">
        <v>0</v>
      </c>
      <c r="KQ41" s="413">
        <v>0</v>
      </c>
      <c r="KR41" s="345">
        <v>1327049</v>
      </c>
      <c r="KS41" s="345">
        <v>5117063</v>
      </c>
      <c r="KT41" s="345">
        <v>3622197</v>
      </c>
      <c r="KU41" s="345">
        <v>2596058</v>
      </c>
      <c r="KV41" s="345">
        <v>1713137</v>
      </c>
      <c r="KW41" s="349">
        <v>14375504</v>
      </c>
      <c r="KX41" s="347">
        <v>14375504</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594470</v>
      </c>
      <c r="MC41" s="345">
        <v>0</v>
      </c>
      <c r="MD41" s="349">
        <v>594470</v>
      </c>
      <c r="ME41" s="350">
        <v>594470</v>
      </c>
      <c r="MF41" s="348">
        <v>0</v>
      </c>
      <c r="MG41" s="345">
        <v>0</v>
      </c>
      <c r="MH41" s="349">
        <v>0</v>
      </c>
      <c r="MI41" s="413">
        <v>0</v>
      </c>
      <c r="MJ41" s="345">
        <v>3956757</v>
      </c>
      <c r="MK41" s="345">
        <v>4860360</v>
      </c>
      <c r="ML41" s="345">
        <v>30107185</v>
      </c>
      <c r="MM41" s="345">
        <v>44388027</v>
      </c>
      <c r="MN41" s="345">
        <v>26328370</v>
      </c>
      <c r="MO41" s="349">
        <v>109640699</v>
      </c>
      <c r="MP41" s="354">
        <v>109640699</v>
      </c>
      <c r="MQ41" s="348">
        <v>0</v>
      </c>
      <c r="MR41" s="345">
        <v>0</v>
      </c>
      <c r="MS41" s="349">
        <v>0</v>
      </c>
      <c r="MT41" s="413">
        <v>0</v>
      </c>
      <c r="MU41" s="345">
        <v>0</v>
      </c>
      <c r="MV41" s="345">
        <v>924712</v>
      </c>
      <c r="MW41" s="345">
        <v>20012794</v>
      </c>
      <c r="MX41" s="345">
        <v>25976746</v>
      </c>
      <c r="MY41" s="345">
        <v>19044233</v>
      </c>
      <c r="MZ41" s="349">
        <v>65958485</v>
      </c>
      <c r="NA41" s="354">
        <v>65958485</v>
      </c>
      <c r="NB41" s="348">
        <v>0</v>
      </c>
      <c r="NC41" s="345">
        <v>0</v>
      </c>
      <c r="ND41" s="349">
        <v>0</v>
      </c>
      <c r="NE41" s="413">
        <v>0</v>
      </c>
      <c r="NF41" s="345">
        <v>3956757</v>
      </c>
      <c r="NG41" s="345">
        <v>3935648</v>
      </c>
      <c r="NH41" s="345">
        <v>10094391</v>
      </c>
      <c r="NI41" s="345">
        <v>14984806</v>
      </c>
      <c r="NJ41" s="345">
        <v>6101107</v>
      </c>
      <c r="NK41" s="349">
        <v>39072709</v>
      </c>
      <c r="NL41" s="347">
        <v>39072709</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3426475</v>
      </c>
      <c r="OF41" s="345">
        <v>1183030</v>
      </c>
      <c r="OG41" s="349">
        <v>4609505</v>
      </c>
      <c r="OH41" s="350">
        <v>4609505</v>
      </c>
      <c r="OI41" s="348">
        <v>1063778</v>
      </c>
      <c r="OJ41" s="345">
        <v>2947145</v>
      </c>
      <c r="OK41" s="346">
        <v>4010923</v>
      </c>
      <c r="OL41" s="351">
        <v>0</v>
      </c>
      <c r="OM41" s="345">
        <v>29742069</v>
      </c>
      <c r="ON41" s="345">
        <v>47308995</v>
      </c>
      <c r="OO41" s="345">
        <v>63843238</v>
      </c>
      <c r="OP41" s="345">
        <v>65634420</v>
      </c>
      <c r="OQ41" s="345">
        <v>51072065</v>
      </c>
      <c r="OR41" s="349">
        <v>257600787</v>
      </c>
      <c r="OS41" s="354">
        <v>261611710</v>
      </c>
    </row>
    <row r="42" spans="2:409" s="70" customFormat="1" ht="21" customHeight="1" thickBot="1" x14ac:dyDescent="0.25">
      <c r="B42" s="411" t="s">
        <v>37</v>
      </c>
      <c r="C42" s="371">
        <v>286015</v>
      </c>
      <c r="D42" s="372">
        <v>128455</v>
      </c>
      <c r="E42" s="373">
        <v>414470</v>
      </c>
      <c r="F42" s="374">
        <v>0</v>
      </c>
      <c r="G42" s="372">
        <v>1741981</v>
      </c>
      <c r="H42" s="372">
        <v>2013663</v>
      </c>
      <c r="I42" s="372">
        <v>2117560</v>
      </c>
      <c r="J42" s="372">
        <v>1973480</v>
      </c>
      <c r="K42" s="372">
        <v>1056410</v>
      </c>
      <c r="L42" s="374">
        <v>8903094</v>
      </c>
      <c r="M42" s="375">
        <v>9317564</v>
      </c>
      <c r="N42" s="371">
        <v>39095</v>
      </c>
      <c r="O42" s="372">
        <v>17599</v>
      </c>
      <c r="P42" s="373">
        <v>56694</v>
      </c>
      <c r="Q42" s="371">
        <v>0</v>
      </c>
      <c r="R42" s="372">
        <v>370520</v>
      </c>
      <c r="S42" s="372">
        <v>342204</v>
      </c>
      <c r="T42" s="372">
        <v>572493</v>
      </c>
      <c r="U42" s="372">
        <v>784623</v>
      </c>
      <c r="V42" s="372">
        <v>602031</v>
      </c>
      <c r="W42" s="373">
        <v>2671871</v>
      </c>
      <c r="X42" s="375">
        <v>2728565</v>
      </c>
      <c r="Y42" s="371">
        <v>0</v>
      </c>
      <c r="Z42" s="372">
        <v>0</v>
      </c>
      <c r="AA42" s="373">
        <v>0</v>
      </c>
      <c r="AB42" s="371">
        <v>0</v>
      </c>
      <c r="AC42" s="372">
        <v>160725</v>
      </c>
      <c r="AD42" s="372">
        <v>155919</v>
      </c>
      <c r="AE42" s="372">
        <v>272010</v>
      </c>
      <c r="AF42" s="372">
        <v>279191</v>
      </c>
      <c r="AG42" s="372">
        <v>381043</v>
      </c>
      <c r="AH42" s="373">
        <v>1248888</v>
      </c>
      <c r="AI42" s="375">
        <v>1248888</v>
      </c>
      <c r="AJ42" s="371">
        <v>0</v>
      </c>
      <c r="AK42" s="372">
        <v>0</v>
      </c>
      <c r="AL42" s="373">
        <v>0</v>
      </c>
      <c r="AM42" s="371">
        <v>0</v>
      </c>
      <c r="AN42" s="372">
        <v>0</v>
      </c>
      <c r="AO42" s="372">
        <v>0</v>
      </c>
      <c r="AP42" s="372">
        <v>0</v>
      </c>
      <c r="AQ42" s="372">
        <v>0</v>
      </c>
      <c r="AR42" s="372">
        <v>0</v>
      </c>
      <c r="AS42" s="373">
        <v>0</v>
      </c>
      <c r="AT42" s="375">
        <v>0</v>
      </c>
      <c r="AU42" s="371">
        <v>14579</v>
      </c>
      <c r="AV42" s="372">
        <v>17599</v>
      </c>
      <c r="AW42" s="373">
        <v>32178</v>
      </c>
      <c r="AX42" s="371">
        <v>0</v>
      </c>
      <c r="AY42" s="372">
        <v>130912</v>
      </c>
      <c r="AZ42" s="372">
        <v>141047</v>
      </c>
      <c r="BA42" s="372">
        <v>226224</v>
      </c>
      <c r="BB42" s="372">
        <v>268671</v>
      </c>
      <c r="BC42" s="372">
        <v>93794</v>
      </c>
      <c r="BD42" s="373">
        <v>860648</v>
      </c>
      <c r="BE42" s="375">
        <v>892826</v>
      </c>
      <c r="BF42" s="371">
        <v>0</v>
      </c>
      <c r="BG42" s="372">
        <v>0</v>
      </c>
      <c r="BH42" s="376">
        <v>0</v>
      </c>
      <c r="BI42" s="377">
        <v>0</v>
      </c>
      <c r="BJ42" s="372">
        <v>27223</v>
      </c>
      <c r="BK42" s="372">
        <v>24250</v>
      </c>
      <c r="BL42" s="372">
        <v>0</v>
      </c>
      <c r="BM42" s="372">
        <v>23470</v>
      </c>
      <c r="BN42" s="372">
        <v>27223</v>
      </c>
      <c r="BO42" s="373">
        <v>102166</v>
      </c>
      <c r="BP42" s="375">
        <v>102166</v>
      </c>
      <c r="BQ42" s="371">
        <v>24516</v>
      </c>
      <c r="BR42" s="372">
        <v>0</v>
      </c>
      <c r="BS42" s="373">
        <v>24516</v>
      </c>
      <c r="BT42" s="371">
        <v>0</v>
      </c>
      <c r="BU42" s="372">
        <v>51660</v>
      </c>
      <c r="BV42" s="372">
        <v>20988</v>
      </c>
      <c r="BW42" s="372">
        <v>74259</v>
      </c>
      <c r="BX42" s="372">
        <v>213291</v>
      </c>
      <c r="BY42" s="372">
        <v>99971</v>
      </c>
      <c r="BZ42" s="373">
        <v>460169</v>
      </c>
      <c r="CA42" s="375">
        <v>484685</v>
      </c>
      <c r="CB42" s="371">
        <v>24620</v>
      </c>
      <c r="CC42" s="372">
        <v>93648</v>
      </c>
      <c r="CD42" s="373">
        <v>118268</v>
      </c>
      <c r="CE42" s="371">
        <v>0</v>
      </c>
      <c r="CF42" s="372">
        <v>783064</v>
      </c>
      <c r="CG42" s="372">
        <v>733353</v>
      </c>
      <c r="CH42" s="372">
        <v>725029</v>
      </c>
      <c r="CI42" s="372">
        <v>377664</v>
      </c>
      <c r="CJ42" s="372">
        <v>202984</v>
      </c>
      <c r="CK42" s="373">
        <v>2822094</v>
      </c>
      <c r="CL42" s="375">
        <v>2940362</v>
      </c>
      <c r="CM42" s="371">
        <v>0</v>
      </c>
      <c r="CN42" s="372">
        <v>0</v>
      </c>
      <c r="CO42" s="373">
        <v>0</v>
      </c>
      <c r="CP42" s="377">
        <v>0</v>
      </c>
      <c r="CQ42" s="372">
        <v>415809</v>
      </c>
      <c r="CR42" s="372">
        <v>278673</v>
      </c>
      <c r="CS42" s="372">
        <v>598544</v>
      </c>
      <c r="CT42" s="372">
        <v>218886</v>
      </c>
      <c r="CU42" s="372">
        <v>98935</v>
      </c>
      <c r="CV42" s="373">
        <v>1610847</v>
      </c>
      <c r="CW42" s="375">
        <v>1610847</v>
      </c>
      <c r="CX42" s="371">
        <v>24620</v>
      </c>
      <c r="CY42" s="372">
        <v>93648</v>
      </c>
      <c r="CZ42" s="373">
        <v>118268</v>
      </c>
      <c r="DA42" s="371">
        <v>0</v>
      </c>
      <c r="DB42" s="372">
        <v>367255</v>
      </c>
      <c r="DC42" s="372">
        <v>454680</v>
      </c>
      <c r="DD42" s="372">
        <v>126485</v>
      </c>
      <c r="DE42" s="372">
        <v>158778</v>
      </c>
      <c r="DF42" s="372">
        <v>104049</v>
      </c>
      <c r="DG42" s="373">
        <v>1211247</v>
      </c>
      <c r="DH42" s="375">
        <v>1329515</v>
      </c>
      <c r="DI42" s="371">
        <v>0</v>
      </c>
      <c r="DJ42" s="372">
        <v>0</v>
      </c>
      <c r="DK42" s="376">
        <v>0</v>
      </c>
      <c r="DL42" s="377">
        <v>0</v>
      </c>
      <c r="DM42" s="372">
        <v>38314</v>
      </c>
      <c r="DN42" s="372">
        <v>142496</v>
      </c>
      <c r="DO42" s="372">
        <v>293364</v>
      </c>
      <c r="DP42" s="372">
        <v>395252</v>
      </c>
      <c r="DQ42" s="372">
        <v>23422</v>
      </c>
      <c r="DR42" s="373">
        <v>892848</v>
      </c>
      <c r="DS42" s="375">
        <v>892848</v>
      </c>
      <c r="DT42" s="371">
        <v>0</v>
      </c>
      <c r="DU42" s="372">
        <v>0</v>
      </c>
      <c r="DV42" s="373">
        <v>0</v>
      </c>
      <c r="DW42" s="371">
        <v>0</v>
      </c>
      <c r="DX42" s="372">
        <v>38314</v>
      </c>
      <c r="DY42" s="372">
        <v>142496</v>
      </c>
      <c r="DZ42" s="372">
        <v>293364</v>
      </c>
      <c r="EA42" s="372">
        <v>358170</v>
      </c>
      <c r="EB42" s="372">
        <v>0</v>
      </c>
      <c r="EC42" s="373">
        <v>832344</v>
      </c>
      <c r="ED42" s="375">
        <v>832344</v>
      </c>
      <c r="EE42" s="371">
        <v>0</v>
      </c>
      <c r="EF42" s="376">
        <v>0</v>
      </c>
      <c r="EG42" s="373">
        <v>0</v>
      </c>
      <c r="EH42" s="371">
        <v>0</v>
      </c>
      <c r="EI42" s="372">
        <v>0</v>
      </c>
      <c r="EJ42" s="372">
        <v>0</v>
      </c>
      <c r="EK42" s="372">
        <v>0</v>
      </c>
      <c r="EL42" s="372">
        <v>37082</v>
      </c>
      <c r="EM42" s="372">
        <v>23422</v>
      </c>
      <c r="EN42" s="376">
        <v>60504</v>
      </c>
      <c r="EO42" s="375">
        <v>60504</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149292</v>
      </c>
      <c r="FM42" s="372">
        <v>8082</v>
      </c>
      <c r="FN42" s="373">
        <v>157374</v>
      </c>
      <c r="FO42" s="371">
        <v>0</v>
      </c>
      <c r="FP42" s="372">
        <v>146568</v>
      </c>
      <c r="FQ42" s="372">
        <v>401156</v>
      </c>
      <c r="FR42" s="372">
        <v>195246</v>
      </c>
      <c r="FS42" s="372">
        <v>181130</v>
      </c>
      <c r="FT42" s="372">
        <v>130625</v>
      </c>
      <c r="FU42" s="373">
        <v>1054725</v>
      </c>
      <c r="FV42" s="375">
        <v>1212099</v>
      </c>
      <c r="FW42" s="378">
        <v>94050</v>
      </c>
      <c r="FX42" s="372">
        <v>8082</v>
      </c>
      <c r="FY42" s="376">
        <v>102132</v>
      </c>
      <c r="FZ42" s="377">
        <v>0</v>
      </c>
      <c r="GA42" s="372">
        <v>146568</v>
      </c>
      <c r="GB42" s="372">
        <v>401156</v>
      </c>
      <c r="GC42" s="372">
        <v>195246</v>
      </c>
      <c r="GD42" s="372">
        <v>181130</v>
      </c>
      <c r="GE42" s="372">
        <v>130625</v>
      </c>
      <c r="GF42" s="373">
        <v>1054725</v>
      </c>
      <c r="GG42" s="379">
        <v>1156857</v>
      </c>
      <c r="GH42" s="378">
        <v>55242</v>
      </c>
      <c r="GI42" s="372">
        <v>0</v>
      </c>
      <c r="GJ42" s="376">
        <v>55242</v>
      </c>
      <c r="GK42" s="377">
        <v>0</v>
      </c>
      <c r="GL42" s="372">
        <v>0</v>
      </c>
      <c r="GM42" s="372">
        <v>0</v>
      </c>
      <c r="GN42" s="372">
        <v>0</v>
      </c>
      <c r="GO42" s="372">
        <v>0</v>
      </c>
      <c r="GP42" s="372">
        <v>0</v>
      </c>
      <c r="GQ42" s="373">
        <v>0</v>
      </c>
      <c r="GR42" s="375">
        <v>55242</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73008</v>
      </c>
      <c r="HP42" s="372">
        <v>9126</v>
      </c>
      <c r="HQ42" s="373">
        <v>82134</v>
      </c>
      <c r="HR42" s="371">
        <v>0</v>
      </c>
      <c r="HS42" s="372">
        <v>403515</v>
      </c>
      <c r="HT42" s="372">
        <v>394454</v>
      </c>
      <c r="HU42" s="372">
        <v>331428</v>
      </c>
      <c r="HV42" s="372">
        <v>234811</v>
      </c>
      <c r="HW42" s="372">
        <v>97348</v>
      </c>
      <c r="HX42" s="376">
        <v>1461556</v>
      </c>
      <c r="HY42" s="375">
        <v>1543690</v>
      </c>
      <c r="HZ42" s="380">
        <v>0</v>
      </c>
      <c r="IA42" s="381">
        <v>0</v>
      </c>
      <c r="IB42" s="382">
        <v>0</v>
      </c>
      <c r="IC42" s="383">
        <v>0</v>
      </c>
      <c r="ID42" s="384">
        <v>1845230</v>
      </c>
      <c r="IE42" s="385">
        <v>703298</v>
      </c>
      <c r="IF42" s="386">
        <v>1354618</v>
      </c>
      <c r="IG42" s="384">
        <v>1826613</v>
      </c>
      <c r="IH42" s="386">
        <v>754280</v>
      </c>
      <c r="II42" s="387">
        <v>6484039</v>
      </c>
      <c r="IJ42" s="388">
        <v>6484039</v>
      </c>
      <c r="IK42" s="389">
        <v>0</v>
      </c>
      <c r="IL42" s="390">
        <v>0</v>
      </c>
      <c r="IM42" s="391">
        <v>0</v>
      </c>
      <c r="IN42" s="405">
        <v>0</v>
      </c>
      <c r="IO42" s="392">
        <v>0</v>
      </c>
      <c r="IP42" s="392">
        <v>0</v>
      </c>
      <c r="IQ42" s="392">
        <v>0</v>
      </c>
      <c r="IR42" s="392">
        <v>215942</v>
      </c>
      <c r="IS42" s="392">
        <v>0</v>
      </c>
      <c r="IT42" s="393">
        <v>215942</v>
      </c>
      <c r="IU42" s="394">
        <v>215942</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1027107</v>
      </c>
      <c r="JL42" s="392">
        <v>703298</v>
      </c>
      <c r="JM42" s="392">
        <v>794310</v>
      </c>
      <c r="JN42" s="392">
        <v>183786</v>
      </c>
      <c r="JO42" s="392">
        <v>172416</v>
      </c>
      <c r="JP42" s="396">
        <v>2880917</v>
      </c>
      <c r="JQ42" s="394">
        <v>2880917</v>
      </c>
      <c r="JR42" s="395">
        <v>0</v>
      </c>
      <c r="JS42" s="392">
        <v>0</v>
      </c>
      <c r="JT42" s="393">
        <v>0</v>
      </c>
      <c r="JU42" s="398">
        <v>0</v>
      </c>
      <c r="JV42" s="392">
        <v>38414</v>
      </c>
      <c r="JW42" s="392">
        <v>0</v>
      </c>
      <c r="JX42" s="392">
        <v>0</v>
      </c>
      <c r="JY42" s="392">
        <v>0</v>
      </c>
      <c r="JZ42" s="392">
        <v>0</v>
      </c>
      <c r="KA42" s="396">
        <v>38414</v>
      </c>
      <c r="KB42" s="394">
        <v>38414</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779709</v>
      </c>
      <c r="KS42" s="392">
        <v>0</v>
      </c>
      <c r="KT42" s="392">
        <v>560308</v>
      </c>
      <c r="KU42" s="392">
        <v>1426885</v>
      </c>
      <c r="KV42" s="392">
        <v>581864</v>
      </c>
      <c r="KW42" s="396">
        <v>3348766</v>
      </c>
      <c r="KX42" s="394">
        <v>3348766</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49853</v>
      </c>
      <c r="MK42" s="392">
        <v>535425</v>
      </c>
      <c r="ML42" s="392">
        <v>3851003</v>
      </c>
      <c r="MM42" s="392">
        <v>2805241</v>
      </c>
      <c r="MN42" s="392">
        <v>4452155</v>
      </c>
      <c r="MO42" s="396">
        <v>11893677</v>
      </c>
      <c r="MP42" s="401">
        <v>11893677</v>
      </c>
      <c r="MQ42" s="395">
        <v>0</v>
      </c>
      <c r="MR42" s="392">
        <v>0</v>
      </c>
      <c r="MS42" s="396">
        <v>0</v>
      </c>
      <c r="MT42" s="414">
        <v>0</v>
      </c>
      <c r="MU42" s="392">
        <v>0</v>
      </c>
      <c r="MV42" s="392">
        <v>0</v>
      </c>
      <c r="MW42" s="392">
        <v>1587667</v>
      </c>
      <c r="MX42" s="392">
        <v>1800875</v>
      </c>
      <c r="MY42" s="392">
        <v>2627162</v>
      </c>
      <c r="MZ42" s="396">
        <v>6015704</v>
      </c>
      <c r="NA42" s="401">
        <v>6015704</v>
      </c>
      <c r="NB42" s="395">
        <v>0</v>
      </c>
      <c r="NC42" s="392">
        <v>0</v>
      </c>
      <c r="ND42" s="396">
        <v>0</v>
      </c>
      <c r="NE42" s="414">
        <v>0</v>
      </c>
      <c r="NF42" s="392">
        <v>249853</v>
      </c>
      <c r="NG42" s="392">
        <v>535425</v>
      </c>
      <c r="NH42" s="392">
        <v>2263336</v>
      </c>
      <c r="NI42" s="392">
        <v>1004366</v>
      </c>
      <c r="NJ42" s="392">
        <v>1433204</v>
      </c>
      <c r="NK42" s="396">
        <v>5486184</v>
      </c>
      <c r="NL42" s="394">
        <v>5486184</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391789</v>
      </c>
      <c r="OG42" s="396">
        <v>391789</v>
      </c>
      <c r="OH42" s="397">
        <v>391789</v>
      </c>
      <c r="OI42" s="395">
        <v>286015</v>
      </c>
      <c r="OJ42" s="392">
        <v>128455</v>
      </c>
      <c r="OK42" s="393">
        <v>414470</v>
      </c>
      <c r="OL42" s="398">
        <v>0</v>
      </c>
      <c r="OM42" s="392">
        <v>3837064</v>
      </c>
      <c r="ON42" s="392">
        <v>3252386</v>
      </c>
      <c r="OO42" s="392">
        <v>7323181</v>
      </c>
      <c r="OP42" s="392">
        <v>6605334</v>
      </c>
      <c r="OQ42" s="392">
        <v>6262845</v>
      </c>
      <c r="OR42" s="396">
        <v>27280810</v>
      </c>
      <c r="OS42" s="401">
        <v>27695280</v>
      </c>
    </row>
    <row r="43" spans="2:409" x14ac:dyDescent="0.2">
      <c r="B43" s="7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8</v>
      </c>
      <c r="G1" s="572">
        <f>IF(F1&lt;3,F1-2+12,F1-2)</f>
        <v>6</v>
      </c>
      <c r="H1" s="572"/>
      <c r="IB1" s="42"/>
      <c r="IC1" s="22"/>
      <c r="ID1" s="547"/>
      <c r="IE1" s="547"/>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28065734</v>
      </c>
      <c r="D9" s="256">
        <v>47334752</v>
      </c>
      <c r="E9" s="257">
        <v>75400486</v>
      </c>
      <c r="F9" s="258">
        <v>0</v>
      </c>
      <c r="G9" s="256">
        <v>296774004</v>
      </c>
      <c r="H9" s="256">
        <v>402988970</v>
      </c>
      <c r="I9" s="256">
        <v>341461546</v>
      </c>
      <c r="J9" s="256">
        <v>301651038</v>
      </c>
      <c r="K9" s="256">
        <v>202391762</v>
      </c>
      <c r="L9" s="259">
        <v>1545267320</v>
      </c>
      <c r="M9" s="260">
        <v>1620667806</v>
      </c>
      <c r="N9" s="255">
        <v>8278429</v>
      </c>
      <c r="O9" s="256">
        <v>16723375</v>
      </c>
      <c r="P9" s="261">
        <v>25001804</v>
      </c>
      <c r="Q9" s="255">
        <v>0</v>
      </c>
      <c r="R9" s="256">
        <v>90286974</v>
      </c>
      <c r="S9" s="256">
        <v>137217998</v>
      </c>
      <c r="T9" s="256">
        <v>115731963</v>
      </c>
      <c r="U9" s="256">
        <v>113745646</v>
      </c>
      <c r="V9" s="256">
        <v>107460013</v>
      </c>
      <c r="W9" s="261">
        <v>564442594</v>
      </c>
      <c r="X9" s="260">
        <v>589444398</v>
      </c>
      <c r="Y9" s="255">
        <v>0</v>
      </c>
      <c r="Z9" s="256">
        <v>0</v>
      </c>
      <c r="AA9" s="261">
        <v>0</v>
      </c>
      <c r="AB9" s="262">
        <v>0</v>
      </c>
      <c r="AC9" s="263">
        <v>36270858</v>
      </c>
      <c r="AD9" s="263">
        <v>54403102</v>
      </c>
      <c r="AE9" s="263">
        <v>55105582</v>
      </c>
      <c r="AF9" s="263">
        <v>60291272</v>
      </c>
      <c r="AG9" s="263">
        <v>62910424</v>
      </c>
      <c r="AH9" s="261">
        <v>268981238</v>
      </c>
      <c r="AI9" s="260">
        <v>268981238</v>
      </c>
      <c r="AJ9" s="264">
        <v>0</v>
      </c>
      <c r="AK9" s="263">
        <v>16661</v>
      </c>
      <c r="AL9" s="261">
        <v>16661</v>
      </c>
      <c r="AM9" s="262">
        <v>0</v>
      </c>
      <c r="AN9" s="263">
        <v>233944</v>
      </c>
      <c r="AO9" s="259">
        <v>1464061</v>
      </c>
      <c r="AP9" s="263">
        <v>2386850</v>
      </c>
      <c r="AQ9" s="263">
        <v>6330423</v>
      </c>
      <c r="AR9" s="263">
        <v>11265414</v>
      </c>
      <c r="AS9" s="261">
        <v>21680692</v>
      </c>
      <c r="AT9" s="260">
        <v>21697353</v>
      </c>
      <c r="AU9" s="264">
        <v>4088472</v>
      </c>
      <c r="AV9" s="263">
        <v>11572141</v>
      </c>
      <c r="AW9" s="261">
        <v>15660613</v>
      </c>
      <c r="AX9" s="262">
        <v>0</v>
      </c>
      <c r="AY9" s="263">
        <v>32199396</v>
      </c>
      <c r="AZ9" s="263">
        <v>54411372</v>
      </c>
      <c r="BA9" s="263">
        <v>35675707</v>
      </c>
      <c r="BB9" s="263">
        <v>26999594</v>
      </c>
      <c r="BC9" s="263">
        <v>20559595</v>
      </c>
      <c r="BD9" s="261">
        <v>169845664</v>
      </c>
      <c r="BE9" s="265">
        <v>185506277</v>
      </c>
      <c r="BF9" s="264">
        <v>617421</v>
      </c>
      <c r="BG9" s="259">
        <v>1283477</v>
      </c>
      <c r="BH9" s="266">
        <v>1900898</v>
      </c>
      <c r="BI9" s="262">
        <v>0</v>
      </c>
      <c r="BJ9" s="263">
        <v>2827576</v>
      </c>
      <c r="BK9" s="263">
        <v>4414887</v>
      </c>
      <c r="BL9" s="263">
        <v>2929522</v>
      </c>
      <c r="BM9" s="263">
        <v>2012347</v>
      </c>
      <c r="BN9" s="263">
        <v>1072492</v>
      </c>
      <c r="BO9" s="261">
        <v>13256824</v>
      </c>
      <c r="BP9" s="260">
        <v>15157722</v>
      </c>
      <c r="BQ9" s="264">
        <v>3572536</v>
      </c>
      <c r="BR9" s="263">
        <v>3851096</v>
      </c>
      <c r="BS9" s="261">
        <v>7423632</v>
      </c>
      <c r="BT9" s="262">
        <v>0</v>
      </c>
      <c r="BU9" s="263">
        <v>18755200</v>
      </c>
      <c r="BV9" s="263">
        <v>22524576</v>
      </c>
      <c r="BW9" s="263">
        <v>19634302</v>
      </c>
      <c r="BX9" s="263">
        <v>18112010</v>
      </c>
      <c r="BY9" s="263">
        <v>11652088</v>
      </c>
      <c r="BZ9" s="261">
        <v>90678176</v>
      </c>
      <c r="CA9" s="260">
        <v>98101808</v>
      </c>
      <c r="CB9" s="264">
        <v>2962489</v>
      </c>
      <c r="CC9" s="263">
        <v>7170754</v>
      </c>
      <c r="CD9" s="261">
        <v>10133243</v>
      </c>
      <c r="CE9" s="262">
        <v>0</v>
      </c>
      <c r="CF9" s="263">
        <v>90176437</v>
      </c>
      <c r="CG9" s="263">
        <v>108451736</v>
      </c>
      <c r="CH9" s="267">
        <v>80553528</v>
      </c>
      <c r="CI9" s="263">
        <v>40787417</v>
      </c>
      <c r="CJ9" s="263">
        <v>16390387</v>
      </c>
      <c r="CK9" s="261">
        <v>336359505</v>
      </c>
      <c r="CL9" s="260">
        <v>346492748</v>
      </c>
      <c r="CM9" s="255">
        <v>0</v>
      </c>
      <c r="CN9" s="256">
        <v>0</v>
      </c>
      <c r="CO9" s="261">
        <v>0</v>
      </c>
      <c r="CP9" s="262">
        <v>0</v>
      </c>
      <c r="CQ9" s="263">
        <v>72608988</v>
      </c>
      <c r="CR9" s="263">
        <v>78960975</v>
      </c>
      <c r="CS9" s="263">
        <v>59556865</v>
      </c>
      <c r="CT9" s="263">
        <v>26724615</v>
      </c>
      <c r="CU9" s="263">
        <v>12528446</v>
      </c>
      <c r="CV9" s="268">
        <v>250379889</v>
      </c>
      <c r="CW9" s="260">
        <v>250379889</v>
      </c>
      <c r="CX9" s="264">
        <v>2962489</v>
      </c>
      <c r="CY9" s="263">
        <v>7170754</v>
      </c>
      <c r="CZ9" s="261">
        <v>10133243</v>
      </c>
      <c r="DA9" s="262">
        <v>0</v>
      </c>
      <c r="DB9" s="263">
        <v>17567449</v>
      </c>
      <c r="DC9" s="263">
        <v>29490761</v>
      </c>
      <c r="DD9" s="263">
        <v>20996663</v>
      </c>
      <c r="DE9" s="263">
        <v>14062802</v>
      </c>
      <c r="DF9" s="263">
        <v>3861941</v>
      </c>
      <c r="DG9" s="261">
        <v>85979616</v>
      </c>
      <c r="DH9" s="260">
        <v>96112859</v>
      </c>
      <c r="DI9" s="264">
        <v>166026</v>
      </c>
      <c r="DJ9" s="263">
        <v>731891</v>
      </c>
      <c r="DK9" s="266">
        <v>897917</v>
      </c>
      <c r="DL9" s="262">
        <v>0</v>
      </c>
      <c r="DM9" s="263">
        <v>8679147</v>
      </c>
      <c r="DN9" s="263">
        <v>20279927</v>
      </c>
      <c r="DO9" s="263">
        <v>30063258</v>
      </c>
      <c r="DP9" s="263">
        <v>24237432</v>
      </c>
      <c r="DQ9" s="263">
        <v>11833274</v>
      </c>
      <c r="DR9" s="269">
        <v>95093038</v>
      </c>
      <c r="DS9" s="260">
        <v>95990955</v>
      </c>
      <c r="DT9" s="264">
        <v>166026</v>
      </c>
      <c r="DU9" s="263">
        <v>731891</v>
      </c>
      <c r="DV9" s="261">
        <v>897917</v>
      </c>
      <c r="DW9" s="262">
        <v>0</v>
      </c>
      <c r="DX9" s="263">
        <v>7862948</v>
      </c>
      <c r="DY9" s="263">
        <v>16552123</v>
      </c>
      <c r="DZ9" s="263">
        <v>25189545</v>
      </c>
      <c r="EA9" s="263">
        <v>20508555</v>
      </c>
      <c r="EB9" s="263">
        <v>10007317</v>
      </c>
      <c r="EC9" s="261">
        <v>80120488</v>
      </c>
      <c r="ED9" s="260">
        <v>81018405</v>
      </c>
      <c r="EE9" s="264">
        <v>0</v>
      </c>
      <c r="EF9" s="259">
        <v>0</v>
      </c>
      <c r="EG9" s="261">
        <v>0</v>
      </c>
      <c r="EH9" s="265">
        <v>0</v>
      </c>
      <c r="EI9" s="263">
        <v>816199</v>
      </c>
      <c r="EJ9" s="263">
        <v>3727804</v>
      </c>
      <c r="EK9" s="263">
        <v>4873713</v>
      </c>
      <c r="EL9" s="263">
        <v>3728877</v>
      </c>
      <c r="EM9" s="267">
        <v>1825957</v>
      </c>
      <c r="EN9" s="259">
        <v>14972550</v>
      </c>
      <c r="EO9" s="260">
        <v>14972550</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648219</v>
      </c>
      <c r="FM9" s="263">
        <v>10568932</v>
      </c>
      <c r="FN9" s="261">
        <v>17217151</v>
      </c>
      <c r="FO9" s="262">
        <v>0</v>
      </c>
      <c r="FP9" s="263">
        <v>15168144</v>
      </c>
      <c r="FQ9" s="263">
        <v>39816502</v>
      </c>
      <c r="FR9" s="263">
        <v>29069632</v>
      </c>
      <c r="FS9" s="263">
        <v>22238615</v>
      </c>
      <c r="FT9" s="263">
        <v>15339036</v>
      </c>
      <c r="FU9" s="261">
        <v>121631929</v>
      </c>
      <c r="FV9" s="260">
        <v>138849080</v>
      </c>
      <c r="FW9" s="264">
        <v>2945976</v>
      </c>
      <c r="FX9" s="263">
        <v>7136928</v>
      </c>
      <c r="FY9" s="259">
        <v>10082904</v>
      </c>
      <c r="FZ9" s="265">
        <v>0</v>
      </c>
      <c r="GA9" s="263">
        <v>10714344</v>
      </c>
      <c r="GB9" s="270">
        <v>36233300</v>
      </c>
      <c r="GC9" s="263">
        <v>26048513</v>
      </c>
      <c r="GD9" s="270">
        <v>20088188</v>
      </c>
      <c r="GE9" s="263">
        <v>13981128</v>
      </c>
      <c r="GF9" s="268">
        <v>107065473</v>
      </c>
      <c r="GG9" s="271">
        <v>117148377</v>
      </c>
      <c r="GH9" s="272">
        <v>337316</v>
      </c>
      <c r="GI9" s="263">
        <v>705284</v>
      </c>
      <c r="GJ9" s="270">
        <v>1042600</v>
      </c>
      <c r="GK9" s="258">
        <v>0</v>
      </c>
      <c r="GL9" s="263">
        <v>643472</v>
      </c>
      <c r="GM9" s="259">
        <v>1388221</v>
      </c>
      <c r="GN9" s="263">
        <v>1257279</v>
      </c>
      <c r="GO9" s="259">
        <v>741523</v>
      </c>
      <c r="GP9" s="263">
        <v>593312</v>
      </c>
      <c r="GQ9" s="269">
        <v>4623807</v>
      </c>
      <c r="GR9" s="260">
        <v>5666407</v>
      </c>
      <c r="GS9" s="259">
        <v>3364927</v>
      </c>
      <c r="GT9" s="263">
        <v>2726720</v>
      </c>
      <c r="GU9" s="261">
        <v>6091647</v>
      </c>
      <c r="GV9" s="259">
        <v>0</v>
      </c>
      <c r="GW9" s="263">
        <v>3810328</v>
      </c>
      <c r="GX9" s="259">
        <v>2194981</v>
      </c>
      <c r="GY9" s="263">
        <v>1763840</v>
      </c>
      <c r="GZ9" s="259">
        <v>1408904</v>
      </c>
      <c r="HA9" s="263">
        <v>764596</v>
      </c>
      <c r="HB9" s="259">
        <v>9942649</v>
      </c>
      <c r="HC9" s="260">
        <v>16034296</v>
      </c>
      <c r="HD9" s="259">
        <v>10010571</v>
      </c>
      <c r="HE9" s="263">
        <v>12139800</v>
      </c>
      <c r="HF9" s="259">
        <v>22150371</v>
      </c>
      <c r="HG9" s="265">
        <v>0</v>
      </c>
      <c r="HH9" s="263">
        <v>92463302</v>
      </c>
      <c r="HI9" s="270">
        <v>97222807</v>
      </c>
      <c r="HJ9" s="263">
        <v>86043165</v>
      </c>
      <c r="HK9" s="270">
        <v>100641928</v>
      </c>
      <c r="HL9" s="263">
        <v>51369052</v>
      </c>
      <c r="HM9" s="268">
        <v>427740254</v>
      </c>
      <c r="HN9" s="259">
        <v>449890625</v>
      </c>
      <c r="HO9" s="272">
        <v>0</v>
      </c>
      <c r="HP9" s="263">
        <v>0</v>
      </c>
      <c r="HQ9" s="268">
        <v>0</v>
      </c>
      <c r="HR9" s="270">
        <v>0</v>
      </c>
      <c r="HS9" s="263">
        <v>0</v>
      </c>
      <c r="HT9" s="270">
        <v>0</v>
      </c>
      <c r="HU9" s="263">
        <v>0</v>
      </c>
      <c r="HV9" s="270">
        <v>0</v>
      </c>
      <c r="HW9" s="263">
        <v>0</v>
      </c>
      <c r="HX9" s="270">
        <v>0</v>
      </c>
      <c r="HY9" s="260">
        <v>0</v>
      </c>
      <c r="HZ9" s="273">
        <v>612256</v>
      </c>
      <c r="IA9" s="274">
        <v>727642</v>
      </c>
      <c r="IB9" s="275">
        <v>1339898</v>
      </c>
      <c r="IC9" s="276">
        <v>0</v>
      </c>
      <c r="ID9" s="274">
        <v>76843420</v>
      </c>
      <c r="IE9" s="277">
        <v>102637040</v>
      </c>
      <c r="IF9" s="278">
        <v>101878251</v>
      </c>
      <c r="IG9" s="274">
        <v>78236714</v>
      </c>
      <c r="IH9" s="278">
        <v>48052270</v>
      </c>
      <c r="II9" s="279">
        <v>407647695</v>
      </c>
      <c r="IJ9" s="280">
        <v>408987593</v>
      </c>
      <c r="IK9" s="281">
        <v>0</v>
      </c>
      <c r="IL9" s="282">
        <v>0</v>
      </c>
      <c r="IM9" s="283">
        <v>0</v>
      </c>
      <c r="IN9" s="406">
        <v>0</v>
      </c>
      <c r="IO9" s="284">
        <v>1678251</v>
      </c>
      <c r="IP9" s="284">
        <v>2080941</v>
      </c>
      <c r="IQ9" s="284">
        <v>3384577</v>
      </c>
      <c r="IR9" s="284">
        <v>4491504</v>
      </c>
      <c r="IS9" s="284">
        <v>2940733</v>
      </c>
      <c r="IT9" s="285">
        <v>14576006</v>
      </c>
      <c r="IU9" s="286">
        <v>14576006</v>
      </c>
      <c r="IV9" s="287">
        <v>0</v>
      </c>
      <c r="IW9" s="284">
        <v>0</v>
      </c>
      <c r="IX9" s="288">
        <v>0</v>
      </c>
      <c r="IY9" s="406">
        <v>0</v>
      </c>
      <c r="IZ9" s="284">
        <v>174559</v>
      </c>
      <c r="JA9" s="284">
        <v>500916</v>
      </c>
      <c r="JB9" s="284">
        <v>892396</v>
      </c>
      <c r="JC9" s="284">
        <v>894481</v>
      </c>
      <c r="JD9" s="284">
        <v>855784</v>
      </c>
      <c r="JE9" s="288">
        <v>3318136</v>
      </c>
      <c r="JF9" s="289">
        <v>3318136</v>
      </c>
      <c r="JG9" s="287">
        <v>0</v>
      </c>
      <c r="JH9" s="284">
        <v>0</v>
      </c>
      <c r="JI9" s="285">
        <v>0</v>
      </c>
      <c r="JJ9" s="290">
        <v>0</v>
      </c>
      <c r="JK9" s="284">
        <v>33666782</v>
      </c>
      <c r="JL9" s="284">
        <v>43088250</v>
      </c>
      <c r="JM9" s="284">
        <v>24360678</v>
      </c>
      <c r="JN9" s="284">
        <v>13405122</v>
      </c>
      <c r="JO9" s="284">
        <v>7288971</v>
      </c>
      <c r="JP9" s="288">
        <v>121809803</v>
      </c>
      <c r="JQ9" s="286">
        <v>121809803</v>
      </c>
      <c r="JR9" s="287">
        <v>23192</v>
      </c>
      <c r="JS9" s="284">
        <v>0</v>
      </c>
      <c r="JT9" s="285">
        <v>23192</v>
      </c>
      <c r="JU9" s="290">
        <v>0</v>
      </c>
      <c r="JV9" s="284">
        <v>4381300</v>
      </c>
      <c r="JW9" s="284">
        <v>7016021</v>
      </c>
      <c r="JX9" s="284">
        <v>9461839</v>
      </c>
      <c r="JY9" s="284">
        <v>4434804</v>
      </c>
      <c r="JZ9" s="284">
        <v>3202938</v>
      </c>
      <c r="KA9" s="288">
        <v>28496902</v>
      </c>
      <c r="KB9" s="286">
        <v>28520094</v>
      </c>
      <c r="KC9" s="291">
        <v>589064</v>
      </c>
      <c r="KD9" s="292">
        <v>727642</v>
      </c>
      <c r="KE9" s="288">
        <v>1316706</v>
      </c>
      <c r="KF9" s="290">
        <v>0</v>
      </c>
      <c r="KG9" s="284">
        <v>10389584</v>
      </c>
      <c r="KH9" s="284">
        <v>12467429</v>
      </c>
      <c r="KI9" s="284">
        <v>17052353</v>
      </c>
      <c r="KJ9" s="284">
        <v>10442969</v>
      </c>
      <c r="KK9" s="284">
        <v>6011938</v>
      </c>
      <c r="KL9" s="288">
        <v>56364273</v>
      </c>
      <c r="KM9" s="293">
        <v>57680979</v>
      </c>
      <c r="KN9" s="281">
        <v>0</v>
      </c>
      <c r="KO9" s="282">
        <v>0</v>
      </c>
      <c r="KP9" s="283">
        <v>0</v>
      </c>
      <c r="KQ9" s="406">
        <v>0</v>
      </c>
      <c r="KR9" s="284">
        <v>23482402</v>
      </c>
      <c r="KS9" s="284">
        <v>32512614</v>
      </c>
      <c r="KT9" s="284">
        <v>36683232</v>
      </c>
      <c r="KU9" s="284">
        <v>28781007</v>
      </c>
      <c r="KV9" s="284">
        <v>14588610</v>
      </c>
      <c r="KW9" s="288">
        <v>136047865</v>
      </c>
      <c r="KX9" s="286">
        <v>136047865</v>
      </c>
      <c r="KY9" s="287">
        <v>0</v>
      </c>
      <c r="KZ9" s="284">
        <v>0</v>
      </c>
      <c r="LA9" s="288">
        <v>0</v>
      </c>
      <c r="LB9" s="406">
        <v>0</v>
      </c>
      <c r="LC9" s="284">
        <v>314359</v>
      </c>
      <c r="LD9" s="284">
        <v>1024946</v>
      </c>
      <c r="LE9" s="284">
        <v>648251</v>
      </c>
      <c r="LF9" s="284">
        <v>1306952</v>
      </c>
      <c r="LG9" s="284">
        <v>710084</v>
      </c>
      <c r="LH9" s="288">
        <v>4004592</v>
      </c>
      <c r="LI9" s="289">
        <v>4004592</v>
      </c>
      <c r="LJ9" s="287">
        <v>0</v>
      </c>
      <c r="LK9" s="284">
        <v>0</v>
      </c>
      <c r="LL9" s="288">
        <v>0</v>
      </c>
      <c r="LM9" s="406">
        <v>0</v>
      </c>
      <c r="LN9" s="284">
        <v>230144</v>
      </c>
      <c r="LO9" s="284">
        <v>479830</v>
      </c>
      <c r="LP9" s="284">
        <v>3179103</v>
      </c>
      <c r="LQ9" s="284">
        <v>8203092</v>
      </c>
      <c r="LR9" s="284">
        <v>3783317</v>
      </c>
      <c r="LS9" s="288">
        <v>15875486</v>
      </c>
      <c r="LT9" s="286">
        <v>15875486</v>
      </c>
      <c r="LU9" s="287">
        <v>0</v>
      </c>
      <c r="LV9" s="284">
        <v>0</v>
      </c>
      <c r="LW9" s="288">
        <v>0</v>
      </c>
      <c r="LX9" s="406">
        <v>0</v>
      </c>
      <c r="LY9" s="284">
        <v>2526039</v>
      </c>
      <c r="LZ9" s="284">
        <v>3466093</v>
      </c>
      <c r="MA9" s="284">
        <v>6215822</v>
      </c>
      <c r="MB9" s="284">
        <v>6276783</v>
      </c>
      <c r="MC9" s="284">
        <v>8669895</v>
      </c>
      <c r="MD9" s="288">
        <v>27154632</v>
      </c>
      <c r="ME9" s="289">
        <v>27154632</v>
      </c>
      <c r="MF9" s="287">
        <v>0</v>
      </c>
      <c r="MG9" s="284">
        <v>0</v>
      </c>
      <c r="MH9" s="288">
        <v>0</v>
      </c>
      <c r="MI9" s="406">
        <v>0</v>
      </c>
      <c r="MJ9" s="284">
        <v>22474708</v>
      </c>
      <c r="MK9" s="284">
        <v>61410718</v>
      </c>
      <c r="ML9" s="284">
        <v>190733079</v>
      </c>
      <c r="MM9" s="284">
        <v>271101702</v>
      </c>
      <c r="MN9" s="284">
        <v>145002106</v>
      </c>
      <c r="MO9" s="288">
        <v>690722313</v>
      </c>
      <c r="MP9" s="293">
        <v>690722313</v>
      </c>
      <c r="MQ9" s="287">
        <v>0</v>
      </c>
      <c r="MR9" s="284">
        <v>0</v>
      </c>
      <c r="MS9" s="288">
        <v>0</v>
      </c>
      <c r="MT9" s="406">
        <v>0</v>
      </c>
      <c r="MU9" s="284">
        <v>3449530</v>
      </c>
      <c r="MV9" s="284">
        <v>15824884</v>
      </c>
      <c r="MW9" s="284">
        <v>110184913</v>
      </c>
      <c r="MX9" s="284">
        <v>173268762</v>
      </c>
      <c r="MY9" s="284">
        <v>91731529</v>
      </c>
      <c r="MZ9" s="288">
        <v>394459618</v>
      </c>
      <c r="NA9" s="293">
        <v>394459618</v>
      </c>
      <c r="NB9" s="287">
        <v>0</v>
      </c>
      <c r="NC9" s="284">
        <v>0</v>
      </c>
      <c r="ND9" s="288">
        <v>0</v>
      </c>
      <c r="NE9" s="406">
        <v>0</v>
      </c>
      <c r="NF9" s="284">
        <v>19025178</v>
      </c>
      <c r="NG9" s="284">
        <v>45361038</v>
      </c>
      <c r="NH9" s="284">
        <v>80261890</v>
      </c>
      <c r="NI9" s="284">
        <v>92587400</v>
      </c>
      <c r="NJ9" s="284">
        <v>48540915</v>
      </c>
      <c r="NK9" s="288">
        <v>285776421</v>
      </c>
      <c r="NL9" s="286">
        <v>285776421</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24796</v>
      </c>
      <c r="OD9" s="284">
        <v>286276</v>
      </c>
      <c r="OE9" s="284">
        <v>5245540</v>
      </c>
      <c r="OF9" s="284">
        <v>4729662</v>
      </c>
      <c r="OG9" s="288">
        <v>10486274</v>
      </c>
      <c r="OH9" s="289">
        <v>10486274</v>
      </c>
      <c r="OI9" s="287">
        <v>28677990</v>
      </c>
      <c r="OJ9" s="284">
        <v>48062394</v>
      </c>
      <c r="OK9" s="285">
        <v>76740384</v>
      </c>
      <c r="OL9" s="290">
        <v>0</v>
      </c>
      <c r="OM9" s="284">
        <v>396092132</v>
      </c>
      <c r="ON9" s="284">
        <v>567036728</v>
      </c>
      <c r="OO9" s="284">
        <v>634072876</v>
      </c>
      <c r="OP9" s="284">
        <v>650989454</v>
      </c>
      <c r="OQ9" s="284">
        <v>395446138</v>
      </c>
      <c r="OR9" s="288">
        <v>2643637328</v>
      </c>
      <c r="OS9" s="293">
        <v>2720377712</v>
      </c>
    </row>
    <row r="10" spans="1:409" s="407" customFormat="1" ht="21" customHeight="1" x14ac:dyDescent="0.2">
      <c r="A10" s="70"/>
      <c r="B10" s="409" t="s">
        <v>5</v>
      </c>
      <c r="C10" s="295">
        <v>11926050</v>
      </c>
      <c r="D10" s="296">
        <v>25381090</v>
      </c>
      <c r="E10" s="297">
        <v>37307140</v>
      </c>
      <c r="F10" s="298">
        <v>0</v>
      </c>
      <c r="G10" s="296">
        <v>109473404</v>
      </c>
      <c r="H10" s="296">
        <v>191317983</v>
      </c>
      <c r="I10" s="296">
        <v>152394803</v>
      </c>
      <c r="J10" s="296">
        <v>133382709</v>
      </c>
      <c r="K10" s="296">
        <v>88200612</v>
      </c>
      <c r="L10" s="298">
        <v>674769511</v>
      </c>
      <c r="M10" s="299">
        <v>712076651</v>
      </c>
      <c r="N10" s="295">
        <v>3571575</v>
      </c>
      <c r="O10" s="296">
        <v>10013438</v>
      </c>
      <c r="P10" s="297">
        <v>13585013</v>
      </c>
      <c r="Q10" s="295">
        <v>0</v>
      </c>
      <c r="R10" s="296">
        <v>36190391</v>
      </c>
      <c r="S10" s="296">
        <v>68991563</v>
      </c>
      <c r="T10" s="296">
        <v>55983132</v>
      </c>
      <c r="U10" s="296">
        <v>49264310</v>
      </c>
      <c r="V10" s="296">
        <v>45818967</v>
      </c>
      <c r="W10" s="297">
        <v>256248363</v>
      </c>
      <c r="X10" s="299">
        <v>269833376</v>
      </c>
      <c r="Y10" s="295">
        <v>0</v>
      </c>
      <c r="Z10" s="296">
        <v>0</v>
      </c>
      <c r="AA10" s="297">
        <v>0</v>
      </c>
      <c r="AB10" s="295">
        <v>0</v>
      </c>
      <c r="AC10" s="296">
        <v>14316705</v>
      </c>
      <c r="AD10" s="296">
        <v>25837806</v>
      </c>
      <c r="AE10" s="296">
        <v>25862089</v>
      </c>
      <c r="AF10" s="296">
        <v>24574492</v>
      </c>
      <c r="AG10" s="296">
        <v>25128462</v>
      </c>
      <c r="AH10" s="297">
        <v>115719554</v>
      </c>
      <c r="AI10" s="299">
        <v>115719554</v>
      </c>
      <c r="AJ10" s="295">
        <v>0</v>
      </c>
      <c r="AK10" s="296">
        <v>16661</v>
      </c>
      <c r="AL10" s="297">
        <v>16661</v>
      </c>
      <c r="AM10" s="295">
        <v>0</v>
      </c>
      <c r="AN10" s="296">
        <v>146611</v>
      </c>
      <c r="AO10" s="296">
        <v>688965</v>
      </c>
      <c r="AP10" s="296">
        <v>914501</v>
      </c>
      <c r="AQ10" s="296">
        <v>2816338</v>
      </c>
      <c r="AR10" s="296">
        <v>5740854</v>
      </c>
      <c r="AS10" s="297">
        <v>10307269</v>
      </c>
      <c r="AT10" s="299">
        <v>10323930</v>
      </c>
      <c r="AU10" s="295">
        <v>1893351</v>
      </c>
      <c r="AV10" s="296">
        <v>7125127</v>
      </c>
      <c r="AW10" s="297">
        <v>9018478</v>
      </c>
      <c r="AX10" s="295">
        <v>0</v>
      </c>
      <c r="AY10" s="296">
        <v>13908516</v>
      </c>
      <c r="AZ10" s="296">
        <v>30051269</v>
      </c>
      <c r="BA10" s="296">
        <v>19538762</v>
      </c>
      <c r="BB10" s="296">
        <v>13374312</v>
      </c>
      <c r="BC10" s="296">
        <v>9486734</v>
      </c>
      <c r="BD10" s="297">
        <v>86359593</v>
      </c>
      <c r="BE10" s="299">
        <v>95378071</v>
      </c>
      <c r="BF10" s="295">
        <v>180760</v>
      </c>
      <c r="BG10" s="296">
        <v>637850</v>
      </c>
      <c r="BH10" s="300">
        <v>818610</v>
      </c>
      <c r="BI10" s="301">
        <v>0</v>
      </c>
      <c r="BJ10" s="296">
        <v>842695</v>
      </c>
      <c r="BK10" s="296">
        <v>1770163</v>
      </c>
      <c r="BL10" s="296">
        <v>1241904</v>
      </c>
      <c r="BM10" s="296">
        <v>798492</v>
      </c>
      <c r="BN10" s="296">
        <v>370477</v>
      </c>
      <c r="BO10" s="297">
        <v>5023731</v>
      </c>
      <c r="BP10" s="299">
        <v>5842341</v>
      </c>
      <c r="BQ10" s="295">
        <v>1497464</v>
      </c>
      <c r="BR10" s="296">
        <v>2233800</v>
      </c>
      <c r="BS10" s="297">
        <v>3731264</v>
      </c>
      <c r="BT10" s="295">
        <v>0</v>
      </c>
      <c r="BU10" s="296">
        <v>6975864</v>
      </c>
      <c r="BV10" s="296">
        <v>10643360</v>
      </c>
      <c r="BW10" s="296">
        <v>8425876</v>
      </c>
      <c r="BX10" s="296">
        <v>7700676</v>
      </c>
      <c r="BY10" s="296">
        <v>5092440</v>
      </c>
      <c r="BZ10" s="297">
        <v>38838216</v>
      </c>
      <c r="CA10" s="299">
        <v>42569480</v>
      </c>
      <c r="CB10" s="295">
        <v>1399816</v>
      </c>
      <c r="CC10" s="296">
        <v>3555210</v>
      </c>
      <c r="CD10" s="297">
        <v>4955026</v>
      </c>
      <c r="CE10" s="295">
        <v>0</v>
      </c>
      <c r="CF10" s="296">
        <v>31573487</v>
      </c>
      <c r="CG10" s="296">
        <v>47927720</v>
      </c>
      <c r="CH10" s="296">
        <v>33542192</v>
      </c>
      <c r="CI10" s="296">
        <v>18504798</v>
      </c>
      <c r="CJ10" s="296">
        <v>7673859</v>
      </c>
      <c r="CK10" s="297">
        <v>139222056</v>
      </c>
      <c r="CL10" s="299">
        <v>144177082</v>
      </c>
      <c r="CM10" s="295">
        <v>0</v>
      </c>
      <c r="CN10" s="296">
        <v>0</v>
      </c>
      <c r="CO10" s="297">
        <v>0</v>
      </c>
      <c r="CP10" s="301">
        <v>0</v>
      </c>
      <c r="CQ10" s="296">
        <v>25567351</v>
      </c>
      <c r="CR10" s="296">
        <v>33898356</v>
      </c>
      <c r="CS10" s="296">
        <v>23504977</v>
      </c>
      <c r="CT10" s="296">
        <v>11292968</v>
      </c>
      <c r="CU10" s="296">
        <v>6160412</v>
      </c>
      <c r="CV10" s="297">
        <v>100424064</v>
      </c>
      <c r="CW10" s="299">
        <v>100424064</v>
      </c>
      <c r="CX10" s="295">
        <v>1399816</v>
      </c>
      <c r="CY10" s="296">
        <v>3555210</v>
      </c>
      <c r="CZ10" s="297">
        <v>4955026</v>
      </c>
      <c r="DA10" s="295">
        <v>0</v>
      </c>
      <c r="DB10" s="296">
        <v>6006136</v>
      </c>
      <c r="DC10" s="296">
        <v>14029364</v>
      </c>
      <c r="DD10" s="296">
        <v>10037215</v>
      </c>
      <c r="DE10" s="296">
        <v>7211830</v>
      </c>
      <c r="DF10" s="296">
        <v>1513447</v>
      </c>
      <c r="DG10" s="297">
        <v>38797992</v>
      </c>
      <c r="DH10" s="299">
        <v>43753018</v>
      </c>
      <c r="DI10" s="295">
        <v>30750</v>
      </c>
      <c r="DJ10" s="296">
        <v>333087</v>
      </c>
      <c r="DK10" s="300">
        <v>363837</v>
      </c>
      <c r="DL10" s="301">
        <v>0</v>
      </c>
      <c r="DM10" s="296">
        <v>3379585</v>
      </c>
      <c r="DN10" s="296">
        <v>8993396</v>
      </c>
      <c r="DO10" s="296">
        <v>13303398</v>
      </c>
      <c r="DP10" s="296">
        <v>10582682</v>
      </c>
      <c r="DQ10" s="296">
        <v>5363114</v>
      </c>
      <c r="DR10" s="297">
        <v>41622175</v>
      </c>
      <c r="DS10" s="299">
        <v>41986012</v>
      </c>
      <c r="DT10" s="295">
        <v>30750</v>
      </c>
      <c r="DU10" s="296">
        <v>333087</v>
      </c>
      <c r="DV10" s="297">
        <v>363837</v>
      </c>
      <c r="DW10" s="295">
        <v>0</v>
      </c>
      <c r="DX10" s="296">
        <v>3017263</v>
      </c>
      <c r="DY10" s="296">
        <v>6965044</v>
      </c>
      <c r="DZ10" s="296">
        <v>10094490</v>
      </c>
      <c r="EA10" s="296">
        <v>8061326</v>
      </c>
      <c r="EB10" s="296">
        <v>3809664</v>
      </c>
      <c r="EC10" s="297">
        <v>31947787</v>
      </c>
      <c r="ED10" s="299">
        <v>32311624</v>
      </c>
      <c r="EE10" s="295">
        <v>0</v>
      </c>
      <c r="EF10" s="300">
        <v>0</v>
      </c>
      <c r="EG10" s="297">
        <v>0</v>
      </c>
      <c r="EH10" s="295">
        <v>0</v>
      </c>
      <c r="EI10" s="296">
        <v>362322</v>
      </c>
      <c r="EJ10" s="296">
        <v>2028352</v>
      </c>
      <c r="EK10" s="296">
        <v>3208908</v>
      </c>
      <c r="EL10" s="296">
        <v>2521356</v>
      </c>
      <c r="EM10" s="296">
        <v>1553450</v>
      </c>
      <c r="EN10" s="300">
        <v>9674388</v>
      </c>
      <c r="EO10" s="299">
        <v>9674388</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192850</v>
      </c>
      <c r="FM10" s="296">
        <v>4853476</v>
      </c>
      <c r="FN10" s="297">
        <v>8046326</v>
      </c>
      <c r="FO10" s="295">
        <v>0</v>
      </c>
      <c r="FP10" s="296">
        <v>4717240</v>
      </c>
      <c r="FQ10" s="296">
        <v>17395422</v>
      </c>
      <c r="FR10" s="296">
        <v>12930552</v>
      </c>
      <c r="FS10" s="296">
        <v>9206863</v>
      </c>
      <c r="FT10" s="296">
        <v>6119144</v>
      </c>
      <c r="FU10" s="297">
        <v>50369221</v>
      </c>
      <c r="FV10" s="299">
        <v>58415547</v>
      </c>
      <c r="FW10" s="302">
        <v>916224</v>
      </c>
      <c r="FX10" s="296">
        <v>3226768</v>
      </c>
      <c r="FY10" s="300">
        <v>4142992</v>
      </c>
      <c r="FZ10" s="301">
        <v>0</v>
      </c>
      <c r="GA10" s="296">
        <v>3223592</v>
      </c>
      <c r="GB10" s="296">
        <v>16095868</v>
      </c>
      <c r="GC10" s="296">
        <v>11489969</v>
      </c>
      <c r="GD10" s="296">
        <v>8537248</v>
      </c>
      <c r="GE10" s="296">
        <v>5991752</v>
      </c>
      <c r="GF10" s="297">
        <v>45338429</v>
      </c>
      <c r="GG10" s="303">
        <v>49481421</v>
      </c>
      <c r="GH10" s="302">
        <v>212652</v>
      </c>
      <c r="GI10" s="296">
        <v>335508</v>
      </c>
      <c r="GJ10" s="300">
        <v>548160</v>
      </c>
      <c r="GK10" s="301">
        <v>0</v>
      </c>
      <c r="GL10" s="296">
        <v>350244</v>
      </c>
      <c r="GM10" s="296">
        <v>513133</v>
      </c>
      <c r="GN10" s="296">
        <v>623223</v>
      </c>
      <c r="GO10" s="296">
        <v>202335</v>
      </c>
      <c r="GP10" s="296">
        <v>127392</v>
      </c>
      <c r="GQ10" s="297">
        <v>1816327</v>
      </c>
      <c r="GR10" s="299">
        <v>2364487</v>
      </c>
      <c r="GS10" s="295">
        <v>2063974</v>
      </c>
      <c r="GT10" s="296">
        <v>1291200</v>
      </c>
      <c r="GU10" s="297">
        <v>3355174</v>
      </c>
      <c r="GV10" s="295">
        <v>0</v>
      </c>
      <c r="GW10" s="296">
        <v>1143404</v>
      </c>
      <c r="GX10" s="296">
        <v>786421</v>
      </c>
      <c r="GY10" s="296">
        <v>817360</v>
      </c>
      <c r="GZ10" s="296">
        <v>467280</v>
      </c>
      <c r="HA10" s="296">
        <v>0</v>
      </c>
      <c r="HB10" s="300">
        <v>3214465</v>
      </c>
      <c r="HC10" s="299">
        <v>6569639</v>
      </c>
      <c r="HD10" s="295">
        <v>3731059</v>
      </c>
      <c r="HE10" s="296">
        <v>6625879</v>
      </c>
      <c r="HF10" s="300">
        <v>10356938</v>
      </c>
      <c r="HG10" s="301">
        <v>0</v>
      </c>
      <c r="HH10" s="296">
        <v>33612701</v>
      </c>
      <c r="HI10" s="296">
        <v>48009882</v>
      </c>
      <c r="HJ10" s="296">
        <v>36635529</v>
      </c>
      <c r="HK10" s="296">
        <v>45824056</v>
      </c>
      <c r="HL10" s="296">
        <v>23225528</v>
      </c>
      <c r="HM10" s="297">
        <v>187307696</v>
      </c>
      <c r="HN10" s="298">
        <v>197664634</v>
      </c>
      <c r="HO10" s="302">
        <v>0</v>
      </c>
      <c r="HP10" s="296">
        <v>0</v>
      </c>
      <c r="HQ10" s="297">
        <v>0</v>
      </c>
      <c r="HR10" s="295">
        <v>0</v>
      </c>
      <c r="HS10" s="296">
        <v>0</v>
      </c>
      <c r="HT10" s="296">
        <v>0</v>
      </c>
      <c r="HU10" s="296">
        <v>0</v>
      </c>
      <c r="HV10" s="296">
        <v>0</v>
      </c>
      <c r="HW10" s="296">
        <v>0</v>
      </c>
      <c r="HX10" s="300">
        <v>0</v>
      </c>
      <c r="HY10" s="299">
        <v>0</v>
      </c>
      <c r="HZ10" s="304">
        <v>150394</v>
      </c>
      <c r="IA10" s="305">
        <v>408937</v>
      </c>
      <c r="IB10" s="306">
        <v>559331</v>
      </c>
      <c r="IC10" s="307">
        <v>0</v>
      </c>
      <c r="ID10" s="308">
        <v>29148032</v>
      </c>
      <c r="IE10" s="309">
        <v>47531697</v>
      </c>
      <c r="IF10" s="310">
        <v>41627325</v>
      </c>
      <c r="IG10" s="308">
        <v>26814314</v>
      </c>
      <c r="IH10" s="310">
        <v>21111990</v>
      </c>
      <c r="II10" s="311">
        <v>166233358</v>
      </c>
      <c r="IJ10" s="312">
        <v>166792689</v>
      </c>
      <c r="IK10" s="313">
        <v>0</v>
      </c>
      <c r="IL10" s="314">
        <v>0</v>
      </c>
      <c r="IM10" s="315">
        <v>0</v>
      </c>
      <c r="IN10" s="403">
        <v>0</v>
      </c>
      <c r="IO10" s="316">
        <v>737000</v>
      </c>
      <c r="IP10" s="316">
        <v>1028989</v>
      </c>
      <c r="IQ10" s="316">
        <v>1586285</v>
      </c>
      <c r="IR10" s="316">
        <v>1033986</v>
      </c>
      <c r="IS10" s="316">
        <v>1532322</v>
      </c>
      <c r="IT10" s="317">
        <v>5918582</v>
      </c>
      <c r="IU10" s="318">
        <v>5918582</v>
      </c>
      <c r="IV10" s="319">
        <v>0</v>
      </c>
      <c r="IW10" s="316">
        <v>0</v>
      </c>
      <c r="IX10" s="320">
        <v>0</v>
      </c>
      <c r="IY10" s="403">
        <v>0</v>
      </c>
      <c r="IZ10" s="316">
        <v>86802</v>
      </c>
      <c r="JA10" s="316">
        <v>368307</v>
      </c>
      <c r="JB10" s="316">
        <v>581209</v>
      </c>
      <c r="JC10" s="316">
        <v>771853</v>
      </c>
      <c r="JD10" s="316">
        <v>770876</v>
      </c>
      <c r="JE10" s="320">
        <v>2579047</v>
      </c>
      <c r="JF10" s="321">
        <v>2579047</v>
      </c>
      <c r="JG10" s="319">
        <v>0</v>
      </c>
      <c r="JH10" s="316">
        <v>0</v>
      </c>
      <c r="JI10" s="317">
        <v>0</v>
      </c>
      <c r="JJ10" s="322">
        <v>0</v>
      </c>
      <c r="JK10" s="316">
        <v>13054481</v>
      </c>
      <c r="JL10" s="316">
        <v>20627476</v>
      </c>
      <c r="JM10" s="316">
        <v>13262592</v>
      </c>
      <c r="JN10" s="316">
        <v>6069165</v>
      </c>
      <c r="JO10" s="316">
        <v>3331752</v>
      </c>
      <c r="JP10" s="320">
        <v>56345466</v>
      </c>
      <c r="JQ10" s="318">
        <v>56345466</v>
      </c>
      <c r="JR10" s="319">
        <v>0</v>
      </c>
      <c r="JS10" s="316">
        <v>0</v>
      </c>
      <c r="JT10" s="317">
        <v>0</v>
      </c>
      <c r="JU10" s="322">
        <v>0</v>
      </c>
      <c r="JV10" s="316">
        <v>1986797</v>
      </c>
      <c r="JW10" s="316">
        <v>4457495</v>
      </c>
      <c r="JX10" s="316">
        <v>5152910</v>
      </c>
      <c r="JY10" s="316">
        <v>2028253</v>
      </c>
      <c r="JZ10" s="316">
        <v>1576746</v>
      </c>
      <c r="KA10" s="320">
        <v>15202201</v>
      </c>
      <c r="KB10" s="318">
        <v>15202201</v>
      </c>
      <c r="KC10" s="323">
        <v>150394</v>
      </c>
      <c r="KD10" s="324">
        <v>408937</v>
      </c>
      <c r="KE10" s="320">
        <v>559331</v>
      </c>
      <c r="KF10" s="322">
        <v>0</v>
      </c>
      <c r="KG10" s="316">
        <v>4534923</v>
      </c>
      <c r="KH10" s="316">
        <v>5370418</v>
      </c>
      <c r="KI10" s="316">
        <v>7682875</v>
      </c>
      <c r="KJ10" s="316">
        <v>4421087</v>
      </c>
      <c r="KK10" s="316">
        <v>2854503</v>
      </c>
      <c r="KL10" s="320">
        <v>24863806</v>
      </c>
      <c r="KM10" s="325">
        <v>25423137</v>
      </c>
      <c r="KN10" s="313">
        <v>0</v>
      </c>
      <c r="KO10" s="314">
        <v>0</v>
      </c>
      <c r="KP10" s="315">
        <v>0</v>
      </c>
      <c r="KQ10" s="403">
        <v>0</v>
      </c>
      <c r="KR10" s="316">
        <v>8114003</v>
      </c>
      <c r="KS10" s="316">
        <v>14411782</v>
      </c>
      <c r="KT10" s="316">
        <v>10829429</v>
      </c>
      <c r="KU10" s="316">
        <v>9144915</v>
      </c>
      <c r="KV10" s="316">
        <v>6687715</v>
      </c>
      <c r="KW10" s="320">
        <v>49187844</v>
      </c>
      <c r="KX10" s="318">
        <v>49187844</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0144</v>
      </c>
      <c r="LO10" s="316">
        <v>265186</v>
      </c>
      <c r="LP10" s="316">
        <v>574214</v>
      </c>
      <c r="LQ10" s="316">
        <v>1485713</v>
      </c>
      <c r="LR10" s="316">
        <v>619640</v>
      </c>
      <c r="LS10" s="320">
        <v>3174897</v>
      </c>
      <c r="LT10" s="318">
        <v>3174897</v>
      </c>
      <c r="LU10" s="319">
        <v>0</v>
      </c>
      <c r="LV10" s="316">
        <v>0</v>
      </c>
      <c r="LW10" s="320">
        <v>0</v>
      </c>
      <c r="LX10" s="403">
        <v>0</v>
      </c>
      <c r="LY10" s="316">
        <v>403882</v>
      </c>
      <c r="LZ10" s="316">
        <v>1002044</v>
      </c>
      <c r="MA10" s="316">
        <v>1957811</v>
      </c>
      <c r="MB10" s="316">
        <v>1859342</v>
      </c>
      <c r="MC10" s="316">
        <v>3738436</v>
      </c>
      <c r="MD10" s="320">
        <v>8961515</v>
      </c>
      <c r="ME10" s="321">
        <v>8961515</v>
      </c>
      <c r="MF10" s="319">
        <v>0</v>
      </c>
      <c r="MG10" s="316">
        <v>0</v>
      </c>
      <c r="MH10" s="320">
        <v>0</v>
      </c>
      <c r="MI10" s="403">
        <v>0</v>
      </c>
      <c r="MJ10" s="316">
        <v>12352435</v>
      </c>
      <c r="MK10" s="316">
        <v>36949305</v>
      </c>
      <c r="ML10" s="316">
        <v>90996492</v>
      </c>
      <c r="MM10" s="316">
        <v>130084363</v>
      </c>
      <c r="MN10" s="316">
        <v>66713846</v>
      </c>
      <c r="MO10" s="320">
        <v>337096441</v>
      </c>
      <c r="MP10" s="325">
        <v>337096441</v>
      </c>
      <c r="MQ10" s="319">
        <v>0</v>
      </c>
      <c r="MR10" s="316">
        <v>0</v>
      </c>
      <c r="MS10" s="320">
        <v>0</v>
      </c>
      <c r="MT10" s="403">
        <v>0</v>
      </c>
      <c r="MU10" s="316">
        <v>2185553</v>
      </c>
      <c r="MV10" s="316">
        <v>12594188</v>
      </c>
      <c r="MW10" s="316">
        <v>53342031</v>
      </c>
      <c r="MX10" s="316">
        <v>79196136</v>
      </c>
      <c r="MY10" s="316">
        <v>40348031</v>
      </c>
      <c r="MZ10" s="320">
        <v>187665939</v>
      </c>
      <c r="NA10" s="325">
        <v>187665939</v>
      </c>
      <c r="NB10" s="319">
        <v>0</v>
      </c>
      <c r="NC10" s="316">
        <v>0</v>
      </c>
      <c r="ND10" s="320">
        <v>0</v>
      </c>
      <c r="NE10" s="403">
        <v>0</v>
      </c>
      <c r="NF10" s="316">
        <v>10166882</v>
      </c>
      <c r="NG10" s="316">
        <v>24355117</v>
      </c>
      <c r="NH10" s="316">
        <v>37654461</v>
      </c>
      <c r="NI10" s="316">
        <v>49484472</v>
      </c>
      <c r="NJ10" s="316">
        <v>24778897</v>
      </c>
      <c r="NK10" s="320">
        <v>146439829</v>
      </c>
      <c r="NL10" s="318">
        <v>146439829</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403755</v>
      </c>
      <c r="OF10" s="316">
        <v>1586918</v>
      </c>
      <c r="OG10" s="320">
        <v>2990673</v>
      </c>
      <c r="OH10" s="321">
        <v>2990673</v>
      </c>
      <c r="OI10" s="319">
        <v>12076444</v>
      </c>
      <c r="OJ10" s="316">
        <v>25790027</v>
      </c>
      <c r="OK10" s="317">
        <v>37866471</v>
      </c>
      <c r="OL10" s="322">
        <v>0</v>
      </c>
      <c r="OM10" s="316">
        <v>150973871</v>
      </c>
      <c r="ON10" s="316">
        <v>275798985</v>
      </c>
      <c r="OO10" s="316">
        <v>285018620</v>
      </c>
      <c r="OP10" s="316">
        <v>290281386</v>
      </c>
      <c r="OQ10" s="316">
        <v>176026448</v>
      </c>
      <c r="OR10" s="320">
        <v>1178099310</v>
      </c>
      <c r="OS10" s="325">
        <v>1215965781</v>
      </c>
    </row>
    <row r="11" spans="1:409" s="70" customFormat="1" ht="21" customHeight="1" x14ac:dyDescent="0.2">
      <c r="B11" s="410" t="s">
        <v>6</v>
      </c>
      <c r="C11" s="326">
        <v>3425200</v>
      </c>
      <c r="D11" s="327">
        <v>4904995</v>
      </c>
      <c r="E11" s="328">
        <v>8330195</v>
      </c>
      <c r="F11" s="329">
        <v>0</v>
      </c>
      <c r="G11" s="327">
        <v>44795046</v>
      </c>
      <c r="H11" s="327">
        <v>51766718</v>
      </c>
      <c r="I11" s="327">
        <v>36957428</v>
      </c>
      <c r="J11" s="327">
        <v>36084809</v>
      </c>
      <c r="K11" s="327">
        <v>27890715</v>
      </c>
      <c r="L11" s="329">
        <v>197494716</v>
      </c>
      <c r="M11" s="330">
        <v>205824911</v>
      </c>
      <c r="N11" s="326">
        <v>1004649</v>
      </c>
      <c r="O11" s="327">
        <v>1751413</v>
      </c>
      <c r="P11" s="328">
        <v>2756062</v>
      </c>
      <c r="Q11" s="326">
        <v>0</v>
      </c>
      <c r="R11" s="327">
        <v>14623963</v>
      </c>
      <c r="S11" s="327">
        <v>17486635</v>
      </c>
      <c r="T11" s="327">
        <v>11282646</v>
      </c>
      <c r="U11" s="327">
        <v>12729029</v>
      </c>
      <c r="V11" s="327">
        <v>15053141</v>
      </c>
      <c r="W11" s="328">
        <v>71175414</v>
      </c>
      <c r="X11" s="330">
        <v>73931476</v>
      </c>
      <c r="Y11" s="326">
        <v>0</v>
      </c>
      <c r="Z11" s="327">
        <v>0</v>
      </c>
      <c r="AA11" s="328">
        <v>0</v>
      </c>
      <c r="AB11" s="326">
        <v>0</v>
      </c>
      <c r="AC11" s="327">
        <v>5626890</v>
      </c>
      <c r="AD11" s="327">
        <v>6570260</v>
      </c>
      <c r="AE11" s="327">
        <v>5619685</v>
      </c>
      <c r="AF11" s="327">
        <v>6214704</v>
      </c>
      <c r="AG11" s="327">
        <v>8955215</v>
      </c>
      <c r="AH11" s="328">
        <v>32986754</v>
      </c>
      <c r="AI11" s="330">
        <v>32986754</v>
      </c>
      <c r="AJ11" s="326">
        <v>0</v>
      </c>
      <c r="AK11" s="327">
        <v>0</v>
      </c>
      <c r="AL11" s="328">
        <v>0</v>
      </c>
      <c r="AM11" s="326">
        <v>0</v>
      </c>
      <c r="AN11" s="327">
        <v>50964</v>
      </c>
      <c r="AO11" s="327">
        <v>112834</v>
      </c>
      <c r="AP11" s="327">
        <v>125156</v>
      </c>
      <c r="AQ11" s="327">
        <v>476979</v>
      </c>
      <c r="AR11" s="327">
        <v>1315335</v>
      </c>
      <c r="AS11" s="328">
        <v>2081268</v>
      </c>
      <c r="AT11" s="330">
        <v>2081268</v>
      </c>
      <c r="AU11" s="326">
        <v>401153</v>
      </c>
      <c r="AV11" s="327">
        <v>1158200</v>
      </c>
      <c r="AW11" s="328">
        <v>1559353</v>
      </c>
      <c r="AX11" s="326">
        <v>0</v>
      </c>
      <c r="AY11" s="327">
        <v>4970783</v>
      </c>
      <c r="AZ11" s="327">
        <v>6942369</v>
      </c>
      <c r="BA11" s="327">
        <v>2775911</v>
      </c>
      <c r="BB11" s="327">
        <v>3165346</v>
      </c>
      <c r="BC11" s="327">
        <v>2936971</v>
      </c>
      <c r="BD11" s="328">
        <v>20791380</v>
      </c>
      <c r="BE11" s="330">
        <v>22350733</v>
      </c>
      <c r="BF11" s="326">
        <v>88944</v>
      </c>
      <c r="BG11" s="327">
        <v>86325</v>
      </c>
      <c r="BH11" s="331">
        <v>175269</v>
      </c>
      <c r="BI11" s="332">
        <v>0</v>
      </c>
      <c r="BJ11" s="327">
        <v>794862</v>
      </c>
      <c r="BK11" s="327">
        <v>760220</v>
      </c>
      <c r="BL11" s="327">
        <v>370862</v>
      </c>
      <c r="BM11" s="327">
        <v>242080</v>
      </c>
      <c r="BN11" s="327">
        <v>161812</v>
      </c>
      <c r="BO11" s="328">
        <v>2329836</v>
      </c>
      <c r="BP11" s="330">
        <v>2505105</v>
      </c>
      <c r="BQ11" s="326">
        <v>514552</v>
      </c>
      <c r="BR11" s="327">
        <v>506888</v>
      </c>
      <c r="BS11" s="328">
        <v>1021440</v>
      </c>
      <c r="BT11" s="326">
        <v>0</v>
      </c>
      <c r="BU11" s="327">
        <v>3180464</v>
      </c>
      <c r="BV11" s="327">
        <v>3100952</v>
      </c>
      <c r="BW11" s="327">
        <v>2391032</v>
      </c>
      <c r="BX11" s="327">
        <v>2629920</v>
      </c>
      <c r="BY11" s="327">
        <v>1683808</v>
      </c>
      <c r="BZ11" s="328">
        <v>12986176</v>
      </c>
      <c r="CA11" s="330">
        <v>14007616</v>
      </c>
      <c r="CB11" s="326">
        <v>214737</v>
      </c>
      <c r="CC11" s="327">
        <v>439091</v>
      </c>
      <c r="CD11" s="328">
        <v>653828</v>
      </c>
      <c r="CE11" s="326">
        <v>0</v>
      </c>
      <c r="CF11" s="327">
        <v>11876992</v>
      </c>
      <c r="CG11" s="327">
        <v>15417339</v>
      </c>
      <c r="CH11" s="327">
        <v>8621947</v>
      </c>
      <c r="CI11" s="327">
        <v>5326003</v>
      </c>
      <c r="CJ11" s="327">
        <v>2492370</v>
      </c>
      <c r="CK11" s="328">
        <v>43734651</v>
      </c>
      <c r="CL11" s="330">
        <v>44388479</v>
      </c>
      <c r="CM11" s="326">
        <v>0</v>
      </c>
      <c r="CN11" s="327">
        <v>0</v>
      </c>
      <c r="CO11" s="328">
        <v>0</v>
      </c>
      <c r="CP11" s="332">
        <v>0</v>
      </c>
      <c r="CQ11" s="327">
        <v>9588795</v>
      </c>
      <c r="CR11" s="327">
        <v>11830677</v>
      </c>
      <c r="CS11" s="327">
        <v>6099380</v>
      </c>
      <c r="CT11" s="327">
        <v>3511073</v>
      </c>
      <c r="CU11" s="327">
        <v>1972405</v>
      </c>
      <c r="CV11" s="328">
        <v>33002330</v>
      </c>
      <c r="CW11" s="330">
        <v>33002330</v>
      </c>
      <c r="CX11" s="326">
        <v>214737</v>
      </c>
      <c r="CY11" s="327">
        <v>439091</v>
      </c>
      <c r="CZ11" s="328">
        <v>653828</v>
      </c>
      <c r="DA11" s="326">
        <v>0</v>
      </c>
      <c r="DB11" s="327">
        <v>2288197</v>
      </c>
      <c r="DC11" s="327">
        <v>3586662</v>
      </c>
      <c r="DD11" s="327">
        <v>2522567</v>
      </c>
      <c r="DE11" s="327">
        <v>1814930</v>
      </c>
      <c r="DF11" s="327">
        <v>519965</v>
      </c>
      <c r="DG11" s="328">
        <v>10732321</v>
      </c>
      <c r="DH11" s="330">
        <v>11386149</v>
      </c>
      <c r="DI11" s="326">
        <v>51718</v>
      </c>
      <c r="DJ11" s="327">
        <v>76176</v>
      </c>
      <c r="DK11" s="331">
        <v>127894</v>
      </c>
      <c r="DL11" s="332">
        <v>0</v>
      </c>
      <c r="DM11" s="327">
        <v>817202</v>
      </c>
      <c r="DN11" s="327">
        <v>2613350</v>
      </c>
      <c r="DO11" s="327">
        <v>1956175</v>
      </c>
      <c r="DP11" s="327">
        <v>1897457</v>
      </c>
      <c r="DQ11" s="327">
        <v>1440451</v>
      </c>
      <c r="DR11" s="328">
        <v>8724635</v>
      </c>
      <c r="DS11" s="330">
        <v>8852529</v>
      </c>
      <c r="DT11" s="326">
        <v>51718</v>
      </c>
      <c r="DU11" s="327">
        <v>76176</v>
      </c>
      <c r="DV11" s="328">
        <v>127894</v>
      </c>
      <c r="DW11" s="326">
        <v>0</v>
      </c>
      <c r="DX11" s="327">
        <v>646705</v>
      </c>
      <c r="DY11" s="327">
        <v>2056308</v>
      </c>
      <c r="DZ11" s="327">
        <v>1627674</v>
      </c>
      <c r="EA11" s="327">
        <v>1438044</v>
      </c>
      <c r="EB11" s="327">
        <v>1193585</v>
      </c>
      <c r="EC11" s="328">
        <v>6962316</v>
      </c>
      <c r="ED11" s="330">
        <v>7090210</v>
      </c>
      <c r="EE11" s="326">
        <v>0</v>
      </c>
      <c r="EF11" s="331">
        <v>0</v>
      </c>
      <c r="EG11" s="328">
        <v>0</v>
      </c>
      <c r="EH11" s="326">
        <v>0</v>
      </c>
      <c r="EI11" s="327">
        <v>170497</v>
      </c>
      <c r="EJ11" s="327">
        <v>557042</v>
      </c>
      <c r="EK11" s="327">
        <v>328501</v>
      </c>
      <c r="EL11" s="327">
        <v>459413</v>
      </c>
      <c r="EM11" s="327">
        <v>246866</v>
      </c>
      <c r="EN11" s="331">
        <v>1762319</v>
      </c>
      <c r="EO11" s="330">
        <v>1762319</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534704</v>
      </c>
      <c r="FM11" s="327">
        <v>1132176</v>
      </c>
      <c r="FN11" s="328">
        <v>1666880</v>
      </c>
      <c r="FO11" s="326">
        <v>0</v>
      </c>
      <c r="FP11" s="327">
        <v>2342876</v>
      </c>
      <c r="FQ11" s="327">
        <v>5320688</v>
      </c>
      <c r="FR11" s="327">
        <v>2860656</v>
      </c>
      <c r="FS11" s="327">
        <v>2849112</v>
      </c>
      <c r="FT11" s="327">
        <v>2372296</v>
      </c>
      <c r="FU11" s="328">
        <v>15745628</v>
      </c>
      <c r="FV11" s="330">
        <v>17412508</v>
      </c>
      <c r="FW11" s="333">
        <v>419504</v>
      </c>
      <c r="FX11" s="327">
        <v>743216</v>
      </c>
      <c r="FY11" s="331">
        <v>1162720</v>
      </c>
      <c r="FZ11" s="332">
        <v>0</v>
      </c>
      <c r="GA11" s="327">
        <v>1789960</v>
      </c>
      <c r="GB11" s="327">
        <v>4853008</v>
      </c>
      <c r="GC11" s="327">
        <v>2707328</v>
      </c>
      <c r="GD11" s="327">
        <v>2655800</v>
      </c>
      <c r="GE11" s="327">
        <v>1985064</v>
      </c>
      <c r="GF11" s="328">
        <v>13991160</v>
      </c>
      <c r="GG11" s="334">
        <v>15153880</v>
      </c>
      <c r="GH11" s="333">
        <v>0</v>
      </c>
      <c r="GI11" s="327">
        <v>25200</v>
      </c>
      <c r="GJ11" s="331">
        <v>25200</v>
      </c>
      <c r="GK11" s="332">
        <v>0</v>
      </c>
      <c r="GL11" s="327">
        <v>83300</v>
      </c>
      <c r="GM11" s="327">
        <v>151680</v>
      </c>
      <c r="GN11" s="327">
        <v>49888</v>
      </c>
      <c r="GO11" s="327">
        <v>33312</v>
      </c>
      <c r="GP11" s="327">
        <v>140992</v>
      </c>
      <c r="GQ11" s="328">
        <v>459172</v>
      </c>
      <c r="GR11" s="330">
        <v>484372</v>
      </c>
      <c r="GS11" s="326">
        <v>115200</v>
      </c>
      <c r="GT11" s="327">
        <v>363760</v>
      </c>
      <c r="GU11" s="328">
        <v>478960</v>
      </c>
      <c r="GV11" s="326">
        <v>0</v>
      </c>
      <c r="GW11" s="327">
        <v>469616</v>
      </c>
      <c r="GX11" s="327">
        <v>316000</v>
      </c>
      <c r="GY11" s="327">
        <v>103440</v>
      </c>
      <c r="GZ11" s="327">
        <v>160000</v>
      </c>
      <c r="HA11" s="327">
        <v>246240</v>
      </c>
      <c r="HB11" s="331">
        <v>1295296</v>
      </c>
      <c r="HC11" s="330">
        <v>1774256</v>
      </c>
      <c r="HD11" s="326">
        <v>1619392</v>
      </c>
      <c r="HE11" s="327">
        <v>1506139</v>
      </c>
      <c r="HF11" s="331">
        <v>3125531</v>
      </c>
      <c r="HG11" s="332">
        <v>0</v>
      </c>
      <c r="HH11" s="327">
        <v>15134013</v>
      </c>
      <c r="HI11" s="327">
        <v>10928706</v>
      </c>
      <c r="HJ11" s="327">
        <v>12236004</v>
      </c>
      <c r="HK11" s="327">
        <v>13283208</v>
      </c>
      <c r="HL11" s="327">
        <v>6532457</v>
      </c>
      <c r="HM11" s="328">
        <v>58114388</v>
      </c>
      <c r="HN11" s="329">
        <v>61239919</v>
      </c>
      <c r="HO11" s="333">
        <v>0</v>
      </c>
      <c r="HP11" s="327">
        <v>0</v>
      </c>
      <c r="HQ11" s="328">
        <v>0</v>
      </c>
      <c r="HR11" s="326">
        <v>0</v>
      </c>
      <c r="HS11" s="327">
        <v>0</v>
      </c>
      <c r="HT11" s="327">
        <v>0</v>
      </c>
      <c r="HU11" s="327">
        <v>0</v>
      </c>
      <c r="HV11" s="327">
        <v>0</v>
      </c>
      <c r="HW11" s="327">
        <v>0</v>
      </c>
      <c r="HX11" s="331">
        <v>0</v>
      </c>
      <c r="HY11" s="330">
        <v>0</v>
      </c>
      <c r="HZ11" s="335">
        <v>140352</v>
      </c>
      <c r="IA11" s="336">
        <v>81912</v>
      </c>
      <c r="IB11" s="337">
        <v>222264</v>
      </c>
      <c r="IC11" s="338">
        <v>0</v>
      </c>
      <c r="ID11" s="336">
        <v>13311148</v>
      </c>
      <c r="IE11" s="339">
        <v>15245189</v>
      </c>
      <c r="IF11" s="337">
        <v>11589993</v>
      </c>
      <c r="IG11" s="336">
        <v>17508053</v>
      </c>
      <c r="IH11" s="337">
        <v>8306653</v>
      </c>
      <c r="II11" s="340">
        <v>65961036</v>
      </c>
      <c r="IJ11" s="341">
        <v>66183300</v>
      </c>
      <c r="IK11" s="342">
        <v>0</v>
      </c>
      <c r="IL11" s="343">
        <v>0</v>
      </c>
      <c r="IM11" s="344">
        <v>0</v>
      </c>
      <c r="IN11" s="404">
        <v>0</v>
      </c>
      <c r="IO11" s="345">
        <v>275310</v>
      </c>
      <c r="IP11" s="345">
        <v>618740</v>
      </c>
      <c r="IQ11" s="345">
        <v>379844</v>
      </c>
      <c r="IR11" s="345">
        <v>1657480</v>
      </c>
      <c r="IS11" s="345">
        <v>846166</v>
      </c>
      <c r="IT11" s="346">
        <v>3777540</v>
      </c>
      <c r="IU11" s="347">
        <v>3777540</v>
      </c>
      <c r="IV11" s="348">
        <v>0</v>
      </c>
      <c r="IW11" s="345">
        <v>0</v>
      </c>
      <c r="IX11" s="349">
        <v>0</v>
      </c>
      <c r="IY11" s="404">
        <v>0</v>
      </c>
      <c r="IZ11" s="345">
        <v>77256</v>
      </c>
      <c r="JA11" s="345">
        <v>105357</v>
      </c>
      <c r="JB11" s="345">
        <v>300686</v>
      </c>
      <c r="JC11" s="345">
        <v>122628</v>
      </c>
      <c r="JD11" s="345">
        <v>84908</v>
      </c>
      <c r="JE11" s="349">
        <v>690835</v>
      </c>
      <c r="JF11" s="350">
        <v>690835</v>
      </c>
      <c r="JG11" s="348">
        <v>0</v>
      </c>
      <c r="JH11" s="345">
        <v>0</v>
      </c>
      <c r="JI11" s="346">
        <v>0</v>
      </c>
      <c r="JJ11" s="351">
        <v>0</v>
      </c>
      <c r="JK11" s="345">
        <v>3631508</v>
      </c>
      <c r="JL11" s="345">
        <v>4251906</v>
      </c>
      <c r="JM11" s="345">
        <v>1803507</v>
      </c>
      <c r="JN11" s="345">
        <v>1672071</v>
      </c>
      <c r="JO11" s="345">
        <v>1871832</v>
      </c>
      <c r="JP11" s="349">
        <v>13230824</v>
      </c>
      <c r="JQ11" s="347">
        <v>13230824</v>
      </c>
      <c r="JR11" s="348">
        <v>0</v>
      </c>
      <c r="JS11" s="345">
        <v>0</v>
      </c>
      <c r="JT11" s="346">
        <v>0</v>
      </c>
      <c r="JU11" s="351">
        <v>0</v>
      </c>
      <c r="JV11" s="345">
        <v>1209977</v>
      </c>
      <c r="JW11" s="345">
        <v>1679165</v>
      </c>
      <c r="JX11" s="345">
        <v>1544234</v>
      </c>
      <c r="JY11" s="345">
        <v>958689</v>
      </c>
      <c r="JZ11" s="345">
        <v>651970</v>
      </c>
      <c r="KA11" s="349">
        <v>6044035</v>
      </c>
      <c r="KB11" s="347">
        <v>6044035</v>
      </c>
      <c r="KC11" s="352">
        <v>140352</v>
      </c>
      <c r="KD11" s="353">
        <v>81912</v>
      </c>
      <c r="KE11" s="349">
        <v>222264</v>
      </c>
      <c r="KF11" s="351">
        <v>0</v>
      </c>
      <c r="KG11" s="345">
        <v>1950729</v>
      </c>
      <c r="KH11" s="345">
        <v>1666024</v>
      </c>
      <c r="KI11" s="345">
        <v>484254</v>
      </c>
      <c r="KJ11" s="345">
        <v>1629129</v>
      </c>
      <c r="KK11" s="345">
        <v>591974</v>
      </c>
      <c r="KL11" s="349">
        <v>6322110</v>
      </c>
      <c r="KM11" s="354">
        <v>6544374</v>
      </c>
      <c r="KN11" s="342">
        <v>0</v>
      </c>
      <c r="KO11" s="343">
        <v>0</v>
      </c>
      <c r="KP11" s="344">
        <v>0</v>
      </c>
      <c r="KQ11" s="404">
        <v>0</v>
      </c>
      <c r="KR11" s="345">
        <v>5063691</v>
      </c>
      <c r="KS11" s="345">
        <v>6300742</v>
      </c>
      <c r="KT11" s="345">
        <v>5324032</v>
      </c>
      <c r="KU11" s="345">
        <v>6465289</v>
      </c>
      <c r="KV11" s="345">
        <v>2242497</v>
      </c>
      <c r="KW11" s="349">
        <v>25396251</v>
      </c>
      <c r="KX11" s="347">
        <v>25396251</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574728</v>
      </c>
      <c r="LQ11" s="345">
        <v>2356053</v>
      </c>
      <c r="LR11" s="345">
        <v>936472</v>
      </c>
      <c r="LS11" s="349">
        <v>3867253</v>
      </c>
      <c r="LT11" s="347">
        <v>3867253</v>
      </c>
      <c r="LU11" s="348">
        <v>0</v>
      </c>
      <c r="LV11" s="345">
        <v>0</v>
      </c>
      <c r="LW11" s="349">
        <v>0</v>
      </c>
      <c r="LX11" s="404">
        <v>0</v>
      </c>
      <c r="LY11" s="345">
        <v>1102677</v>
      </c>
      <c r="LZ11" s="345">
        <v>623255</v>
      </c>
      <c r="MA11" s="345">
        <v>1178708</v>
      </c>
      <c r="MB11" s="345">
        <v>2646714</v>
      </c>
      <c r="MC11" s="345">
        <v>1080834</v>
      </c>
      <c r="MD11" s="349">
        <v>6632188</v>
      </c>
      <c r="ME11" s="350">
        <v>6632188</v>
      </c>
      <c r="MF11" s="348">
        <v>0</v>
      </c>
      <c r="MG11" s="345">
        <v>0</v>
      </c>
      <c r="MH11" s="349">
        <v>0</v>
      </c>
      <c r="MI11" s="404">
        <v>0</v>
      </c>
      <c r="MJ11" s="345">
        <v>2581150</v>
      </c>
      <c r="MK11" s="345">
        <v>5242836</v>
      </c>
      <c r="ML11" s="345">
        <v>23519168</v>
      </c>
      <c r="MM11" s="345">
        <v>28377061</v>
      </c>
      <c r="MN11" s="345">
        <v>17231784</v>
      </c>
      <c r="MO11" s="349">
        <v>76951999</v>
      </c>
      <c r="MP11" s="354">
        <v>76951999</v>
      </c>
      <c r="MQ11" s="348">
        <v>0</v>
      </c>
      <c r="MR11" s="345">
        <v>0</v>
      </c>
      <c r="MS11" s="349">
        <v>0</v>
      </c>
      <c r="MT11" s="404">
        <v>0</v>
      </c>
      <c r="MU11" s="345">
        <v>416183</v>
      </c>
      <c r="MV11" s="345">
        <v>1559926</v>
      </c>
      <c r="MW11" s="345">
        <v>12835012</v>
      </c>
      <c r="MX11" s="345">
        <v>18260515</v>
      </c>
      <c r="MY11" s="345">
        <v>10425108</v>
      </c>
      <c r="MZ11" s="349">
        <v>43496744</v>
      </c>
      <c r="NA11" s="354">
        <v>43496744</v>
      </c>
      <c r="NB11" s="348">
        <v>0</v>
      </c>
      <c r="NC11" s="345">
        <v>0</v>
      </c>
      <c r="ND11" s="349">
        <v>0</v>
      </c>
      <c r="NE11" s="404">
        <v>0</v>
      </c>
      <c r="NF11" s="345">
        <v>2164967</v>
      </c>
      <c r="NG11" s="345">
        <v>3682910</v>
      </c>
      <c r="NH11" s="345">
        <v>10684156</v>
      </c>
      <c r="NI11" s="345">
        <v>10116546</v>
      </c>
      <c r="NJ11" s="345">
        <v>6806676</v>
      </c>
      <c r="NK11" s="349">
        <v>33455255</v>
      </c>
      <c r="NL11" s="347">
        <v>33455255</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0</v>
      </c>
      <c r="OF11" s="345">
        <v>0</v>
      </c>
      <c r="OG11" s="349">
        <v>0</v>
      </c>
      <c r="OH11" s="350">
        <v>0</v>
      </c>
      <c r="OI11" s="348">
        <v>3565552</v>
      </c>
      <c r="OJ11" s="345">
        <v>4986907</v>
      </c>
      <c r="OK11" s="346">
        <v>8552459</v>
      </c>
      <c r="OL11" s="351">
        <v>0</v>
      </c>
      <c r="OM11" s="345">
        <v>60687344</v>
      </c>
      <c r="ON11" s="345">
        <v>72254743</v>
      </c>
      <c r="OO11" s="345">
        <v>72066589</v>
      </c>
      <c r="OP11" s="345">
        <v>81969923</v>
      </c>
      <c r="OQ11" s="345">
        <v>53429152</v>
      </c>
      <c r="OR11" s="349">
        <v>340407751</v>
      </c>
      <c r="OS11" s="354">
        <v>348960210</v>
      </c>
    </row>
    <row r="12" spans="1:409" s="70" customFormat="1" ht="21" customHeight="1" x14ac:dyDescent="0.2">
      <c r="B12" s="410" t="s">
        <v>14</v>
      </c>
      <c r="C12" s="326">
        <v>1732418</v>
      </c>
      <c r="D12" s="327">
        <v>3502833</v>
      </c>
      <c r="E12" s="328">
        <v>5235251</v>
      </c>
      <c r="F12" s="329">
        <v>0</v>
      </c>
      <c r="G12" s="327">
        <v>17670262</v>
      </c>
      <c r="H12" s="327">
        <v>25955659</v>
      </c>
      <c r="I12" s="327">
        <v>28390080</v>
      </c>
      <c r="J12" s="327">
        <v>20557307</v>
      </c>
      <c r="K12" s="327">
        <v>14114611</v>
      </c>
      <c r="L12" s="331">
        <v>106687919</v>
      </c>
      <c r="M12" s="330">
        <v>111923170</v>
      </c>
      <c r="N12" s="326">
        <v>607799</v>
      </c>
      <c r="O12" s="327">
        <v>1086408</v>
      </c>
      <c r="P12" s="328">
        <v>1694207</v>
      </c>
      <c r="Q12" s="326">
        <v>0</v>
      </c>
      <c r="R12" s="327">
        <v>4850613</v>
      </c>
      <c r="S12" s="327">
        <v>8996046</v>
      </c>
      <c r="T12" s="327">
        <v>7852530</v>
      </c>
      <c r="U12" s="327">
        <v>7897032</v>
      </c>
      <c r="V12" s="327">
        <v>7646222</v>
      </c>
      <c r="W12" s="328">
        <v>37242443</v>
      </c>
      <c r="X12" s="330">
        <v>38936650</v>
      </c>
      <c r="Y12" s="326">
        <v>0</v>
      </c>
      <c r="Z12" s="327">
        <v>0</v>
      </c>
      <c r="AA12" s="328">
        <v>0</v>
      </c>
      <c r="AB12" s="326">
        <v>0</v>
      </c>
      <c r="AC12" s="327">
        <v>1986137</v>
      </c>
      <c r="AD12" s="327">
        <v>4296030</v>
      </c>
      <c r="AE12" s="327">
        <v>3535866</v>
      </c>
      <c r="AF12" s="327">
        <v>4367434</v>
      </c>
      <c r="AG12" s="327">
        <v>4725151</v>
      </c>
      <c r="AH12" s="328">
        <v>18910618</v>
      </c>
      <c r="AI12" s="330">
        <v>18910618</v>
      </c>
      <c r="AJ12" s="326">
        <v>0</v>
      </c>
      <c r="AK12" s="327">
        <v>0</v>
      </c>
      <c r="AL12" s="328">
        <v>0</v>
      </c>
      <c r="AM12" s="326">
        <v>0</v>
      </c>
      <c r="AN12" s="327">
        <v>0</v>
      </c>
      <c r="AO12" s="327">
        <v>109335</v>
      </c>
      <c r="AP12" s="327">
        <v>221975</v>
      </c>
      <c r="AQ12" s="327">
        <v>325255</v>
      </c>
      <c r="AR12" s="327">
        <v>498862</v>
      </c>
      <c r="AS12" s="328">
        <v>1155427</v>
      </c>
      <c r="AT12" s="330">
        <v>1155427</v>
      </c>
      <c r="AU12" s="326">
        <v>252883</v>
      </c>
      <c r="AV12" s="327">
        <v>767124</v>
      </c>
      <c r="AW12" s="328">
        <v>1020007</v>
      </c>
      <c r="AX12" s="326">
        <v>0</v>
      </c>
      <c r="AY12" s="327">
        <v>1658396</v>
      </c>
      <c r="AZ12" s="327">
        <v>2892906</v>
      </c>
      <c r="BA12" s="327">
        <v>2536554</v>
      </c>
      <c r="BB12" s="327">
        <v>1742634</v>
      </c>
      <c r="BC12" s="327">
        <v>1464929</v>
      </c>
      <c r="BD12" s="328">
        <v>10295419</v>
      </c>
      <c r="BE12" s="330">
        <v>11315426</v>
      </c>
      <c r="BF12" s="326">
        <v>30788</v>
      </c>
      <c r="BG12" s="327">
        <v>49188</v>
      </c>
      <c r="BH12" s="331">
        <v>79976</v>
      </c>
      <c r="BI12" s="332">
        <v>0</v>
      </c>
      <c r="BJ12" s="327">
        <v>0</v>
      </c>
      <c r="BK12" s="327">
        <v>63847</v>
      </c>
      <c r="BL12" s="327">
        <v>37631</v>
      </c>
      <c r="BM12" s="327">
        <v>111919</v>
      </c>
      <c r="BN12" s="327">
        <v>64624</v>
      </c>
      <c r="BO12" s="328">
        <v>278021</v>
      </c>
      <c r="BP12" s="330">
        <v>357997</v>
      </c>
      <c r="BQ12" s="326">
        <v>324128</v>
      </c>
      <c r="BR12" s="327">
        <v>270096</v>
      </c>
      <c r="BS12" s="328">
        <v>594224</v>
      </c>
      <c r="BT12" s="326">
        <v>0</v>
      </c>
      <c r="BU12" s="327">
        <v>1206080</v>
      </c>
      <c r="BV12" s="327">
        <v>1633928</v>
      </c>
      <c r="BW12" s="327">
        <v>1520504</v>
      </c>
      <c r="BX12" s="327">
        <v>1349790</v>
      </c>
      <c r="BY12" s="327">
        <v>892656</v>
      </c>
      <c r="BZ12" s="328">
        <v>6602958</v>
      </c>
      <c r="CA12" s="330">
        <v>7197182</v>
      </c>
      <c r="CB12" s="326">
        <v>146435</v>
      </c>
      <c r="CC12" s="327">
        <v>532076</v>
      </c>
      <c r="CD12" s="328">
        <v>678511</v>
      </c>
      <c r="CE12" s="326">
        <v>0</v>
      </c>
      <c r="CF12" s="327">
        <v>5654772</v>
      </c>
      <c r="CG12" s="327">
        <v>7822033</v>
      </c>
      <c r="CH12" s="327">
        <v>9830836</v>
      </c>
      <c r="CI12" s="327">
        <v>3647532</v>
      </c>
      <c r="CJ12" s="327">
        <v>948583</v>
      </c>
      <c r="CK12" s="328">
        <v>27903756</v>
      </c>
      <c r="CL12" s="330">
        <v>28582267</v>
      </c>
      <c r="CM12" s="326">
        <v>0</v>
      </c>
      <c r="CN12" s="327">
        <v>0</v>
      </c>
      <c r="CO12" s="328">
        <v>0</v>
      </c>
      <c r="CP12" s="332">
        <v>0</v>
      </c>
      <c r="CQ12" s="327">
        <v>5029327</v>
      </c>
      <c r="CR12" s="327">
        <v>6156538</v>
      </c>
      <c r="CS12" s="327">
        <v>8553029</v>
      </c>
      <c r="CT12" s="327">
        <v>2977148</v>
      </c>
      <c r="CU12" s="327">
        <v>898141</v>
      </c>
      <c r="CV12" s="328">
        <v>23614183</v>
      </c>
      <c r="CW12" s="330">
        <v>23614183</v>
      </c>
      <c r="CX12" s="326">
        <v>146435</v>
      </c>
      <c r="CY12" s="327">
        <v>532076</v>
      </c>
      <c r="CZ12" s="328">
        <v>678511</v>
      </c>
      <c r="DA12" s="326">
        <v>0</v>
      </c>
      <c r="DB12" s="327">
        <v>625445</v>
      </c>
      <c r="DC12" s="327">
        <v>1665495</v>
      </c>
      <c r="DD12" s="327">
        <v>1277807</v>
      </c>
      <c r="DE12" s="327">
        <v>670384</v>
      </c>
      <c r="DF12" s="327">
        <v>50442</v>
      </c>
      <c r="DG12" s="328">
        <v>4289573</v>
      </c>
      <c r="DH12" s="330">
        <v>4968084</v>
      </c>
      <c r="DI12" s="326">
        <v>10523</v>
      </c>
      <c r="DJ12" s="327">
        <v>0</v>
      </c>
      <c r="DK12" s="331">
        <v>10523</v>
      </c>
      <c r="DL12" s="332">
        <v>0</v>
      </c>
      <c r="DM12" s="327">
        <v>126489</v>
      </c>
      <c r="DN12" s="327">
        <v>836154</v>
      </c>
      <c r="DO12" s="327">
        <v>3060428</v>
      </c>
      <c r="DP12" s="327">
        <v>2522690</v>
      </c>
      <c r="DQ12" s="327">
        <v>1362451</v>
      </c>
      <c r="DR12" s="328">
        <v>7908212</v>
      </c>
      <c r="DS12" s="330">
        <v>7918735</v>
      </c>
      <c r="DT12" s="326">
        <v>10523</v>
      </c>
      <c r="DU12" s="327">
        <v>0</v>
      </c>
      <c r="DV12" s="328">
        <v>10523</v>
      </c>
      <c r="DW12" s="326">
        <v>0</v>
      </c>
      <c r="DX12" s="327">
        <v>126489</v>
      </c>
      <c r="DY12" s="327">
        <v>742731</v>
      </c>
      <c r="DZ12" s="327">
        <v>2727828</v>
      </c>
      <c r="EA12" s="327">
        <v>2202116</v>
      </c>
      <c r="EB12" s="327">
        <v>1362451</v>
      </c>
      <c r="EC12" s="328">
        <v>7161615</v>
      </c>
      <c r="ED12" s="330">
        <v>7172138</v>
      </c>
      <c r="EE12" s="326">
        <v>0</v>
      </c>
      <c r="EF12" s="331">
        <v>0</v>
      </c>
      <c r="EG12" s="328">
        <v>0</v>
      </c>
      <c r="EH12" s="326">
        <v>0</v>
      </c>
      <c r="EI12" s="327">
        <v>0</v>
      </c>
      <c r="EJ12" s="327">
        <v>93423</v>
      </c>
      <c r="EK12" s="327">
        <v>332600</v>
      </c>
      <c r="EL12" s="327">
        <v>320574</v>
      </c>
      <c r="EM12" s="327">
        <v>0</v>
      </c>
      <c r="EN12" s="331">
        <v>746597</v>
      </c>
      <c r="EO12" s="330">
        <v>74659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178856</v>
      </c>
      <c r="FM12" s="327">
        <v>1236936</v>
      </c>
      <c r="FN12" s="328">
        <v>1415792</v>
      </c>
      <c r="FO12" s="326">
        <v>0</v>
      </c>
      <c r="FP12" s="327">
        <v>1278892</v>
      </c>
      <c r="FQ12" s="327">
        <v>2854829</v>
      </c>
      <c r="FR12" s="327">
        <v>2626576</v>
      </c>
      <c r="FS12" s="327">
        <v>1910837</v>
      </c>
      <c r="FT12" s="327">
        <v>1222308</v>
      </c>
      <c r="FU12" s="328">
        <v>9893442</v>
      </c>
      <c r="FV12" s="330">
        <v>11309234</v>
      </c>
      <c r="FW12" s="333">
        <v>178856</v>
      </c>
      <c r="FX12" s="327">
        <v>863816</v>
      </c>
      <c r="FY12" s="331">
        <v>1042672</v>
      </c>
      <c r="FZ12" s="332">
        <v>0</v>
      </c>
      <c r="GA12" s="327">
        <v>733352</v>
      </c>
      <c r="GB12" s="327">
        <v>2618936</v>
      </c>
      <c r="GC12" s="327">
        <v>2318752</v>
      </c>
      <c r="GD12" s="327">
        <v>1597296</v>
      </c>
      <c r="GE12" s="327">
        <v>1114888</v>
      </c>
      <c r="GF12" s="328">
        <v>8383224</v>
      </c>
      <c r="GG12" s="334">
        <v>9425896</v>
      </c>
      <c r="GH12" s="333">
        <v>0</v>
      </c>
      <c r="GI12" s="327">
        <v>93120</v>
      </c>
      <c r="GJ12" s="331">
        <v>93120</v>
      </c>
      <c r="GK12" s="332">
        <v>0</v>
      </c>
      <c r="GL12" s="327">
        <v>24420</v>
      </c>
      <c r="GM12" s="327">
        <v>147893</v>
      </c>
      <c r="GN12" s="327">
        <v>89744</v>
      </c>
      <c r="GO12" s="327">
        <v>87597</v>
      </c>
      <c r="GP12" s="327">
        <v>107420</v>
      </c>
      <c r="GQ12" s="328">
        <v>457074</v>
      </c>
      <c r="GR12" s="330">
        <v>550194</v>
      </c>
      <c r="GS12" s="326">
        <v>0</v>
      </c>
      <c r="GT12" s="327">
        <v>280000</v>
      </c>
      <c r="GU12" s="328">
        <v>280000</v>
      </c>
      <c r="GV12" s="326">
        <v>0</v>
      </c>
      <c r="GW12" s="327">
        <v>521120</v>
      </c>
      <c r="GX12" s="327">
        <v>88000</v>
      </c>
      <c r="GY12" s="327">
        <v>218080</v>
      </c>
      <c r="GZ12" s="327">
        <v>225944</v>
      </c>
      <c r="HA12" s="327">
        <v>0</v>
      </c>
      <c r="HB12" s="331">
        <v>1053144</v>
      </c>
      <c r="HC12" s="330">
        <v>1333144</v>
      </c>
      <c r="HD12" s="326">
        <v>788805</v>
      </c>
      <c r="HE12" s="327">
        <v>647413</v>
      </c>
      <c r="HF12" s="331">
        <v>1436218</v>
      </c>
      <c r="HG12" s="332">
        <v>0</v>
      </c>
      <c r="HH12" s="327">
        <v>5759496</v>
      </c>
      <c r="HI12" s="327">
        <v>5446597</v>
      </c>
      <c r="HJ12" s="327">
        <v>5019710</v>
      </c>
      <c r="HK12" s="327">
        <v>4579216</v>
      </c>
      <c r="HL12" s="327">
        <v>2935047</v>
      </c>
      <c r="HM12" s="328">
        <v>23740066</v>
      </c>
      <c r="HN12" s="329">
        <v>25176284</v>
      </c>
      <c r="HO12" s="333">
        <v>0</v>
      </c>
      <c r="HP12" s="327">
        <v>0</v>
      </c>
      <c r="HQ12" s="328">
        <v>0</v>
      </c>
      <c r="HR12" s="326">
        <v>0</v>
      </c>
      <c r="HS12" s="327">
        <v>0</v>
      </c>
      <c r="HT12" s="327">
        <v>0</v>
      </c>
      <c r="HU12" s="327">
        <v>0</v>
      </c>
      <c r="HV12" s="327">
        <v>0</v>
      </c>
      <c r="HW12" s="327">
        <v>0</v>
      </c>
      <c r="HX12" s="331">
        <v>0</v>
      </c>
      <c r="HY12" s="330">
        <v>0</v>
      </c>
      <c r="HZ12" s="335">
        <v>0</v>
      </c>
      <c r="IA12" s="336">
        <v>68138</v>
      </c>
      <c r="IB12" s="337">
        <v>68138</v>
      </c>
      <c r="IC12" s="355">
        <v>0</v>
      </c>
      <c r="ID12" s="356">
        <v>5438413</v>
      </c>
      <c r="IE12" s="357">
        <v>7559540</v>
      </c>
      <c r="IF12" s="358">
        <v>8073343</v>
      </c>
      <c r="IG12" s="356">
        <v>6786194</v>
      </c>
      <c r="IH12" s="358">
        <v>3128461</v>
      </c>
      <c r="II12" s="359">
        <v>30985951</v>
      </c>
      <c r="IJ12" s="341">
        <v>31054089</v>
      </c>
      <c r="IK12" s="342">
        <v>0</v>
      </c>
      <c r="IL12" s="343">
        <v>0</v>
      </c>
      <c r="IM12" s="344">
        <v>0</v>
      </c>
      <c r="IN12" s="404">
        <v>0</v>
      </c>
      <c r="IO12" s="345">
        <v>71820</v>
      </c>
      <c r="IP12" s="345">
        <v>165538</v>
      </c>
      <c r="IQ12" s="345">
        <v>135716</v>
      </c>
      <c r="IR12" s="345">
        <v>476999</v>
      </c>
      <c r="IS12" s="345">
        <v>280313</v>
      </c>
      <c r="IT12" s="346">
        <v>1130386</v>
      </c>
      <c r="IU12" s="347">
        <v>1130386</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2785530</v>
      </c>
      <c r="JL12" s="345">
        <v>3948802</v>
      </c>
      <c r="JM12" s="345">
        <v>2415548</v>
      </c>
      <c r="JN12" s="345">
        <v>1112243</v>
      </c>
      <c r="JO12" s="345">
        <v>97785</v>
      </c>
      <c r="JP12" s="349">
        <v>10359908</v>
      </c>
      <c r="JQ12" s="347">
        <v>10359908</v>
      </c>
      <c r="JR12" s="348">
        <v>0</v>
      </c>
      <c r="JS12" s="345">
        <v>0</v>
      </c>
      <c r="JT12" s="346">
        <v>0</v>
      </c>
      <c r="JU12" s="351">
        <v>0</v>
      </c>
      <c r="JV12" s="345">
        <v>167753</v>
      </c>
      <c r="JW12" s="345">
        <v>234065</v>
      </c>
      <c r="JX12" s="345">
        <v>92988</v>
      </c>
      <c r="JY12" s="345">
        <v>0</v>
      </c>
      <c r="JZ12" s="345">
        <v>0</v>
      </c>
      <c r="KA12" s="349">
        <v>494806</v>
      </c>
      <c r="KB12" s="347">
        <v>494806</v>
      </c>
      <c r="KC12" s="352">
        <v>0</v>
      </c>
      <c r="KD12" s="353">
        <v>68138</v>
      </c>
      <c r="KE12" s="349">
        <v>68138</v>
      </c>
      <c r="KF12" s="351">
        <v>0</v>
      </c>
      <c r="KG12" s="345">
        <v>603693</v>
      </c>
      <c r="KH12" s="345">
        <v>793927</v>
      </c>
      <c r="KI12" s="345">
        <v>1695644</v>
      </c>
      <c r="KJ12" s="345">
        <v>1374102</v>
      </c>
      <c r="KK12" s="345">
        <v>584413</v>
      </c>
      <c r="KL12" s="349">
        <v>5051779</v>
      </c>
      <c r="KM12" s="354">
        <v>5119917</v>
      </c>
      <c r="KN12" s="342">
        <v>0</v>
      </c>
      <c r="KO12" s="343">
        <v>0</v>
      </c>
      <c r="KP12" s="344">
        <v>0</v>
      </c>
      <c r="KQ12" s="404">
        <v>0</v>
      </c>
      <c r="KR12" s="345">
        <v>1604443</v>
      </c>
      <c r="KS12" s="345">
        <v>2417208</v>
      </c>
      <c r="KT12" s="345">
        <v>3210726</v>
      </c>
      <c r="KU12" s="345">
        <v>3248487</v>
      </c>
      <c r="KV12" s="345">
        <v>1075843</v>
      </c>
      <c r="KW12" s="349">
        <v>11556707</v>
      </c>
      <c r="KX12" s="347">
        <v>11556707</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37537</v>
      </c>
      <c r="LQ12" s="345">
        <v>544149</v>
      </c>
      <c r="LR12" s="345">
        <v>0</v>
      </c>
      <c r="LS12" s="349">
        <v>781686</v>
      </c>
      <c r="LT12" s="347">
        <v>781686</v>
      </c>
      <c r="LU12" s="348">
        <v>0</v>
      </c>
      <c r="LV12" s="345">
        <v>0</v>
      </c>
      <c r="LW12" s="349">
        <v>0</v>
      </c>
      <c r="LX12" s="404">
        <v>0</v>
      </c>
      <c r="LY12" s="345">
        <v>205174</v>
      </c>
      <c r="LZ12" s="345">
        <v>0</v>
      </c>
      <c r="MA12" s="345">
        <v>285184</v>
      </c>
      <c r="MB12" s="345">
        <v>30214</v>
      </c>
      <c r="MC12" s="345">
        <v>1090107</v>
      </c>
      <c r="MD12" s="349">
        <v>1610679</v>
      </c>
      <c r="ME12" s="350">
        <v>1610679</v>
      </c>
      <c r="MF12" s="348">
        <v>0</v>
      </c>
      <c r="MG12" s="345">
        <v>0</v>
      </c>
      <c r="MH12" s="349">
        <v>0</v>
      </c>
      <c r="MI12" s="404">
        <v>0</v>
      </c>
      <c r="MJ12" s="345">
        <v>0</v>
      </c>
      <c r="MK12" s="345">
        <v>3169855</v>
      </c>
      <c r="ML12" s="345">
        <v>11892989</v>
      </c>
      <c r="MM12" s="345">
        <v>18030216</v>
      </c>
      <c r="MN12" s="345">
        <v>10768183</v>
      </c>
      <c r="MO12" s="349">
        <v>43861243</v>
      </c>
      <c r="MP12" s="354">
        <v>43861243</v>
      </c>
      <c r="MQ12" s="348">
        <v>0</v>
      </c>
      <c r="MR12" s="345">
        <v>0</v>
      </c>
      <c r="MS12" s="349">
        <v>0</v>
      </c>
      <c r="MT12" s="404">
        <v>0</v>
      </c>
      <c r="MU12" s="345">
        <v>0</v>
      </c>
      <c r="MV12" s="345">
        <v>221980</v>
      </c>
      <c r="MW12" s="345">
        <v>7926522</v>
      </c>
      <c r="MX12" s="345">
        <v>12821370</v>
      </c>
      <c r="MY12" s="345">
        <v>7075492</v>
      </c>
      <c r="MZ12" s="349">
        <v>28045364</v>
      </c>
      <c r="NA12" s="354">
        <v>28045364</v>
      </c>
      <c r="NB12" s="348">
        <v>0</v>
      </c>
      <c r="NC12" s="345">
        <v>0</v>
      </c>
      <c r="ND12" s="349">
        <v>0</v>
      </c>
      <c r="NE12" s="404">
        <v>0</v>
      </c>
      <c r="NF12" s="345">
        <v>0</v>
      </c>
      <c r="NG12" s="345">
        <v>2947875</v>
      </c>
      <c r="NH12" s="345">
        <v>3966467</v>
      </c>
      <c r="NI12" s="345">
        <v>4027589</v>
      </c>
      <c r="NJ12" s="345">
        <v>1943952</v>
      </c>
      <c r="NK12" s="349">
        <v>12885883</v>
      </c>
      <c r="NL12" s="347">
        <v>12885883</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181257</v>
      </c>
      <c r="OF12" s="345">
        <v>1748739</v>
      </c>
      <c r="OG12" s="349">
        <v>2929996</v>
      </c>
      <c r="OH12" s="350">
        <v>2929996</v>
      </c>
      <c r="OI12" s="348">
        <v>1732418</v>
      </c>
      <c r="OJ12" s="345">
        <v>3570971</v>
      </c>
      <c r="OK12" s="346">
        <v>5303389</v>
      </c>
      <c r="OL12" s="351">
        <v>0</v>
      </c>
      <c r="OM12" s="345">
        <v>23108675</v>
      </c>
      <c r="ON12" s="345">
        <v>36685054</v>
      </c>
      <c r="OO12" s="345">
        <v>48356412</v>
      </c>
      <c r="OP12" s="345">
        <v>45373717</v>
      </c>
      <c r="OQ12" s="345">
        <v>28011255</v>
      </c>
      <c r="OR12" s="349">
        <v>181535113</v>
      </c>
      <c r="OS12" s="354">
        <v>186838502</v>
      </c>
    </row>
    <row r="13" spans="1:409" s="70" customFormat="1" ht="21" customHeight="1" x14ac:dyDescent="0.2">
      <c r="B13" s="410" t="s">
        <v>7</v>
      </c>
      <c r="C13" s="326">
        <v>1618215</v>
      </c>
      <c r="D13" s="327">
        <v>1849512</v>
      </c>
      <c r="E13" s="328">
        <v>3467727</v>
      </c>
      <c r="F13" s="329">
        <v>0</v>
      </c>
      <c r="G13" s="327">
        <v>23116672</v>
      </c>
      <c r="H13" s="327">
        <v>25604731</v>
      </c>
      <c r="I13" s="327">
        <v>20043422</v>
      </c>
      <c r="J13" s="327">
        <v>15522465</v>
      </c>
      <c r="K13" s="327">
        <v>13340141</v>
      </c>
      <c r="L13" s="329">
        <v>97627431</v>
      </c>
      <c r="M13" s="330">
        <v>101095158</v>
      </c>
      <c r="N13" s="326">
        <v>303571</v>
      </c>
      <c r="O13" s="327">
        <v>232329</v>
      </c>
      <c r="P13" s="328">
        <v>535900</v>
      </c>
      <c r="Q13" s="326">
        <v>0</v>
      </c>
      <c r="R13" s="327">
        <v>6329634</v>
      </c>
      <c r="S13" s="327">
        <v>7890823</v>
      </c>
      <c r="T13" s="327">
        <v>4930764</v>
      </c>
      <c r="U13" s="327">
        <v>7150413</v>
      </c>
      <c r="V13" s="327">
        <v>6711993</v>
      </c>
      <c r="W13" s="328">
        <v>33013627</v>
      </c>
      <c r="X13" s="330">
        <v>33549527</v>
      </c>
      <c r="Y13" s="326">
        <v>0</v>
      </c>
      <c r="Z13" s="327">
        <v>0</v>
      </c>
      <c r="AA13" s="328">
        <v>0</v>
      </c>
      <c r="AB13" s="326">
        <v>0</v>
      </c>
      <c r="AC13" s="327">
        <v>3093912</v>
      </c>
      <c r="AD13" s="327">
        <v>4031935</v>
      </c>
      <c r="AE13" s="327">
        <v>2621072</v>
      </c>
      <c r="AF13" s="327">
        <v>4762670</v>
      </c>
      <c r="AG13" s="327">
        <v>3937569</v>
      </c>
      <c r="AH13" s="328">
        <v>18447158</v>
      </c>
      <c r="AI13" s="330">
        <v>18447158</v>
      </c>
      <c r="AJ13" s="326">
        <v>0</v>
      </c>
      <c r="AK13" s="327">
        <v>0</v>
      </c>
      <c r="AL13" s="328">
        <v>0</v>
      </c>
      <c r="AM13" s="326">
        <v>0</v>
      </c>
      <c r="AN13" s="327">
        <v>0</v>
      </c>
      <c r="AO13" s="327">
        <v>156138</v>
      </c>
      <c r="AP13" s="327">
        <v>192170</v>
      </c>
      <c r="AQ13" s="327">
        <v>328729</v>
      </c>
      <c r="AR13" s="327">
        <v>731238</v>
      </c>
      <c r="AS13" s="328">
        <v>1408275</v>
      </c>
      <c r="AT13" s="330">
        <v>1408275</v>
      </c>
      <c r="AU13" s="326">
        <v>67179</v>
      </c>
      <c r="AV13" s="327">
        <v>32840</v>
      </c>
      <c r="AW13" s="328">
        <v>100019</v>
      </c>
      <c r="AX13" s="326">
        <v>0</v>
      </c>
      <c r="AY13" s="327">
        <v>1859151</v>
      </c>
      <c r="AZ13" s="327">
        <v>2056073</v>
      </c>
      <c r="BA13" s="327">
        <v>772114</v>
      </c>
      <c r="BB13" s="327">
        <v>1032550</v>
      </c>
      <c r="BC13" s="327">
        <v>1366304</v>
      </c>
      <c r="BD13" s="328">
        <v>7086192</v>
      </c>
      <c r="BE13" s="330">
        <v>7186211</v>
      </c>
      <c r="BF13" s="326">
        <v>0</v>
      </c>
      <c r="BG13" s="327">
        <v>40241</v>
      </c>
      <c r="BH13" s="331">
        <v>40241</v>
      </c>
      <c r="BI13" s="332">
        <v>0</v>
      </c>
      <c r="BJ13" s="327">
        <v>96931</v>
      </c>
      <c r="BK13" s="327">
        <v>115781</v>
      </c>
      <c r="BL13" s="327">
        <v>102552</v>
      </c>
      <c r="BM13" s="327">
        <v>122520</v>
      </c>
      <c r="BN13" s="327">
        <v>15546</v>
      </c>
      <c r="BO13" s="328">
        <v>453330</v>
      </c>
      <c r="BP13" s="330">
        <v>493571</v>
      </c>
      <c r="BQ13" s="326">
        <v>236392</v>
      </c>
      <c r="BR13" s="327">
        <v>159248</v>
      </c>
      <c r="BS13" s="328">
        <v>395640</v>
      </c>
      <c r="BT13" s="326">
        <v>0</v>
      </c>
      <c r="BU13" s="327">
        <v>1279640</v>
      </c>
      <c r="BV13" s="327">
        <v>1530896</v>
      </c>
      <c r="BW13" s="327">
        <v>1242856</v>
      </c>
      <c r="BX13" s="327">
        <v>903944</v>
      </c>
      <c r="BY13" s="327">
        <v>661336</v>
      </c>
      <c r="BZ13" s="328">
        <v>5618672</v>
      </c>
      <c r="CA13" s="330">
        <v>6014312</v>
      </c>
      <c r="CB13" s="326">
        <v>21481</v>
      </c>
      <c r="CC13" s="327">
        <v>157683</v>
      </c>
      <c r="CD13" s="328">
        <v>179164</v>
      </c>
      <c r="CE13" s="326">
        <v>0</v>
      </c>
      <c r="CF13" s="327">
        <v>8213808</v>
      </c>
      <c r="CG13" s="327">
        <v>5802893</v>
      </c>
      <c r="CH13" s="327">
        <v>4390440</v>
      </c>
      <c r="CI13" s="327">
        <v>855468</v>
      </c>
      <c r="CJ13" s="327">
        <v>875100</v>
      </c>
      <c r="CK13" s="328">
        <v>20137709</v>
      </c>
      <c r="CL13" s="330">
        <v>20316873</v>
      </c>
      <c r="CM13" s="326">
        <v>0</v>
      </c>
      <c r="CN13" s="327">
        <v>0</v>
      </c>
      <c r="CO13" s="328">
        <v>0</v>
      </c>
      <c r="CP13" s="332">
        <v>0</v>
      </c>
      <c r="CQ13" s="327">
        <v>7162813</v>
      </c>
      <c r="CR13" s="327">
        <v>4393341</v>
      </c>
      <c r="CS13" s="327">
        <v>3792658</v>
      </c>
      <c r="CT13" s="327">
        <v>481407</v>
      </c>
      <c r="CU13" s="327">
        <v>629915</v>
      </c>
      <c r="CV13" s="328">
        <v>16460134</v>
      </c>
      <c r="CW13" s="330">
        <v>16460134</v>
      </c>
      <c r="CX13" s="326">
        <v>21481</v>
      </c>
      <c r="CY13" s="327">
        <v>157683</v>
      </c>
      <c r="CZ13" s="328">
        <v>179164</v>
      </c>
      <c r="DA13" s="326">
        <v>0</v>
      </c>
      <c r="DB13" s="327">
        <v>1050995</v>
      </c>
      <c r="DC13" s="327">
        <v>1409552</v>
      </c>
      <c r="DD13" s="327">
        <v>597782</v>
      </c>
      <c r="DE13" s="327">
        <v>374061</v>
      </c>
      <c r="DF13" s="327">
        <v>245185</v>
      </c>
      <c r="DG13" s="328">
        <v>3677575</v>
      </c>
      <c r="DH13" s="330">
        <v>3856739</v>
      </c>
      <c r="DI13" s="326">
        <v>19810</v>
      </c>
      <c r="DJ13" s="327">
        <v>54006</v>
      </c>
      <c r="DK13" s="331">
        <v>73816</v>
      </c>
      <c r="DL13" s="332">
        <v>0</v>
      </c>
      <c r="DM13" s="327">
        <v>679389</v>
      </c>
      <c r="DN13" s="327">
        <v>2746874</v>
      </c>
      <c r="DO13" s="327">
        <v>2504352</v>
      </c>
      <c r="DP13" s="327">
        <v>927965</v>
      </c>
      <c r="DQ13" s="327">
        <v>740817</v>
      </c>
      <c r="DR13" s="328">
        <v>7599397</v>
      </c>
      <c r="DS13" s="330">
        <v>7673213</v>
      </c>
      <c r="DT13" s="326">
        <v>19810</v>
      </c>
      <c r="DU13" s="327">
        <v>54006</v>
      </c>
      <c r="DV13" s="328">
        <v>73816</v>
      </c>
      <c r="DW13" s="326">
        <v>0</v>
      </c>
      <c r="DX13" s="327">
        <v>646522</v>
      </c>
      <c r="DY13" s="327">
        <v>2571073</v>
      </c>
      <c r="DZ13" s="327">
        <v>2345992</v>
      </c>
      <c r="EA13" s="327">
        <v>792261</v>
      </c>
      <c r="EB13" s="327">
        <v>715176</v>
      </c>
      <c r="EC13" s="328">
        <v>7071024</v>
      </c>
      <c r="ED13" s="330">
        <v>7144840</v>
      </c>
      <c r="EE13" s="326">
        <v>0</v>
      </c>
      <c r="EF13" s="331">
        <v>0</v>
      </c>
      <c r="EG13" s="328">
        <v>0</v>
      </c>
      <c r="EH13" s="326">
        <v>0</v>
      </c>
      <c r="EI13" s="327">
        <v>32867</v>
      </c>
      <c r="EJ13" s="327">
        <v>175801</v>
      </c>
      <c r="EK13" s="327">
        <v>158360</v>
      </c>
      <c r="EL13" s="327">
        <v>135704</v>
      </c>
      <c r="EM13" s="327">
        <v>25641</v>
      </c>
      <c r="EN13" s="331">
        <v>528373</v>
      </c>
      <c r="EO13" s="330">
        <v>528373</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549408</v>
      </c>
      <c r="FM13" s="327">
        <v>398464</v>
      </c>
      <c r="FN13" s="328">
        <v>947872</v>
      </c>
      <c r="FO13" s="326">
        <v>0</v>
      </c>
      <c r="FP13" s="327">
        <v>1105944</v>
      </c>
      <c r="FQ13" s="327">
        <v>2429904</v>
      </c>
      <c r="FR13" s="327">
        <v>1415504</v>
      </c>
      <c r="FS13" s="327">
        <v>1485875</v>
      </c>
      <c r="FT13" s="327">
        <v>834888</v>
      </c>
      <c r="FU13" s="328">
        <v>7272115</v>
      </c>
      <c r="FV13" s="330">
        <v>8219987</v>
      </c>
      <c r="FW13" s="333">
        <v>151688</v>
      </c>
      <c r="FX13" s="327">
        <v>131168</v>
      </c>
      <c r="FY13" s="331">
        <v>282856</v>
      </c>
      <c r="FZ13" s="332">
        <v>0</v>
      </c>
      <c r="GA13" s="327">
        <v>769600</v>
      </c>
      <c r="GB13" s="327">
        <v>2075760</v>
      </c>
      <c r="GC13" s="327">
        <v>1234280</v>
      </c>
      <c r="GD13" s="327">
        <v>1025040</v>
      </c>
      <c r="GE13" s="327">
        <v>699568</v>
      </c>
      <c r="GF13" s="328">
        <v>5804248</v>
      </c>
      <c r="GG13" s="334">
        <v>6087104</v>
      </c>
      <c r="GH13" s="333">
        <v>14520</v>
      </c>
      <c r="GI13" s="327">
        <v>36256</v>
      </c>
      <c r="GJ13" s="331">
        <v>50776</v>
      </c>
      <c r="GK13" s="332">
        <v>0</v>
      </c>
      <c r="GL13" s="327">
        <v>28300</v>
      </c>
      <c r="GM13" s="327">
        <v>173104</v>
      </c>
      <c r="GN13" s="327">
        <v>107624</v>
      </c>
      <c r="GO13" s="327">
        <v>76595</v>
      </c>
      <c r="GP13" s="327">
        <v>14520</v>
      </c>
      <c r="GQ13" s="328">
        <v>400143</v>
      </c>
      <c r="GR13" s="330">
        <v>450919</v>
      </c>
      <c r="GS13" s="326">
        <v>383200</v>
      </c>
      <c r="GT13" s="327">
        <v>231040</v>
      </c>
      <c r="GU13" s="328">
        <v>614240</v>
      </c>
      <c r="GV13" s="326">
        <v>0</v>
      </c>
      <c r="GW13" s="327">
        <v>308044</v>
      </c>
      <c r="GX13" s="327">
        <v>181040</v>
      </c>
      <c r="GY13" s="327">
        <v>73600</v>
      </c>
      <c r="GZ13" s="327">
        <v>384240</v>
      </c>
      <c r="HA13" s="327">
        <v>120800</v>
      </c>
      <c r="HB13" s="331">
        <v>1067724</v>
      </c>
      <c r="HC13" s="330">
        <v>1681964</v>
      </c>
      <c r="HD13" s="326">
        <v>723945</v>
      </c>
      <c r="HE13" s="327">
        <v>1007030</v>
      </c>
      <c r="HF13" s="331">
        <v>1730975</v>
      </c>
      <c r="HG13" s="332">
        <v>0</v>
      </c>
      <c r="HH13" s="327">
        <v>6787897</v>
      </c>
      <c r="HI13" s="327">
        <v>6734237</v>
      </c>
      <c r="HJ13" s="327">
        <v>6802362</v>
      </c>
      <c r="HK13" s="327">
        <v>5102744</v>
      </c>
      <c r="HL13" s="327">
        <v>4177343</v>
      </c>
      <c r="HM13" s="328">
        <v>29604583</v>
      </c>
      <c r="HN13" s="329">
        <v>31335558</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725357</v>
      </c>
      <c r="IE13" s="339">
        <v>5151999</v>
      </c>
      <c r="IF13" s="337">
        <v>5825637</v>
      </c>
      <c r="IG13" s="336">
        <v>2592303</v>
      </c>
      <c r="IH13" s="337">
        <v>1788983</v>
      </c>
      <c r="II13" s="340">
        <v>21084279</v>
      </c>
      <c r="IJ13" s="341">
        <v>21084279</v>
      </c>
      <c r="IK13" s="342">
        <v>0</v>
      </c>
      <c r="IL13" s="343">
        <v>0</v>
      </c>
      <c r="IM13" s="344">
        <v>0</v>
      </c>
      <c r="IN13" s="404">
        <v>0</v>
      </c>
      <c r="IO13" s="345">
        <v>117054</v>
      </c>
      <c r="IP13" s="345">
        <v>0</v>
      </c>
      <c r="IQ13" s="345">
        <v>0</v>
      </c>
      <c r="IR13" s="345">
        <v>30845</v>
      </c>
      <c r="IS13" s="345">
        <v>0</v>
      </c>
      <c r="IT13" s="346">
        <v>147899</v>
      </c>
      <c r="IU13" s="347">
        <v>147899</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581458</v>
      </c>
      <c r="JL13" s="345">
        <v>2799127</v>
      </c>
      <c r="JM13" s="345">
        <v>1177078</v>
      </c>
      <c r="JN13" s="345">
        <v>302823</v>
      </c>
      <c r="JO13" s="345">
        <v>27201</v>
      </c>
      <c r="JP13" s="349">
        <v>6887687</v>
      </c>
      <c r="JQ13" s="347">
        <v>6887687</v>
      </c>
      <c r="JR13" s="348">
        <v>0</v>
      </c>
      <c r="JS13" s="345">
        <v>0</v>
      </c>
      <c r="JT13" s="346">
        <v>0</v>
      </c>
      <c r="JU13" s="351">
        <v>0</v>
      </c>
      <c r="JV13" s="345">
        <v>469051</v>
      </c>
      <c r="JW13" s="345">
        <v>287485</v>
      </c>
      <c r="JX13" s="345">
        <v>693589</v>
      </c>
      <c r="JY13" s="345">
        <v>517663</v>
      </c>
      <c r="JZ13" s="345">
        <v>330390</v>
      </c>
      <c r="KA13" s="349">
        <v>2298178</v>
      </c>
      <c r="KB13" s="347">
        <v>2298178</v>
      </c>
      <c r="KC13" s="352">
        <v>0</v>
      </c>
      <c r="KD13" s="353">
        <v>0</v>
      </c>
      <c r="KE13" s="349">
        <v>0</v>
      </c>
      <c r="KF13" s="351">
        <v>0</v>
      </c>
      <c r="KG13" s="345">
        <v>578994</v>
      </c>
      <c r="KH13" s="345">
        <v>330526</v>
      </c>
      <c r="KI13" s="345">
        <v>766809</v>
      </c>
      <c r="KJ13" s="345">
        <v>69724</v>
      </c>
      <c r="KK13" s="345">
        <v>0</v>
      </c>
      <c r="KL13" s="349">
        <v>1746053</v>
      </c>
      <c r="KM13" s="354">
        <v>1746053</v>
      </c>
      <c r="KN13" s="342">
        <v>0</v>
      </c>
      <c r="KO13" s="343">
        <v>0</v>
      </c>
      <c r="KP13" s="344">
        <v>0</v>
      </c>
      <c r="KQ13" s="404">
        <v>0</v>
      </c>
      <c r="KR13" s="345">
        <v>1922971</v>
      </c>
      <c r="KS13" s="345">
        <v>1734861</v>
      </c>
      <c r="KT13" s="345">
        <v>2822985</v>
      </c>
      <c r="KU13" s="345">
        <v>1566441</v>
      </c>
      <c r="KV13" s="345">
        <v>541289</v>
      </c>
      <c r="KW13" s="349">
        <v>8588547</v>
      </c>
      <c r="KX13" s="347">
        <v>8588547</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55829</v>
      </c>
      <c r="LZ13" s="345">
        <v>0</v>
      </c>
      <c r="MA13" s="345">
        <v>365176</v>
      </c>
      <c r="MB13" s="345">
        <v>104807</v>
      </c>
      <c r="MC13" s="345">
        <v>890103</v>
      </c>
      <c r="MD13" s="349">
        <v>1415915</v>
      </c>
      <c r="ME13" s="350">
        <v>1415915</v>
      </c>
      <c r="MF13" s="348">
        <v>0</v>
      </c>
      <c r="MG13" s="345">
        <v>0</v>
      </c>
      <c r="MH13" s="349">
        <v>0</v>
      </c>
      <c r="MI13" s="404">
        <v>0</v>
      </c>
      <c r="MJ13" s="345">
        <v>2916888</v>
      </c>
      <c r="MK13" s="345">
        <v>2988296</v>
      </c>
      <c r="ML13" s="345">
        <v>9571039</v>
      </c>
      <c r="MM13" s="345">
        <v>16122082</v>
      </c>
      <c r="MN13" s="345">
        <v>8327198</v>
      </c>
      <c r="MO13" s="349">
        <v>39925503</v>
      </c>
      <c r="MP13" s="354">
        <v>39925503</v>
      </c>
      <c r="MQ13" s="348">
        <v>0</v>
      </c>
      <c r="MR13" s="345">
        <v>0</v>
      </c>
      <c r="MS13" s="349">
        <v>0</v>
      </c>
      <c r="MT13" s="404">
        <v>0</v>
      </c>
      <c r="MU13" s="345">
        <v>223422</v>
      </c>
      <c r="MV13" s="345">
        <v>233490</v>
      </c>
      <c r="MW13" s="345">
        <v>6789328</v>
      </c>
      <c r="MX13" s="345">
        <v>12551191</v>
      </c>
      <c r="MY13" s="345">
        <v>6351474</v>
      </c>
      <c r="MZ13" s="349">
        <v>26148905</v>
      </c>
      <c r="NA13" s="354">
        <v>26148905</v>
      </c>
      <c r="NB13" s="348">
        <v>0</v>
      </c>
      <c r="NC13" s="345">
        <v>0</v>
      </c>
      <c r="ND13" s="349">
        <v>0</v>
      </c>
      <c r="NE13" s="404">
        <v>0</v>
      </c>
      <c r="NF13" s="345">
        <v>2693466</v>
      </c>
      <c r="NG13" s="345">
        <v>2754806</v>
      </c>
      <c r="NH13" s="345">
        <v>2495435</v>
      </c>
      <c r="NI13" s="345">
        <v>3226036</v>
      </c>
      <c r="NJ13" s="345">
        <v>1975724</v>
      </c>
      <c r="NK13" s="349">
        <v>13145467</v>
      </c>
      <c r="NL13" s="347">
        <v>13145467</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286276</v>
      </c>
      <c r="OE13" s="345">
        <v>344855</v>
      </c>
      <c r="OF13" s="345">
        <v>0</v>
      </c>
      <c r="OG13" s="349">
        <v>631131</v>
      </c>
      <c r="OH13" s="350">
        <v>631131</v>
      </c>
      <c r="OI13" s="348">
        <v>1618215</v>
      </c>
      <c r="OJ13" s="345">
        <v>1849512</v>
      </c>
      <c r="OK13" s="346">
        <v>3467727</v>
      </c>
      <c r="OL13" s="351">
        <v>0</v>
      </c>
      <c r="OM13" s="345">
        <v>31758917</v>
      </c>
      <c r="ON13" s="345">
        <v>33745026</v>
      </c>
      <c r="OO13" s="345">
        <v>35440098</v>
      </c>
      <c r="OP13" s="345">
        <v>34236850</v>
      </c>
      <c r="OQ13" s="345">
        <v>23456322</v>
      </c>
      <c r="OR13" s="349">
        <v>158637213</v>
      </c>
      <c r="OS13" s="354">
        <v>162104940</v>
      </c>
    </row>
    <row r="14" spans="1:409" s="70" customFormat="1" ht="21" customHeight="1" x14ac:dyDescent="0.2">
      <c r="B14" s="410" t="s">
        <v>8</v>
      </c>
      <c r="C14" s="326">
        <v>867626</v>
      </c>
      <c r="D14" s="327">
        <v>600826</v>
      </c>
      <c r="E14" s="328">
        <v>1468452</v>
      </c>
      <c r="F14" s="329">
        <v>0</v>
      </c>
      <c r="G14" s="327">
        <v>7766263</v>
      </c>
      <c r="H14" s="327">
        <v>8959243</v>
      </c>
      <c r="I14" s="327">
        <v>10569669</v>
      </c>
      <c r="J14" s="327">
        <v>7529354</v>
      </c>
      <c r="K14" s="327">
        <v>6653976</v>
      </c>
      <c r="L14" s="329">
        <v>41478505</v>
      </c>
      <c r="M14" s="330">
        <v>42946957</v>
      </c>
      <c r="N14" s="326">
        <v>244820</v>
      </c>
      <c r="O14" s="327">
        <v>90422</v>
      </c>
      <c r="P14" s="328">
        <v>335242</v>
      </c>
      <c r="Q14" s="326">
        <v>0</v>
      </c>
      <c r="R14" s="327">
        <v>2186332</v>
      </c>
      <c r="S14" s="327">
        <v>2889208</v>
      </c>
      <c r="T14" s="327">
        <v>4287331</v>
      </c>
      <c r="U14" s="327">
        <v>2563324</v>
      </c>
      <c r="V14" s="327">
        <v>4001428</v>
      </c>
      <c r="W14" s="328">
        <v>15927623</v>
      </c>
      <c r="X14" s="330">
        <v>16262865</v>
      </c>
      <c r="Y14" s="326">
        <v>0</v>
      </c>
      <c r="Z14" s="327">
        <v>0</v>
      </c>
      <c r="AA14" s="328">
        <v>0</v>
      </c>
      <c r="AB14" s="326">
        <v>0</v>
      </c>
      <c r="AC14" s="327">
        <v>834169</v>
      </c>
      <c r="AD14" s="327">
        <v>1518077</v>
      </c>
      <c r="AE14" s="327">
        <v>2251390</v>
      </c>
      <c r="AF14" s="327">
        <v>1366199</v>
      </c>
      <c r="AG14" s="327">
        <v>2722756</v>
      </c>
      <c r="AH14" s="328">
        <v>8692591</v>
      </c>
      <c r="AI14" s="330">
        <v>8692591</v>
      </c>
      <c r="AJ14" s="326">
        <v>0</v>
      </c>
      <c r="AK14" s="327">
        <v>0</v>
      </c>
      <c r="AL14" s="328">
        <v>0</v>
      </c>
      <c r="AM14" s="326">
        <v>0</v>
      </c>
      <c r="AN14" s="327">
        <v>0</v>
      </c>
      <c r="AO14" s="327">
        <v>71133</v>
      </c>
      <c r="AP14" s="327">
        <v>191605</v>
      </c>
      <c r="AQ14" s="327">
        <v>159299</v>
      </c>
      <c r="AR14" s="327">
        <v>302427</v>
      </c>
      <c r="AS14" s="328">
        <v>724464</v>
      </c>
      <c r="AT14" s="330">
        <v>724464</v>
      </c>
      <c r="AU14" s="326">
        <v>126295</v>
      </c>
      <c r="AV14" s="327">
        <v>41814</v>
      </c>
      <c r="AW14" s="328">
        <v>168109</v>
      </c>
      <c r="AX14" s="326">
        <v>0</v>
      </c>
      <c r="AY14" s="327">
        <v>510907</v>
      </c>
      <c r="AZ14" s="327">
        <v>867304</v>
      </c>
      <c r="BA14" s="327">
        <v>1122891</v>
      </c>
      <c r="BB14" s="327">
        <v>669986</v>
      </c>
      <c r="BC14" s="327">
        <v>583869</v>
      </c>
      <c r="BD14" s="328">
        <v>3754957</v>
      </c>
      <c r="BE14" s="330">
        <v>3923066</v>
      </c>
      <c r="BF14" s="326">
        <v>20525</v>
      </c>
      <c r="BG14" s="327">
        <v>7696</v>
      </c>
      <c r="BH14" s="331">
        <v>28221</v>
      </c>
      <c r="BI14" s="332">
        <v>0</v>
      </c>
      <c r="BJ14" s="327">
        <v>264912</v>
      </c>
      <c r="BK14" s="327">
        <v>75022</v>
      </c>
      <c r="BL14" s="327">
        <v>204149</v>
      </c>
      <c r="BM14" s="327">
        <v>0</v>
      </c>
      <c r="BN14" s="327">
        <v>22720</v>
      </c>
      <c r="BO14" s="328">
        <v>566803</v>
      </c>
      <c r="BP14" s="330">
        <v>595024</v>
      </c>
      <c r="BQ14" s="326">
        <v>98000</v>
      </c>
      <c r="BR14" s="327">
        <v>40912</v>
      </c>
      <c r="BS14" s="328">
        <v>138912</v>
      </c>
      <c r="BT14" s="326">
        <v>0</v>
      </c>
      <c r="BU14" s="327">
        <v>576344</v>
      </c>
      <c r="BV14" s="327">
        <v>357672</v>
      </c>
      <c r="BW14" s="327">
        <v>517296</v>
      </c>
      <c r="BX14" s="327">
        <v>367840</v>
      </c>
      <c r="BY14" s="327">
        <v>369656</v>
      </c>
      <c r="BZ14" s="328">
        <v>2188808</v>
      </c>
      <c r="CA14" s="330">
        <v>2327720</v>
      </c>
      <c r="CB14" s="326">
        <v>104730</v>
      </c>
      <c r="CC14" s="327">
        <v>115979</v>
      </c>
      <c r="CD14" s="328">
        <v>220709</v>
      </c>
      <c r="CE14" s="326">
        <v>0</v>
      </c>
      <c r="CF14" s="327">
        <v>2382092</v>
      </c>
      <c r="CG14" s="327">
        <v>2946080</v>
      </c>
      <c r="CH14" s="327">
        <v>2027771</v>
      </c>
      <c r="CI14" s="327">
        <v>1397042</v>
      </c>
      <c r="CJ14" s="327">
        <v>845391</v>
      </c>
      <c r="CK14" s="328">
        <v>9598376</v>
      </c>
      <c r="CL14" s="330">
        <v>9819085</v>
      </c>
      <c r="CM14" s="326">
        <v>0</v>
      </c>
      <c r="CN14" s="327">
        <v>0</v>
      </c>
      <c r="CO14" s="328">
        <v>0</v>
      </c>
      <c r="CP14" s="332">
        <v>0</v>
      </c>
      <c r="CQ14" s="327">
        <v>1812569</v>
      </c>
      <c r="CR14" s="327">
        <v>2535175</v>
      </c>
      <c r="CS14" s="327">
        <v>1254244</v>
      </c>
      <c r="CT14" s="327">
        <v>1282166</v>
      </c>
      <c r="CU14" s="327">
        <v>528860</v>
      </c>
      <c r="CV14" s="328">
        <v>7413014</v>
      </c>
      <c r="CW14" s="330">
        <v>7413014</v>
      </c>
      <c r="CX14" s="326">
        <v>104730</v>
      </c>
      <c r="CY14" s="327">
        <v>115979</v>
      </c>
      <c r="CZ14" s="328">
        <v>220709</v>
      </c>
      <c r="DA14" s="326">
        <v>0</v>
      </c>
      <c r="DB14" s="327">
        <v>569523</v>
      </c>
      <c r="DC14" s="327">
        <v>410905</v>
      </c>
      <c r="DD14" s="327">
        <v>773527</v>
      </c>
      <c r="DE14" s="327">
        <v>114876</v>
      </c>
      <c r="DF14" s="327">
        <v>316531</v>
      </c>
      <c r="DG14" s="328">
        <v>2185362</v>
      </c>
      <c r="DH14" s="330">
        <v>2406071</v>
      </c>
      <c r="DI14" s="326">
        <v>30890</v>
      </c>
      <c r="DJ14" s="327">
        <v>21352</v>
      </c>
      <c r="DK14" s="331">
        <v>52242</v>
      </c>
      <c r="DL14" s="332">
        <v>0</v>
      </c>
      <c r="DM14" s="327">
        <v>312000</v>
      </c>
      <c r="DN14" s="327">
        <v>204700</v>
      </c>
      <c r="DO14" s="327">
        <v>1375837</v>
      </c>
      <c r="DP14" s="327">
        <v>673897</v>
      </c>
      <c r="DQ14" s="327">
        <v>122666</v>
      </c>
      <c r="DR14" s="328">
        <v>2689100</v>
      </c>
      <c r="DS14" s="330">
        <v>2741342</v>
      </c>
      <c r="DT14" s="326">
        <v>30890</v>
      </c>
      <c r="DU14" s="327">
        <v>21352</v>
      </c>
      <c r="DV14" s="328">
        <v>52242</v>
      </c>
      <c r="DW14" s="326">
        <v>0</v>
      </c>
      <c r="DX14" s="327">
        <v>312000</v>
      </c>
      <c r="DY14" s="327">
        <v>176402</v>
      </c>
      <c r="DZ14" s="327">
        <v>1274950</v>
      </c>
      <c r="EA14" s="327">
        <v>673897</v>
      </c>
      <c r="EB14" s="327">
        <v>122666</v>
      </c>
      <c r="EC14" s="328">
        <v>2559915</v>
      </c>
      <c r="ED14" s="330">
        <v>2612157</v>
      </c>
      <c r="EE14" s="326">
        <v>0</v>
      </c>
      <c r="EF14" s="331">
        <v>0</v>
      </c>
      <c r="EG14" s="328">
        <v>0</v>
      </c>
      <c r="EH14" s="326">
        <v>0</v>
      </c>
      <c r="EI14" s="327">
        <v>0</v>
      </c>
      <c r="EJ14" s="327">
        <v>28298</v>
      </c>
      <c r="EK14" s="327">
        <v>100887</v>
      </c>
      <c r="EL14" s="327">
        <v>0</v>
      </c>
      <c r="EM14" s="327">
        <v>0</v>
      </c>
      <c r="EN14" s="331">
        <v>129185</v>
      </c>
      <c r="EO14" s="330">
        <v>129185</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107353</v>
      </c>
      <c r="FM14" s="327">
        <v>182672</v>
      </c>
      <c r="FN14" s="328">
        <v>290025</v>
      </c>
      <c r="FO14" s="326">
        <v>0</v>
      </c>
      <c r="FP14" s="327">
        <v>599592</v>
      </c>
      <c r="FQ14" s="327">
        <v>1145224</v>
      </c>
      <c r="FR14" s="327">
        <v>913352</v>
      </c>
      <c r="FS14" s="327">
        <v>644192</v>
      </c>
      <c r="FT14" s="327">
        <v>480000</v>
      </c>
      <c r="FU14" s="328">
        <v>3782360</v>
      </c>
      <c r="FV14" s="330">
        <v>4072385</v>
      </c>
      <c r="FW14" s="333">
        <v>80320</v>
      </c>
      <c r="FX14" s="327">
        <v>160496</v>
      </c>
      <c r="FY14" s="331">
        <v>240816</v>
      </c>
      <c r="FZ14" s="332">
        <v>0</v>
      </c>
      <c r="GA14" s="327">
        <v>398120</v>
      </c>
      <c r="GB14" s="327">
        <v>1064456</v>
      </c>
      <c r="GC14" s="327">
        <v>870584</v>
      </c>
      <c r="GD14" s="327">
        <v>571856</v>
      </c>
      <c r="GE14" s="327">
        <v>400000</v>
      </c>
      <c r="GF14" s="328">
        <v>3305016</v>
      </c>
      <c r="GG14" s="334">
        <v>3545832</v>
      </c>
      <c r="GH14" s="333">
        <v>0</v>
      </c>
      <c r="GI14" s="327">
        <v>22176</v>
      </c>
      <c r="GJ14" s="331">
        <v>22176</v>
      </c>
      <c r="GK14" s="332">
        <v>0</v>
      </c>
      <c r="GL14" s="327">
        <v>51392</v>
      </c>
      <c r="GM14" s="327">
        <v>80768</v>
      </c>
      <c r="GN14" s="327">
        <v>42768</v>
      </c>
      <c r="GO14" s="327">
        <v>72336</v>
      </c>
      <c r="GP14" s="327">
        <v>80000</v>
      </c>
      <c r="GQ14" s="328">
        <v>327264</v>
      </c>
      <c r="GR14" s="330">
        <v>349440</v>
      </c>
      <c r="GS14" s="326">
        <v>27033</v>
      </c>
      <c r="GT14" s="327">
        <v>0</v>
      </c>
      <c r="GU14" s="328">
        <v>27033</v>
      </c>
      <c r="GV14" s="326">
        <v>0</v>
      </c>
      <c r="GW14" s="327">
        <v>150080</v>
      </c>
      <c r="GX14" s="327">
        <v>0</v>
      </c>
      <c r="GY14" s="327">
        <v>0</v>
      </c>
      <c r="GZ14" s="327">
        <v>0</v>
      </c>
      <c r="HA14" s="327">
        <v>0</v>
      </c>
      <c r="HB14" s="331">
        <v>150080</v>
      </c>
      <c r="HC14" s="330">
        <v>177113</v>
      </c>
      <c r="HD14" s="326">
        <v>379833</v>
      </c>
      <c r="HE14" s="327">
        <v>190401</v>
      </c>
      <c r="HF14" s="331">
        <v>570234</v>
      </c>
      <c r="HG14" s="332">
        <v>0</v>
      </c>
      <c r="HH14" s="327">
        <v>2286247</v>
      </c>
      <c r="HI14" s="327">
        <v>1774031</v>
      </c>
      <c r="HJ14" s="327">
        <v>1965378</v>
      </c>
      <c r="HK14" s="327">
        <v>2250899</v>
      </c>
      <c r="HL14" s="327">
        <v>1204491</v>
      </c>
      <c r="HM14" s="328">
        <v>9481046</v>
      </c>
      <c r="HN14" s="329">
        <v>10051280</v>
      </c>
      <c r="HO14" s="333">
        <v>0</v>
      </c>
      <c r="HP14" s="327">
        <v>0</v>
      </c>
      <c r="HQ14" s="328">
        <v>0</v>
      </c>
      <c r="HR14" s="326">
        <v>0</v>
      </c>
      <c r="HS14" s="327">
        <v>0</v>
      </c>
      <c r="HT14" s="327">
        <v>0</v>
      </c>
      <c r="HU14" s="327">
        <v>0</v>
      </c>
      <c r="HV14" s="327">
        <v>0</v>
      </c>
      <c r="HW14" s="327">
        <v>0</v>
      </c>
      <c r="HX14" s="331">
        <v>0</v>
      </c>
      <c r="HY14" s="330">
        <v>0</v>
      </c>
      <c r="HZ14" s="335">
        <v>0</v>
      </c>
      <c r="IA14" s="336">
        <v>168655</v>
      </c>
      <c r="IB14" s="337">
        <v>168655</v>
      </c>
      <c r="IC14" s="355">
        <v>0</v>
      </c>
      <c r="ID14" s="356">
        <v>3034902</v>
      </c>
      <c r="IE14" s="357">
        <v>2705291</v>
      </c>
      <c r="IF14" s="358">
        <v>2312057</v>
      </c>
      <c r="IG14" s="356">
        <v>3151184</v>
      </c>
      <c r="IH14" s="358">
        <v>1270896</v>
      </c>
      <c r="II14" s="359">
        <v>12474330</v>
      </c>
      <c r="IJ14" s="341">
        <v>12642985</v>
      </c>
      <c r="IK14" s="342">
        <v>0</v>
      </c>
      <c r="IL14" s="343">
        <v>0</v>
      </c>
      <c r="IM14" s="344">
        <v>0</v>
      </c>
      <c r="IN14" s="404">
        <v>0</v>
      </c>
      <c r="IO14" s="345">
        <v>152416</v>
      </c>
      <c r="IP14" s="345">
        <v>0</v>
      </c>
      <c r="IQ14" s="345">
        <v>0</v>
      </c>
      <c r="IR14" s="345">
        <v>0</v>
      </c>
      <c r="IS14" s="345">
        <v>0</v>
      </c>
      <c r="IT14" s="346">
        <v>152416</v>
      </c>
      <c r="IU14" s="347">
        <v>152416</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007882</v>
      </c>
      <c r="JL14" s="345">
        <v>2258878</v>
      </c>
      <c r="JM14" s="345">
        <v>596364</v>
      </c>
      <c r="JN14" s="345">
        <v>428603</v>
      </c>
      <c r="JO14" s="345">
        <v>147686</v>
      </c>
      <c r="JP14" s="349">
        <v>4439413</v>
      </c>
      <c r="JQ14" s="347">
        <v>4439413</v>
      </c>
      <c r="JR14" s="348">
        <v>0</v>
      </c>
      <c r="JS14" s="345">
        <v>0</v>
      </c>
      <c r="JT14" s="346">
        <v>0</v>
      </c>
      <c r="JU14" s="351">
        <v>0</v>
      </c>
      <c r="JV14" s="345">
        <v>0</v>
      </c>
      <c r="JW14" s="345">
        <v>0</v>
      </c>
      <c r="JX14" s="345">
        <v>0</v>
      </c>
      <c r="JY14" s="345">
        <v>67325</v>
      </c>
      <c r="JZ14" s="345">
        <v>0</v>
      </c>
      <c r="KA14" s="349">
        <v>67325</v>
      </c>
      <c r="KB14" s="347">
        <v>67325</v>
      </c>
      <c r="KC14" s="352">
        <v>0</v>
      </c>
      <c r="KD14" s="353">
        <v>168655</v>
      </c>
      <c r="KE14" s="349">
        <v>168655</v>
      </c>
      <c r="KF14" s="351">
        <v>0</v>
      </c>
      <c r="KG14" s="345">
        <v>120716</v>
      </c>
      <c r="KH14" s="345">
        <v>0</v>
      </c>
      <c r="KI14" s="345">
        <v>218148</v>
      </c>
      <c r="KJ14" s="345">
        <v>258601</v>
      </c>
      <c r="KK14" s="345">
        <v>0</v>
      </c>
      <c r="KL14" s="349">
        <v>597465</v>
      </c>
      <c r="KM14" s="354">
        <v>766120</v>
      </c>
      <c r="KN14" s="342">
        <v>0</v>
      </c>
      <c r="KO14" s="343">
        <v>0</v>
      </c>
      <c r="KP14" s="344">
        <v>0</v>
      </c>
      <c r="KQ14" s="404">
        <v>0</v>
      </c>
      <c r="KR14" s="345">
        <v>1325265</v>
      </c>
      <c r="KS14" s="345">
        <v>243744</v>
      </c>
      <c r="KT14" s="345">
        <v>1245785</v>
      </c>
      <c r="KU14" s="345">
        <v>1288231</v>
      </c>
      <c r="KV14" s="345">
        <v>261266</v>
      </c>
      <c r="KW14" s="349">
        <v>4364291</v>
      </c>
      <c r="KX14" s="347">
        <v>4364291</v>
      </c>
      <c r="KY14" s="348">
        <v>0</v>
      </c>
      <c r="KZ14" s="345">
        <v>0</v>
      </c>
      <c r="LA14" s="349">
        <v>0</v>
      </c>
      <c r="LB14" s="404">
        <v>0</v>
      </c>
      <c r="LC14" s="345">
        <v>0</v>
      </c>
      <c r="LD14" s="345">
        <v>0</v>
      </c>
      <c r="LE14" s="345">
        <v>207110</v>
      </c>
      <c r="LF14" s="345">
        <v>0</v>
      </c>
      <c r="LG14" s="345">
        <v>476594</v>
      </c>
      <c r="LH14" s="349">
        <v>683704</v>
      </c>
      <c r="LI14" s="350">
        <v>683704</v>
      </c>
      <c r="LJ14" s="348">
        <v>0</v>
      </c>
      <c r="LK14" s="345">
        <v>0</v>
      </c>
      <c r="LL14" s="349">
        <v>0</v>
      </c>
      <c r="LM14" s="404">
        <v>0</v>
      </c>
      <c r="LN14" s="345">
        <v>0</v>
      </c>
      <c r="LO14" s="345">
        <v>0</v>
      </c>
      <c r="LP14" s="345">
        <v>44650</v>
      </c>
      <c r="LQ14" s="345">
        <v>499994</v>
      </c>
      <c r="LR14" s="345">
        <v>0</v>
      </c>
      <c r="LS14" s="349">
        <v>544644</v>
      </c>
      <c r="LT14" s="347">
        <v>544644</v>
      </c>
      <c r="LU14" s="348">
        <v>0</v>
      </c>
      <c r="LV14" s="345">
        <v>0</v>
      </c>
      <c r="LW14" s="349">
        <v>0</v>
      </c>
      <c r="LX14" s="404">
        <v>0</v>
      </c>
      <c r="LY14" s="345">
        <v>428623</v>
      </c>
      <c r="LZ14" s="345">
        <v>202669</v>
      </c>
      <c r="MA14" s="345">
        <v>0</v>
      </c>
      <c r="MB14" s="345">
        <v>608430</v>
      </c>
      <c r="MC14" s="345">
        <v>385350</v>
      </c>
      <c r="MD14" s="349">
        <v>1625072</v>
      </c>
      <c r="ME14" s="350">
        <v>1625072</v>
      </c>
      <c r="MF14" s="348">
        <v>0</v>
      </c>
      <c r="MG14" s="345">
        <v>0</v>
      </c>
      <c r="MH14" s="349">
        <v>0</v>
      </c>
      <c r="MI14" s="404">
        <v>0</v>
      </c>
      <c r="MJ14" s="345">
        <v>218630</v>
      </c>
      <c r="MK14" s="345">
        <v>921007</v>
      </c>
      <c r="ML14" s="345">
        <v>5314077</v>
      </c>
      <c r="MM14" s="345">
        <v>3158831</v>
      </c>
      <c r="MN14" s="345">
        <v>3413747</v>
      </c>
      <c r="MO14" s="349">
        <v>13026292</v>
      </c>
      <c r="MP14" s="354">
        <v>13026292</v>
      </c>
      <c r="MQ14" s="348">
        <v>0</v>
      </c>
      <c r="MR14" s="345">
        <v>0</v>
      </c>
      <c r="MS14" s="349">
        <v>0</v>
      </c>
      <c r="MT14" s="404">
        <v>0</v>
      </c>
      <c r="MU14" s="345">
        <v>218630</v>
      </c>
      <c r="MV14" s="345">
        <v>427259</v>
      </c>
      <c r="MW14" s="345">
        <v>3024463</v>
      </c>
      <c r="MX14" s="345">
        <v>2162668</v>
      </c>
      <c r="MY14" s="345">
        <v>2213103</v>
      </c>
      <c r="MZ14" s="349">
        <v>8046123</v>
      </c>
      <c r="NA14" s="354">
        <v>8046123</v>
      </c>
      <c r="NB14" s="348">
        <v>0</v>
      </c>
      <c r="NC14" s="345">
        <v>0</v>
      </c>
      <c r="ND14" s="349">
        <v>0</v>
      </c>
      <c r="NE14" s="404">
        <v>0</v>
      </c>
      <c r="NF14" s="345">
        <v>0</v>
      </c>
      <c r="NG14" s="345">
        <v>493748</v>
      </c>
      <c r="NH14" s="345">
        <v>2289614</v>
      </c>
      <c r="NI14" s="345">
        <v>701787</v>
      </c>
      <c r="NJ14" s="345">
        <v>1200644</v>
      </c>
      <c r="NK14" s="349">
        <v>4685793</v>
      </c>
      <c r="NL14" s="347">
        <v>4685793</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294376</v>
      </c>
      <c r="OF14" s="345">
        <v>0</v>
      </c>
      <c r="OG14" s="349">
        <v>294376</v>
      </c>
      <c r="OH14" s="350">
        <v>294376</v>
      </c>
      <c r="OI14" s="348">
        <v>867626</v>
      </c>
      <c r="OJ14" s="345">
        <v>769481</v>
      </c>
      <c r="OK14" s="346">
        <v>1637107</v>
      </c>
      <c r="OL14" s="351">
        <v>0</v>
      </c>
      <c r="OM14" s="345">
        <v>11019795</v>
      </c>
      <c r="ON14" s="345">
        <v>12585541</v>
      </c>
      <c r="OO14" s="345">
        <v>18195803</v>
      </c>
      <c r="OP14" s="345">
        <v>13839369</v>
      </c>
      <c r="OQ14" s="345">
        <v>11338619</v>
      </c>
      <c r="OR14" s="349">
        <v>66979127</v>
      </c>
      <c r="OS14" s="354">
        <v>68616234</v>
      </c>
    </row>
    <row r="15" spans="1:409" s="70" customFormat="1" ht="21" customHeight="1" x14ac:dyDescent="0.2">
      <c r="B15" s="410" t="s">
        <v>9</v>
      </c>
      <c r="C15" s="326">
        <v>721374</v>
      </c>
      <c r="D15" s="327">
        <v>866351</v>
      </c>
      <c r="E15" s="328">
        <v>1587725</v>
      </c>
      <c r="F15" s="332">
        <v>0</v>
      </c>
      <c r="G15" s="327">
        <v>11372559</v>
      </c>
      <c r="H15" s="327">
        <v>10723228</v>
      </c>
      <c r="I15" s="327">
        <v>12548985</v>
      </c>
      <c r="J15" s="327">
        <v>12865060</v>
      </c>
      <c r="K15" s="327">
        <v>6904412</v>
      </c>
      <c r="L15" s="329">
        <v>54414244</v>
      </c>
      <c r="M15" s="330">
        <v>56001969</v>
      </c>
      <c r="N15" s="326">
        <v>211148</v>
      </c>
      <c r="O15" s="327">
        <v>353346</v>
      </c>
      <c r="P15" s="328">
        <v>564494</v>
      </c>
      <c r="Q15" s="326">
        <v>0</v>
      </c>
      <c r="R15" s="327">
        <v>4122606</v>
      </c>
      <c r="S15" s="327">
        <v>3352093</v>
      </c>
      <c r="T15" s="327">
        <v>4802246</v>
      </c>
      <c r="U15" s="327">
        <v>4409611</v>
      </c>
      <c r="V15" s="327">
        <v>3995021</v>
      </c>
      <c r="W15" s="328">
        <v>20681577</v>
      </c>
      <c r="X15" s="330">
        <v>21246071</v>
      </c>
      <c r="Y15" s="326">
        <v>0</v>
      </c>
      <c r="Z15" s="327">
        <v>0</v>
      </c>
      <c r="AA15" s="328">
        <v>0</v>
      </c>
      <c r="AB15" s="326">
        <v>0</v>
      </c>
      <c r="AC15" s="327">
        <v>1604144</v>
      </c>
      <c r="AD15" s="327">
        <v>1559380</v>
      </c>
      <c r="AE15" s="327">
        <v>2377646</v>
      </c>
      <c r="AF15" s="327">
        <v>2537789</v>
      </c>
      <c r="AG15" s="327">
        <v>2343167</v>
      </c>
      <c r="AH15" s="328">
        <v>10422126</v>
      </c>
      <c r="AI15" s="330">
        <v>10422126</v>
      </c>
      <c r="AJ15" s="326">
        <v>0</v>
      </c>
      <c r="AK15" s="327">
        <v>0</v>
      </c>
      <c r="AL15" s="328">
        <v>0</v>
      </c>
      <c r="AM15" s="326">
        <v>0</v>
      </c>
      <c r="AN15" s="327">
        <v>0</v>
      </c>
      <c r="AO15" s="327">
        <v>48973</v>
      </c>
      <c r="AP15" s="327">
        <v>48042</v>
      </c>
      <c r="AQ15" s="327">
        <v>24486</v>
      </c>
      <c r="AR15" s="327">
        <v>344748</v>
      </c>
      <c r="AS15" s="328">
        <v>466249</v>
      </c>
      <c r="AT15" s="330">
        <v>466249</v>
      </c>
      <c r="AU15" s="326">
        <v>154076</v>
      </c>
      <c r="AV15" s="327">
        <v>225524</v>
      </c>
      <c r="AW15" s="328">
        <v>379600</v>
      </c>
      <c r="AX15" s="326">
        <v>0</v>
      </c>
      <c r="AY15" s="327">
        <v>1582337</v>
      </c>
      <c r="AZ15" s="327">
        <v>987913</v>
      </c>
      <c r="BA15" s="327">
        <v>1481389</v>
      </c>
      <c r="BB15" s="327">
        <v>1014750</v>
      </c>
      <c r="BC15" s="327">
        <v>902234</v>
      </c>
      <c r="BD15" s="328">
        <v>5968623</v>
      </c>
      <c r="BE15" s="330">
        <v>6348223</v>
      </c>
      <c r="BF15" s="326">
        <v>0</v>
      </c>
      <c r="BG15" s="327">
        <v>36294</v>
      </c>
      <c r="BH15" s="331">
        <v>36294</v>
      </c>
      <c r="BI15" s="332">
        <v>0</v>
      </c>
      <c r="BJ15" s="327">
        <v>90309</v>
      </c>
      <c r="BK15" s="327">
        <v>113155</v>
      </c>
      <c r="BL15" s="327">
        <v>54823</v>
      </c>
      <c r="BM15" s="327">
        <v>114402</v>
      </c>
      <c r="BN15" s="327">
        <v>49080</v>
      </c>
      <c r="BO15" s="328">
        <v>421769</v>
      </c>
      <c r="BP15" s="330">
        <v>458063</v>
      </c>
      <c r="BQ15" s="326">
        <v>57072</v>
      </c>
      <c r="BR15" s="327">
        <v>91528</v>
      </c>
      <c r="BS15" s="328">
        <v>148600</v>
      </c>
      <c r="BT15" s="326">
        <v>0</v>
      </c>
      <c r="BU15" s="327">
        <v>845816</v>
      </c>
      <c r="BV15" s="327">
        <v>642672</v>
      </c>
      <c r="BW15" s="327">
        <v>840346</v>
      </c>
      <c r="BX15" s="327">
        <v>718184</v>
      </c>
      <c r="BY15" s="327">
        <v>355792</v>
      </c>
      <c r="BZ15" s="328">
        <v>3402810</v>
      </c>
      <c r="CA15" s="330">
        <v>3551410</v>
      </c>
      <c r="CB15" s="326">
        <v>112233</v>
      </c>
      <c r="CC15" s="327">
        <v>118851</v>
      </c>
      <c r="CD15" s="328">
        <v>231084</v>
      </c>
      <c r="CE15" s="326">
        <v>0</v>
      </c>
      <c r="CF15" s="327">
        <v>2779632</v>
      </c>
      <c r="CG15" s="327">
        <v>2412857</v>
      </c>
      <c r="CH15" s="327">
        <v>2853993</v>
      </c>
      <c r="CI15" s="327">
        <v>1836585</v>
      </c>
      <c r="CJ15" s="327">
        <v>383044</v>
      </c>
      <c r="CK15" s="328">
        <v>10266111</v>
      </c>
      <c r="CL15" s="330">
        <v>10497195</v>
      </c>
      <c r="CM15" s="326">
        <v>0</v>
      </c>
      <c r="CN15" s="327">
        <v>0</v>
      </c>
      <c r="CO15" s="328">
        <v>0</v>
      </c>
      <c r="CP15" s="332">
        <v>0</v>
      </c>
      <c r="CQ15" s="327">
        <v>2246463</v>
      </c>
      <c r="CR15" s="327">
        <v>1775539</v>
      </c>
      <c r="CS15" s="327">
        <v>2324436</v>
      </c>
      <c r="CT15" s="327">
        <v>759994</v>
      </c>
      <c r="CU15" s="327">
        <v>278730</v>
      </c>
      <c r="CV15" s="328">
        <v>7385162</v>
      </c>
      <c r="CW15" s="330">
        <v>7385162</v>
      </c>
      <c r="CX15" s="326">
        <v>112233</v>
      </c>
      <c r="CY15" s="327">
        <v>118851</v>
      </c>
      <c r="CZ15" s="328">
        <v>231084</v>
      </c>
      <c r="DA15" s="326">
        <v>0</v>
      </c>
      <c r="DB15" s="327">
        <v>533169</v>
      </c>
      <c r="DC15" s="327">
        <v>637318</v>
      </c>
      <c r="DD15" s="327">
        <v>529557</v>
      </c>
      <c r="DE15" s="327">
        <v>1076591</v>
      </c>
      <c r="DF15" s="327">
        <v>104314</v>
      </c>
      <c r="DG15" s="328">
        <v>2880949</v>
      </c>
      <c r="DH15" s="330">
        <v>3112033</v>
      </c>
      <c r="DI15" s="326">
        <v>0</v>
      </c>
      <c r="DJ15" s="327">
        <v>0</v>
      </c>
      <c r="DK15" s="331">
        <v>0</v>
      </c>
      <c r="DL15" s="332">
        <v>0</v>
      </c>
      <c r="DM15" s="327">
        <v>361636</v>
      </c>
      <c r="DN15" s="327">
        <v>766164</v>
      </c>
      <c r="DO15" s="327">
        <v>1723865</v>
      </c>
      <c r="DP15" s="327">
        <v>1177068</v>
      </c>
      <c r="DQ15" s="327">
        <v>130331</v>
      </c>
      <c r="DR15" s="328">
        <v>4159064</v>
      </c>
      <c r="DS15" s="330">
        <v>4159064</v>
      </c>
      <c r="DT15" s="326">
        <v>0</v>
      </c>
      <c r="DU15" s="327">
        <v>0</v>
      </c>
      <c r="DV15" s="328">
        <v>0</v>
      </c>
      <c r="DW15" s="326">
        <v>0</v>
      </c>
      <c r="DX15" s="327">
        <v>361636</v>
      </c>
      <c r="DY15" s="327">
        <v>481819</v>
      </c>
      <c r="DZ15" s="327">
        <v>1656770</v>
      </c>
      <c r="EA15" s="327">
        <v>1177068</v>
      </c>
      <c r="EB15" s="327">
        <v>130331</v>
      </c>
      <c r="EC15" s="328">
        <v>3807624</v>
      </c>
      <c r="ED15" s="330">
        <v>3807624</v>
      </c>
      <c r="EE15" s="326">
        <v>0</v>
      </c>
      <c r="EF15" s="331">
        <v>0</v>
      </c>
      <c r="EG15" s="328">
        <v>0</v>
      </c>
      <c r="EH15" s="326">
        <v>0</v>
      </c>
      <c r="EI15" s="327">
        <v>0</v>
      </c>
      <c r="EJ15" s="327">
        <v>284345</v>
      </c>
      <c r="EK15" s="327">
        <v>67095</v>
      </c>
      <c r="EL15" s="327">
        <v>0</v>
      </c>
      <c r="EM15" s="327">
        <v>0</v>
      </c>
      <c r="EN15" s="331">
        <v>351440</v>
      </c>
      <c r="EO15" s="330">
        <v>351440</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118840</v>
      </c>
      <c r="FM15" s="327">
        <v>114784</v>
      </c>
      <c r="FN15" s="328">
        <v>233624</v>
      </c>
      <c r="FO15" s="326">
        <v>0</v>
      </c>
      <c r="FP15" s="327">
        <v>569768</v>
      </c>
      <c r="FQ15" s="327">
        <v>1087040</v>
      </c>
      <c r="FR15" s="327">
        <v>891088</v>
      </c>
      <c r="FS15" s="327">
        <v>869968</v>
      </c>
      <c r="FT15" s="327">
        <v>515160</v>
      </c>
      <c r="FU15" s="328">
        <v>3933024</v>
      </c>
      <c r="FV15" s="330">
        <v>4166648</v>
      </c>
      <c r="FW15" s="333">
        <v>118840</v>
      </c>
      <c r="FX15" s="327">
        <v>114784</v>
      </c>
      <c r="FY15" s="331">
        <v>233624</v>
      </c>
      <c r="FZ15" s="332">
        <v>0</v>
      </c>
      <c r="GA15" s="327">
        <v>507512</v>
      </c>
      <c r="GB15" s="327">
        <v>823760</v>
      </c>
      <c r="GC15" s="327">
        <v>831488</v>
      </c>
      <c r="GD15" s="327">
        <v>772928</v>
      </c>
      <c r="GE15" s="327">
        <v>515160</v>
      </c>
      <c r="GF15" s="328">
        <v>3450848</v>
      </c>
      <c r="GG15" s="334">
        <v>3684472</v>
      </c>
      <c r="GH15" s="333">
        <v>0</v>
      </c>
      <c r="GI15" s="327">
        <v>0</v>
      </c>
      <c r="GJ15" s="331">
        <v>0</v>
      </c>
      <c r="GK15" s="332">
        <v>0</v>
      </c>
      <c r="GL15" s="327">
        <v>48656</v>
      </c>
      <c r="GM15" s="327">
        <v>22480</v>
      </c>
      <c r="GN15" s="327">
        <v>22400</v>
      </c>
      <c r="GO15" s="327">
        <v>0</v>
      </c>
      <c r="GP15" s="327">
        <v>0</v>
      </c>
      <c r="GQ15" s="328">
        <v>93536</v>
      </c>
      <c r="GR15" s="330">
        <v>93536</v>
      </c>
      <c r="GS15" s="326">
        <v>0</v>
      </c>
      <c r="GT15" s="327">
        <v>0</v>
      </c>
      <c r="GU15" s="328">
        <v>0</v>
      </c>
      <c r="GV15" s="326">
        <v>0</v>
      </c>
      <c r="GW15" s="327">
        <v>13600</v>
      </c>
      <c r="GX15" s="327">
        <v>240800</v>
      </c>
      <c r="GY15" s="327">
        <v>37200</v>
      </c>
      <c r="GZ15" s="327">
        <v>97040</v>
      </c>
      <c r="HA15" s="327">
        <v>0</v>
      </c>
      <c r="HB15" s="331">
        <v>388640</v>
      </c>
      <c r="HC15" s="330">
        <v>388640</v>
      </c>
      <c r="HD15" s="326">
        <v>279153</v>
      </c>
      <c r="HE15" s="327">
        <v>279370</v>
      </c>
      <c r="HF15" s="331">
        <v>558523</v>
      </c>
      <c r="HG15" s="332">
        <v>0</v>
      </c>
      <c r="HH15" s="327">
        <v>3538917</v>
      </c>
      <c r="HI15" s="327">
        <v>3105074</v>
      </c>
      <c r="HJ15" s="327">
        <v>2277793</v>
      </c>
      <c r="HK15" s="327">
        <v>4571828</v>
      </c>
      <c r="HL15" s="327">
        <v>1880856</v>
      </c>
      <c r="HM15" s="328">
        <v>15374468</v>
      </c>
      <c r="HN15" s="329">
        <v>15932991</v>
      </c>
      <c r="HO15" s="333">
        <v>0</v>
      </c>
      <c r="HP15" s="327">
        <v>0</v>
      </c>
      <c r="HQ15" s="328">
        <v>0</v>
      </c>
      <c r="HR15" s="326">
        <v>0</v>
      </c>
      <c r="HS15" s="327">
        <v>0</v>
      </c>
      <c r="HT15" s="327">
        <v>0</v>
      </c>
      <c r="HU15" s="327">
        <v>0</v>
      </c>
      <c r="HV15" s="327">
        <v>0</v>
      </c>
      <c r="HW15" s="327">
        <v>0</v>
      </c>
      <c r="HX15" s="331">
        <v>0</v>
      </c>
      <c r="HY15" s="330">
        <v>0</v>
      </c>
      <c r="HZ15" s="360">
        <v>113488</v>
      </c>
      <c r="IA15" s="361">
        <v>0</v>
      </c>
      <c r="IB15" s="362">
        <v>113488</v>
      </c>
      <c r="IC15" s="338">
        <v>0</v>
      </c>
      <c r="ID15" s="336">
        <v>2171535</v>
      </c>
      <c r="IE15" s="339">
        <v>2225194</v>
      </c>
      <c r="IF15" s="337">
        <v>5005515</v>
      </c>
      <c r="IG15" s="336">
        <v>1932422</v>
      </c>
      <c r="IH15" s="337">
        <v>810568</v>
      </c>
      <c r="II15" s="340">
        <v>12145234</v>
      </c>
      <c r="IJ15" s="363">
        <v>12258722</v>
      </c>
      <c r="IK15" s="342">
        <v>0</v>
      </c>
      <c r="IL15" s="343">
        <v>0</v>
      </c>
      <c r="IM15" s="344">
        <v>0</v>
      </c>
      <c r="IN15" s="404">
        <v>0</v>
      </c>
      <c r="IO15" s="345">
        <v>0</v>
      </c>
      <c r="IP15" s="345">
        <v>0</v>
      </c>
      <c r="IQ15" s="345">
        <v>212940</v>
      </c>
      <c r="IR15" s="345">
        <v>0</v>
      </c>
      <c r="IS15" s="345">
        <v>0</v>
      </c>
      <c r="IT15" s="346">
        <v>212940</v>
      </c>
      <c r="IU15" s="347">
        <v>212940</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808763</v>
      </c>
      <c r="JL15" s="345">
        <v>819344</v>
      </c>
      <c r="JM15" s="345">
        <v>1426337</v>
      </c>
      <c r="JN15" s="345">
        <v>1195145</v>
      </c>
      <c r="JO15" s="345">
        <v>616591</v>
      </c>
      <c r="JP15" s="349">
        <v>5866180</v>
      </c>
      <c r="JQ15" s="347">
        <v>5866180</v>
      </c>
      <c r="JR15" s="348">
        <v>0</v>
      </c>
      <c r="JS15" s="345">
        <v>0</v>
      </c>
      <c r="JT15" s="346">
        <v>0</v>
      </c>
      <c r="JU15" s="351">
        <v>0</v>
      </c>
      <c r="JV15" s="345">
        <v>0</v>
      </c>
      <c r="JW15" s="345">
        <v>0</v>
      </c>
      <c r="JX15" s="345">
        <v>0</v>
      </c>
      <c r="JY15" s="345">
        <v>0</v>
      </c>
      <c r="JZ15" s="345">
        <v>193977</v>
      </c>
      <c r="KA15" s="349">
        <v>193977</v>
      </c>
      <c r="KB15" s="347">
        <v>193977</v>
      </c>
      <c r="KC15" s="352">
        <v>113488</v>
      </c>
      <c r="KD15" s="353">
        <v>0</v>
      </c>
      <c r="KE15" s="349">
        <v>113488</v>
      </c>
      <c r="KF15" s="351">
        <v>0</v>
      </c>
      <c r="KG15" s="345">
        <v>122421</v>
      </c>
      <c r="KH15" s="345">
        <v>535077</v>
      </c>
      <c r="KI15" s="345">
        <v>253473</v>
      </c>
      <c r="KJ15" s="345">
        <v>0</v>
      </c>
      <c r="KK15" s="345">
        <v>0</v>
      </c>
      <c r="KL15" s="349">
        <v>910971</v>
      </c>
      <c r="KM15" s="354">
        <v>1024459</v>
      </c>
      <c r="KN15" s="342">
        <v>0</v>
      </c>
      <c r="KO15" s="343">
        <v>0</v>
      </c>
      <c r="KP15" s="344">
        <v>0</v>
      </c>
      <c r="KQ15" s="404">
        <v>0</v>
      </c>
      <c r="KR15" s="345">
        <v>240351</v>
      </c>
      <c r="KS15" s="345">
        <v>503240</v>
      </c>
      <c r="KT15" s="345">
        <v>2555619</v>
      </c>
      <c r="KU15" s="345">
        <v>737277</v>
      </c>
      <c r="KV15" s="345">
        <v>0</v>
      </c>
      <c r="KW15" s="349">
        <v>4036487</v>
      </c>
      <c r="KX15" s="347">
        <v>4036487</v>
      </c>
      <c r="KY15" s="348">
        <v>0</v>
      </c>
      <c r="KZ15" s="345">
        <v>0</v>
      </c>
      <c r="LA15" s="349">
        <v>0</v>
      </c>
      <c r="LB15" s="404">
        <v>0</v>
      </c>
      <c r="LC15" s="345">
        <v>0</v>
      </c>
      <c r="LD15" s="345">
        <v>179645</v>
      </c>
      <c r="LE15" s="345">
        <v>0</v>
      </c>
      <c r="LF15" s="345">
        <v>0</v>
      </c>
      <c r="LG15" s="345">
        <v>0</v>
      </c>
      <c r="LH15" s="349">
        <v>179645</v>
      </c>
      <c r="LI15" s="350">
        <v>179645</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7888</v>
      </c>
      <c r="MA15" s="345">
        <v>557146</v>
      </c>
      <c r="MB15" s="345">
        <v>0</v>
      </c>
      <c r="MC15" s="345">
        <v>0</v>
      </c>
      <c r="MD15" s="349">
        <v>745034</v>
      </c>
      <c r="ME15" s="350">
        <v>745034</v>
      </c>
      <c r="MF15" s="348">
        <v>0</v>
      </c>
      <c r="MG15" s="345">
        <v>0</v>
      </c>
      <c r="MH15" s="349">
        <v>0</v>
      </c>
      <c r="MI15" s="404">
        <v>0</v>
      </c>
      <c r="MJ15" s="345">
        <v>0</v>
      </c>
      <c r="MK15" s="345">
        <v>1287926</v>
      </c>
      <c r="ML15" s="345">
        <v>6767352</v>
      </c>
      <c r="MM15" s="345">
        <v>8669575</v>
      </c>
      <c r="MN15" s="345">
        <v>2726539</v>
      </c>
      <c r="MO15" s="349">
        <v>19451392</v>
      </c>
      <c r="MP15" s="354">
        <v>19451392</v>
      </c>
      <c r="MQ15" s="348">
        <v>0</v>
      </c>
      <c r="MR15" s="345">
        <v>0</v>
      </c>
      <c r="MS15" s="349">
        <v>0</v>
      </c>
      <c r="MT15" s="404">
        <v>0</v>
      </c>
      <c r="MU15" s="345">
        <v>0</v>
      </c>
      <c r="MV15" s="345">
        <v>0</v>
      </c>
      <c r="MW15" s="345">
        <v>3110995</v>
      </c>
      <c r="MX15" s="345">
        <v>6745012</v>
      </c>
      <c r="MY15" s="345">
        <v>2086636</v>
      </c>
      <c r="MZ15" s="349">
        <v>11942643</v>
      </c>
      <c r="NA15" s="354">
        <v>11942643</v>
      </c>
      <c r="NB15" s="348">
        <v>0</v>
      </c>
      <c r="NC15" s="345">
        <v>0</v>
      </c>
      <c r="ND15" s="349">
        <v>0</v>
      </c>
      <c r="NE15" s="404">
        <v>0</v>
      </c>
      <c r="NF15" s="345">
        <v>0</v>
      </c>
      <c r="NG15" s="345">
        <v>1287926</v>
      </c>
      <c r="NH15" s="345">
        <v>3656357</v>
      </c>
      <c r="NI15" s="345">
        <v>1924563</v>
      </c>
      <c r="NJ15" s="345">
        <v>639903</v>
      </c>
      <c r="NK15" s="349">
        <v>7508749</v>
      </c>
      <c r="NL15" s="347">
        <v>7508749</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834862</v>
      </c>
      <c r="OJ15" s="345">
        <v>866351</v>
      </c>
      <c r="OK15" s="346">
        <v>1701213</v>
      </c>
      <c r="OL15" s="351">
        <v>0</v>
      </c>
      <c r="OM15" s="345">
        <v>13544094</v>
      </c>
      <c r="ON15" s="345">
        <v>14236348</v>
      </c>
      <c r="OO15" s="345">
        <v>24321852</v>
      </c>
      <c r="OP15" s="345">
        <v>23467057</v>
      </c>
      <c r="OQ15" s="345">
        <v>10441519</v>
      </c>
      <c r="OR15" s="349">
        <v>86010870</v>
      </c>
      <c r="OS15" s="354">
        <v>87712083</v>
      </c>
    </row>
    <row r="16" spans="1:409" s="70" customFormat="1" ht="21" customHeight="1" x14ac:dyDescent="0.2">
      <c r="B16" s="410" t="s">
        <v>10</v>
      </c>
      <c r="C16" s="326">
        <v>1617586</v>
      </c>
      <c r="D16" s="327">
        <v>1436044</v>
      </c>
      <c r="E16" s="328">
        <v>3053630</v>
      </c>
      <c r="F16" s="364">
        <v>0</v>
      </c>
      <c r="G16" s="327">
        <v>17299768</v>
      </c>
      <c r="H16" s="327">
        <v>14795083</v>
      </c>
      <c r="I16" s="327">
        <v>15107675</v>
      </c>
      <c r="J16" s="327">
        <v>15968231</v>
      </c>
      <c r="K16" s="327">
        <v>9864755</v>
      </c>
      <c r="L16" s="329">
        <v>73035512</v>
      </c>
      <c r="M16" s="330">
        <v>76089142</v>
      </c>
      <c r="N16" s="326">
        <v>582559</v>
      </c>
      <c r="O16" s="327">
        <v>582466</v>
      </c>
      <c r="P16" s="328">
        <v>1165025</v>
      </c>
      <c r="Q16" s="326">
        <v>0</v>
      </c>
      <c r="R16" s="327">
        <v>5701887</v>
      </c>
      <c r="S16" s="327">
        <v>5097939</v>
      </c>
      <c r="T16" s="327">
        <v>5084903</v>
      </c>
      <c r="U16" s="327">
        <v>6591451</v>
      </c>
      <c r="V16" s="327">
        <v>6060467</v>
      </c>
      <c r="W16" s="328">
        <v>28536647</v>
      </c>
      <c r="X16" s="330">
        <v>29701672</v>
      </c>
      <c r="Y16" s="326">
        <v>0</v>
      </c>
      <c r="Z16" s="327">
        <v>0</v>
      </c>
      <c r="AA16" s="328">
        <v>0</v>
      </c>
      <c r="AB16" s="326">
        <v>0</v>
      </c>
      <c r="AC16" s="327">
        <v>2360823</v>
      </c>
      <c r="AD16" s="327">
        <v>2326300</v>
      </c>
      <c r="AE16" s="327">
        <v>2023989</v>
      </c>
      <c r="AF16" s="327">
        <v>3944912</v>
      </c>
      <c r="AG16" s="327">
        <v>4047397</v>
      </c>
      <c r="AH16" s="328">
        <v>14703421</v>
      </c>
      <c r="AI16" s="330">
        <v>14703421</v>
      </c>
      <c r="AJ16" s="326">
        <v>0</v>
      </c>
      <c r="AK16" s="327">
        <v>0</v>
      </c>
      <c r="AL16" s="328">
        <v>0</v>
      </c>
      <c r="AM16" s="326">
        <v>0</v>
      </c>
      <c r="AN16" s="327">
        <v>36369</v>
      </c>
      <c r="AO16" s="327">
        <v>62896</v>
      </c>
      <c r="AP16" s="327">
        <v>132914</v>
      </c>
      <c r="AQ16" s="327">
        <v>260626</v>
      </c>
      <c r="AR16" s="327">
        <v>596231</v>
      </c>
      <c r="AS16" s="328">
        <v>1089036</v>
      </c>
      <c r="AT16" s="330">
        <v>1089036</v>
      </c>
      <c r="AU16" s="326">
        <v>322027</v>
      </c>
      <c r="AV16" s="327">
        <v>349274</v>
      </c>
      <c r="AW16" s="328">
        <v>671301</v>
      </c>
      <c r="AX16" s="326">
        <v>0</v>
      </c>
      <c r="AY16" s="327">
        <v>2043219</v>
      </c>
      <c r="AZ16" s="327">
        <v>1532715</v>
      </c>
      <c r="BA16" s="327">
        <v>1892895</v>
      </c>
      <c r="BB16" s="327">
        <v>1125248</v>
      </c>
      <c r="BC16" s="327">
        <v>634401</v>
      </c>
      <c r="BD16" s="328">
        <v>7228478</v>
      </c>
      <c r="BE16" s="330">
        <v>7899779</v>
      </c>
      <c r="BF16" s="326">
        <v>25924</v>
      </c>
      <c r="BG16" s="327">
        <v>92544</v>
      </c>
      <c r="BH16" s="331">
        <v>118468</v>
      </c>
      <c r="BI16" s="332">
        <v>0</v>
      </c>
      <c r="BJ16" s="327">
        <v>124316</v>
      </c>
      <c r="BK16" s="327">
        <v>150532</v>
      </c>
      <c r="BL16" s="327">
        <v>136281</v>
      </c>
      <c r="BM16" s="327">
        <v>242921</v>
      </c>
      <c r="BN16" s="327">
        <v>91478</v>
      </c>
      <c r="BO16" s="328">
        <v>745528</v>
      </c>
      <c r="BP16" s="330">
        <v>863996</v>
      </c>
      <c r="BQ16" s="326">
        <v>234608</v>
      </c>
      <c r="BR16" s="327">
        <v>140648</v>
      </c>
      <c r="BS16" s="328">
        <v>375256</v>
      </c>
      <c r="BT16" s="326">
        <v>0</v>
      </c>
      <c r="BU16" s="327">
        <v>1137160</v>
      </c>
      <c r="BV16" s="327">
        <v>1025496</v>
      </c>
      <c r="BW16" s="327">
        <v>898824</v>
      </c>
      <c r="BX16" s="327">
        <v>1017744</v>
      </c>
      <c r="BY16" s="327">
        <v>690960</v>
      </c>
      <c r="BZ16" s="328">
        <v>4770184</v>
      </c>
      <c r="CA16" s="330">
        <v>5145440</v>
      </c>
      <c r="CB16" s="326">
        <v>61415</v>
      </c>
      <c r="CC16" s="327">
        <v>196348</v>
      </c>
      <c r="CD16" s="328">
        <v>257763</v>
      </c>
      <c r="CE16" s="326">
        <v>0</v>
      </c>
      <c r="CF16" s="327">
        <v>6735469</v>
      </c>
      <c r="CG16" s="327">
        <v>3929997</v>
      </c>
      <c r="CH16" s="327">
        <v>2961418</v>
      </c>
      <c r="CI16" s="327">
        <v>1954269</v>
      </c>
      <c r="CJ16" s="327">
        <v>626155</v>
      </c>
      <c r="CK16" s="328">
        <v>16207308</v>
      </c>
      <c r="CL16" s="330">
        <v>16465071</v>
      </c>
      <c r="CM16" s="326">
        <v>0</v>
      </c>
      <c r="CN16" s="327">
        <v>0</v>
      </c>
      <c r="CO16" s="328">
        <v>0</v>
      </c>
      <c r="CP16" s="332">
        <v>0</v>
      </c>
      <c r="CQ16" s="327">
        <v>5249210</v>
      </c>
      <c r="CR16" s="327">
        <v>3303289</v>
      </c>
      <c r="CS16" s="327">
        <v>2343198</v>
      </c>
      <c r="CT16" s="327">
        <v>1774373</v>
      </c>
      <c r="CU16" s="327">
        <v>371203</v>
      </c>
      <c r="CV16" s="328">
        <v>13041273</v>
      </c>
      <c r="CW16" s="330">
        <v>13041273</v>
      </c>
      <c r="CX16" s="326">
        <v>61415</v>
      </c>
      <c r="CY16" s="327">
        <v>196348</v>
      </c>
      <c r="CZ16" s="328">
        <v>257763</v>
      </c>
      <c r="DA16" s="326">
        <v>0</v>
      </c>
      <c r="DB16" s="327">
        <v>1486259</v>
      </c>
      <c r="DC16" s="327">
        <v>626708</v>
      </c>
      <c r="DD16" s="327">
        <v>618220</v>
      </c>
      <c r="DE16" s="327">
        <v>179896</v>
      </c>
      <c r="DF16" s="327">
        <v>254952</v>
      </c>
      <c r="DG16" s="328">
        <v>3166035</v>
      </c>
      <c r="DH16" s="330">
        <v>3423798</v>
      </c>
      <c r="DI16" s="326">
        <v>12697</v>
      </c>
      <c r="DJ16" s="327">
        <v>33360</v>
      </c>
      <c r="DK16" s="331">
        <v>46057</v>
      </c>
      <c r="DL16" s="332">
        <v>0</v>
      </c>
      <c r="DM16" s="327">
        <v>769536</v>
      </c>
      <c r="DN16" s="327">
        <v>533812</v>
      </c>
      <c r="DO16" s="327">
        <v>2095542</v>
      </c>
      <c r="DP16" s="327">
        <v>1117460</v>
      </c>
      <c r="DQ16" s="327">
        <v>374701</v>
      </c>
      <c r="DR16" s="328">
        <v>4891051</v>
      </c>
      <c r="DS16" s="330">
        <v>4937108</v>
      </c>
      <c r="DT16" s="326">
        <v>12697</v>
      </c>
      <c r="DU16" s="327">
        <v>33360</v>
      </c>
      <c r="DV16" s="328">
        <v>46057</v>
      </c>
      <c r="DW16" s="326">
        <v>0</v>
      </c>
      <c r="DX16" s="327">
        <v>734772</v>
      </c>
      <c r="DY16" s="327">
        <v>310837</v>
      </c>
      <c r="DZ16" s="327">
        <v>1819699</v>
      </c>
      <c r="EA16" s="327">
        <v>1117460</v>
      </c>
      <c r="EB16" s="327">
        <v>374701</v>
      </c>
      <c r="EC16" s="328">
        <v>4357469</v>
      </c>
      <c r="ED16" s="330">
        <v>4403526</v>
      </c>
      <c r="EE16" s="326">
        <v>0</v>
      </c>
      <c r="EF16" s="331">
        <v>0</v>
      </c>
      <c r="EG16" s="328">
        <v>0</v>
      </c>
      <c r="EH16" s="326">
        <v>0</v>
      </c>
      <c r="EI16" s="327">
        <v>34764</v>
      </c>
      <c r="EJ16" s="327">
        <v>222975</v>
      </c>
      <c r="EK16" s="327">
        <v>275843</v>
      </c>
      <c r="EL16" s="327">
        <v>0</v>
      </c>
      <c r="EM16" s="327">
        <v>0</v>
      </c>
      <c r="EN16" s="331">
        <v>533582</v>
      </c>
      <c r="EO16" s="330">
        <v>533582</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408112</v>
      </c>
      <c r="FM16" s="327">
        <v>517812</v>
      </c>
      <c r="FN16" s="328">
        <v>925924</v>
      </c>
      <c r="FO16" s="326">
        <v>0</v>
      </c>
      <c r="FP16" s="327">
        <v>937400</v>
      </c>
      <c r="FQ16" s="327">
        <v>1462624</v>
      </c>
      <c r="FR16" s="327">
        <v>1594248</v>
      </c>
      <c r="FS16" s="327">
        <v>1108064</v>
      </c>
      <c r="FT16" s="327">
        <v>719512</v>
      </c>
      <c r="FU16" s="328">
        <v>5821848</v>
      </c>
      <c r="FV16" s="330">
        <v>6747772</v>
      </c>
      <c r="FW16" s="333">
        <v>288608</v>
      </c>
      <c r="FX16" s="327">
        <v>393592</v>
      </c>
      <c r="FY16" s="331">
        <v>682200</v>
      </c>
      <c r="FZ16" s="332">
        <v>0</v>
      </c>
      <c r="GA16" s="327">
        <v>902160</v>
      </c>
      <c r="GB16" s="327">
        <v>1255392</v>
      </c>
      <c r="GC16" s="327">
        <v>1409048</v>
      </c>
      <c r="GD16" s="327">
        <v>1084192</v>
      </c>
      <c r="GE16" s="327">
        <v>649112</v>
      </c>
      <c r="GF16" s="328">
        <v>5299904</v>
      </c>
      <c r="GG16" s="334">
        <v>5982104</v>
      </c>
      <c r="GH16" s="333">
        <v>32384</v>
      </c>
      <c r="GI16" s="327">
        <v>44220</v>
      </c>
      <c r="GJ16" s="331">
        <v>76604</v>
      </c>
      <c r="GK16" s="332">
        <v>0</v>
      </c>
      <c r="GL16" s="327">
        <v>18440</v>
      </c>
      <c r="GM16" s="327">
        <v>23232</v>
      </c>
      <c r="GN16" s="327">
        <v>80000</v>
      </c>
      <c r="GO16" s="327">
        <v>23872</v>
      </c>
      <c r="GP16" s="327">
        <v>0</v>
      </c>
      <c r="GQ16" s="328">
        <v>145544</v>
      </c>
      <c r="GR16" s="330">
        <v>222148</v>
      </c>
      <c r="GS16" s="326">
        <v>87120</v>
      </c>
      <c r="GT16" s="327">
        <v>80000</v>
      </c>
      <c r="GU16" s="328">
        <v>167120</v>
      </c>
      <c r="GV16" s="326">
        <v>0</v>
      </c>
      <c r="GW16" s="327">
        <v>16800</v>
      </c>
      <c r="GX16" s="327">
        <v>184000</v>
      </c>
      <c r="GY16" s="327">
        <v>105200</v>
      </c>
      <c r="GZ16" s="327">
        <v>0</v>
      </c>
      <c r="HA16" s="327">
        <v>70400</v>
      </c>
      <c r="HB16" s="331">
        <v>376400</v>
      </c>
      <c r="HC16" s="330">
        <v>543520</v>
      </c>
      <c r="HD16" s="326">
        <v>552803</v>
      </c>
      <c r="HE16" s="327">
        <v>106058</v>
      </c>
      <c r="HF16" s="331">
        <v>658861</v>
      </c>
      <c r="HG16" s="332">
        <v>0</v>
      </c>
      <c r="HH16" s="327">
        <v>3155476</v>
      </c>
      <c r="HI16" s="327">
        <v>3770711</v>
      </c>
      <c r="HJ16" s="327">
        <v>3371564</v>
      </c>
      <c r="HK16" s="327">
        <v>5196987</v>
      </c>
      <c r="HL16" s="327">
        <v>2083920</v>
      </c>
      <c r="HM16" s="328">
        <v>17578658</v>
      </c>
      <c r="HN16" s="329">
        <v>18237519</v>
      </c>
      <c r="HO16" s="333">
        <v>0</v>
      </c>
      <c r="HP16" s="327">
        <v>0</v>
      </c>
      <c r="HQ16" s="328">
        <v>0</v>
      </c>
      <c r="HR16" s="326">
        <v>0</v>
      </c>
      <c r="HS16" s="327">
        <v>0</v>
      </c>
      <c r="HT16" s="327">
        <v>0</v>
      </c>
      <c r="HU16" s="327">
        <v>0</v>
      </c>
      <c r="HV16" s="327">
        <v>0</v>
      </c>
      <c r="HW16" s="327">
        <v>0</v>
      </c>
      <c r="HX16" s="331">
        <v>0</v>
      </c>
      <c r="HY16" s="330">
        <v>0</v>
      </c>
      <c r="HZ16" s="358">
        <v>44720</v>
      </c>
      <c r="IA16" s="356">
        <v>0</v>
      </c>
      <c r="IB16" s="358">
        <v>44720</v>
      </c>
      <c r="IC16" s="355">
        <v>0</v>
      </c>
      <c r="ID16" s="356">
        <v>4770999</v>
      </c>
      <c r="IE16" s="357">
        <v>3723711</v>
      </c>
      <c r="IF16" s="358">
        <v>4739478</v>
      </c>
      <c r="IG16" s="356">
        <v>3811281</v>
      </c>
      <c r="IH16" s="358">
        <v>3205075</v>
      </c>
      <c r="II16" s="359">
        <v>20250544</v>
      </c>
      <c r="IJ16" s="358">
        <v>20295264</v>
      </c>
      <c r="IK16" s="342">
        <v>0</v>
      </c>
      <c r="IL16" s="343">
        <v>0</v>
      </c>
      <c r="IM16" s="344">
        <v>0</v>
      </c>
      <c r="IN16" s="404">
        <v>0</v>
      </c>
      <c r="IO16" s="345">
        <v>66834</v>
      </c>
      <c r="IP16" s="345">
        <v>158514</v>
      </c>
      <c r="IQ16" s="345">
        <v>336472</v>
      </c>
      <c r="IR16" s="345">
        <v>241488</v>
      </c>
      <c r="IS16" s="345">
        <v>0</v>
      </c>
      <c r="IT16" s="346">
        <v>803308</v>
      </c>
      <c r="IU16" s="347">
        <v>803308</v>
      </c>
      <c r="IV16" s="348">
        <v>0</v>
      </c>
      <c r="IW16" s="345">
        <v>0</v>
      </c>
      <c r="IX16" s="349">
        <v>0</v>
      </c>
      <c r="IY16" s="404">
        <v>0</v>
      </c>
      <c r="IZ16" s="345">
        <v>10501</v>
      </c>
      <c r="JA16" s="345">
        <v>10501</v>
      </c>
      <c r="JB16" s="345">
        <v>10501</v>
      </c>
      <c r="JC16" s="345">
        <v>0</v>
      </c>
      <c r="JD16" s="345">
        <v>0</v>
      </c>
      <c r="JE16" s="349">
        <v>31503</v>
      </c>
      <c r="JF16" s="350">
        <v>31503</v>
      </c>
      <c r="JG16" s="348">
        <v>0</v>
      </c>
      <c r="JH16" s="345">
        <v>0</v>
      </c>
      <c r="JI16" s="346">
        <v>0</v>
      </c>
      <c r="JJ16" s="351">
        <v>0</v>
      </c>
      <c r="JK16" s="345">
        <v>1537734</v>
      </c>
      <c r="JL16" s="345">
        <v>746969</v>
      </c>
      <c r="JM16" s="345">
        <v>359427</v>
      </c>
      <c r="JN16" s="345">
        <v>639749</v>
      </c>
      <c r="JO16" s="345">
        <v>258219</v>
      </c>
      <c r="JP16" s="349">
        <v>3542098</v>
      </c>
      <c r="JQ16" s="347">
        <v>3542098</v>
      </c>
      <c r="JR16" s="348">
        <v>0</v>
      </c>
      <c r="JS16" s="345">
        <v>0</v>
      </c>
      <c r="JT16" s="346">
        <v>0</v>
      </c>
      <c r="JU16" s="351">
        <v>0</v>
      </c>
      <c r="JV16" s="345">
        <v>352091</v>
      </c>
      <c r="JW16" s="345">
        <v>0</v>
      </c>
      <c r="JX16" s="345">
        <v>142953</v>
      </c>
      <c r="JY16" s="345">
        <v>0</v>
      </c>
      <c r="JZ16" s="345">
        <v>0</v>
      </c>
      <c r="KA16" s="349">
        <v>495044</v>
      </c>
      <c r="KB16" s="347">
        <v>495044</v>
      </c>
      <c r="KC16" s="352">
        <v>44720</v>
      </c>
      <c r="KD16" s="353">
        <v>0</v>
      </c>
      <c r="KE16" s="349">
        <v>44720</v>
      </c>
      <c r="KF16" s="351">
        <v>0</v>
      </c>
      <c r="KG16" s="345">
        <v>625038</v>
      </c>
      <c r="KH16" s="345">
        <v>438576</v>
      </c>
      <c r="KI16" s="345">
        <v>497820</v>
      </c>
      <c r="KJ16" s="345">
        <v>570906</v>
      </c>
      <c r="KK16" s="345">
        <v>0</v>
      </c>
      <c r="KL16" s="349">
        <v>2132340</v>
      </c>
      <c r="KM16" s="354">
        <v>2177060</v>
      </c>
      <c r="KN16" s="342">
        <v>0</v>
      </c>
      <c r="KO16" s="343">
        <v>0</v>
      </c>
      <c r="KP16" s="344">
        <v>0</v>
      </c>
      <c r="KQ16" s="404">
        <v>0</v>
      </c>
      <c r="KR16" s="345">
        <v>1682566</v>
      </c>
      <c r="KS16" s="345">
        <v>1492393</v>
      </c>
      <c r="KT16" s="345">
        <v>2514060</v>
      </c>
      <c r="KU16" s="345">
        <v>1039299</v>
      </c>
      <c r="KV16" s="345">
        <v>866141</v>
      </c>
      <c r="KW16" s="349">
        <v>7594459</v>
      </c>
      <c r="KX16" s="347">
        <v>7594459</v>
      </c>
      <c r="KY16" s="348">
        <v>0</v>
      </c>
      <c r="KZ16" s="345">
        <v>0</v>
      </c>
      <c r="LA16" s="349">
        <v>0</v>
      </c>
      <c r="LB16" s="404">
        <v>0</v>
      </c>
      <c r="LC16" s="345">
        <v>314359</v>
      </c>
      <c r="LD16" s="345">
        <v>287976</v>
      </c>
      <c r="LE16" s="345">
        <v>235285</v>
      </c>
      <c r="LF16" s="345">
        <v>427248</v>
      </c>
      <c r="LG16" s="345">
        <v>233490</v>
      </c>
      <c r="LH16" s="349">
        <v>1498358</v>
      </c>
      <c r="LI16" s="350">
        <v>1498358</v>
      </c>
      <c r="LJ16" s="348">
        <v>0</v>
      </c>
      <c r="LK16" s="345">
        <v>0</v>
      </c>
      <c r="LL16" s="349">
        <v>0</v>
      </c>
      <c r="LM16" s="404">
        <v>0</v>
      </c>
      <c r="LN16" s="345">
        <v>0</v>
      </c>
      <c r="LO16" s="345">
        <v>214644</v>
      </c>
      <c r="LP16" s="345">
        <v>266552</v>
      </c>
      <c r="LQ16" s="345">
        <v>544351</v>
      </c>
      <c r="LR16" s="345">
        <v>1608501</v>
      </c>
      <c r="LS16" s="349">
        <v>2634048</v>
      </c>
      <c r="LT16" s="347">
        <v>2634048</v>
      </c>
      <c r="LU16" s="348">
        <v>0</v>
      </c>
      <c r="LV16" s="345">
        <v>0</v>
      </c>
      <c r="LW16" s="349">
        <v>0</v>
      </c>
      <c r="LX16" s="404">
        <v>0</v>
      </c>
      <c r="LY16" s="345">
        <v>181876</v>
      </c>
      <c r="LZ16" s="345">
        <v>374138</v>
      </c>
      <c r="MA16" s="345">
        <v>376408</v>
      </c>
      <c r="MB16" s="345">
        <v>348240</v>
      </c>
      <c r="MC16" s="345">
        <v>238724</v>
      </c>
      <c r="MD16" s="349">
        <v>1519386</v>
      </c>
      <c r="ME16" s="350">
        <v>1519386</v>
      </c>
      <c r="MF16" s="348">
        <v>0</v>
      </c>
      <c r="MG16" s="345">
        <v>0</v>
      </c>
      <c r="MH16" s="349">
        <v>0</v>
      </c>
      <c r="MI16" s="404">
        <v>0</v>
      </c>
      <c r="MJ16" s="345">
        <v>625599</v>
      </c>
      <c r="MK16" s="345">
        <v>1950265</v>
      </c>
      <c r="ML16" s="345">
        <v>5421824</v>
      </c>
      <c r="MM16" s="345">
        <v>12224414</v>
      </c>
      <c r="MN16" s="345">
        <v>6878708</v>
      </c>
      <c r="MO16" s="349">
        <v>27100810</v>
      </c>
      <c r="MP16" s="354">
        <v>27100810</v>
      </c>
      <c r="MQ16" s="348">
        <v>0</v>
      </c>
      <c r="MR16" s="345">
        <v>0</v>
      </c>
      <c r="MS16" s="349">
        <v>0</v>
      </c>
      <c r="MT16" s="404">
        <v>0</v>
      </c>
      <c r="MU16" s="345">
        <v>216280</v>
      </c>
      <c r="MV16" s="345">
        <v>0</v>
      </c>
      <c r="MW16" s="345">
        <v>4081065</v>
      </c>
      <c r="MX16" s="345">
        <v>9218181</v>
      </c>
      <c r="MY16" s="345">
        <v>3661171</v>
      </c>
      <c r="MZ16" s="349">
        <v>17176697</v>
      </c>
      <c r="NA16" s="354">
        <v>17176697</v>
      </c>
      <c r="NB16" s="348">
        <v>0</v>
      </c>
      <c r="NC16" s="345">
        <v>0</v>
      </c>
      <c r="ND16" s="349">
        <v>0</v>
      </c>
      <c r="NE16" s="404">
        <v>0</v>
      </c>
      <c r="NF16" s="345">
        <v>409319</v>
      </c>
      <c r="NG16" s="345">
        <v>1950265</v>
      </c>
      <c r="NH16" s="345">
        <v>1340759</v>
      </c>
      <c r="NI16" s="345">
        <v>3006233</v>
      </c>
      <c r="NJ16" s="345">
        <v>2843451</v>
      </c>
      <c r="NK16" s="349">
        <v>9550027</v>
      </c>
      <c r="NL16" s="347">
        <v>9550027</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0</v>
      </c>
      <c r="OF16" s="345">
        <v>374086</v>
      </c>
      <c r="OG16" s="349">
        <v>374086</v>
      </c>
      <c r="OH16" s="350">
        <v>374086</v>
      </c>
      <c r="OI16" s="348">
        <v>1662306</v>
      </c>
      <c r="OJ16" s="345">
        <v>1436044</v>
      </c>
      <c r="OK16" s="346">
        <v>3098350</v>
      </c>
      <c r="OL16" s="351">
        <v>0</v>
      </c>
      <c r="OM16" s="345">
        <v>22696366</v>
      </c>
      <c r="ON16" s="345">
        <v>20469059</v>
      </c>
      <c r="OO16" s="345">
        <v>25268977</v>
      </c>
      <c r="OP16" s="345">
        <v>32003926</v>
      </c>
      <c r="OQ16" s="345">
        <v>19948538</v>
      </c>
      <c r="OR16" s="349">
        <v>120386866</v>
      </c>
      <c r="OS16" s="354">
        <v>123485216</v>
      </c>
    </row>
    <row r="17" spans="2:409" s="70" customFormat="1" ht="21" customHeight="1" x14ac:dyDescent="0.2">
      <c r="B17" s="410" t="s">
        <v>11</v>
      </c>
      <c r="C17" s="326">
        <v>820352</v>
      </c>
      <c r="D17" s="327">
        <v>428355</v>
      </c>
      <c r="E17" s="365">
        <v>1248707</v>
      </c>
      <c r="F17" s="332">
        <v>0</v>
      </c>
      <c r="G17" s="327">
        <v>7566603</v>
      </c>
      <c r="H17" s="327">
        <v>6207841</v>
      </c>
      <c r="I17" s="327">
        <v>6538293</v>
      </c>
      <c r="J17" s="327">
        <v>9665594</v>
      </c>
      <c r="K17" s="327">
        <v>4612732</v>
      </c>
      <c r="L17" s="329">
        <v>34591063</v>
      </c>
      <c r="M17" s="330">
        <v>35839770</v>
      </c>
      <c r="N17" s="326">
        <v>178736</v>
      </c>
      <c r="O17" s="327">
        <v>107541</v>
      </c>
      <c r="P17" s="328">
        <v>286277</v>
      </c>
      <c r="Q17" s="326">
        <v>0</v>
      </c>
      <c r="R17" s="327">
        <v>1438441</v>
      </c>
      <c r="S17" s="327">
        <v>1356393</v>
      </c>
      <c r="T17" s="327">
        <v>2389226</v>
      </c>
      <c r="U17" s="327">
        <v>3213008</v>
      </c>
      <c r="V17" s="327">
        <v>2070053</v>
      </c>
      <c r="W17" s="328">
        <v>10467121</v>
      </c>
      <c r="X17" s="330">
        <v>10753398</v>
      </c>
      <c r="Y17" s="326">
        <v>0</v>
      </c>
      <c r="Z17" s="327">
        <v>0</v>
      </c>
      <c r="AA17" s="328">
        <v>0</v>
      </c>
      <c r="AB17" s="326">
        <v>0</v>
      </c>
      <c r="AC17" s="327">
        <v>548030</v>
      </c>
      <c r="AD17" s="327">
        <v>463069</v>
      </c>
      <c r="AE17" s="327">
        <v>1447730</v>
      </c>
      <c r="AF17" s="327">
        <v>1804468</v>
      </c>
      <c r="AG17" s="327">
        <v>1258513</v>
      </c>
      <c r="AH17" s="328">
        <v>5521810</v>
      </c>
      <c r="AI17" s="330">
        <v>5521810</v>
      </c>
      <c r="AJ17" s="326">
        <v>0</v>
      </c>
      <c r="AK17" s="327">
        <v>0</v>
      </c>
      <c r="AL17" s="328">
        <v>0</v>
      </c>
      <c r="AM17" s="326">
        <v>0</v>
      </c>
      <c r="AN17" s="327">
        <v>0</v>
      </c>
      <c r="AO17" s="327">
        <v>82988</v>
      </c>
      <c r="AP17" s="327">
        <v>0</v>
      </c>
      <c r="AQ17" s="327">
        <v>284532</v>
      </c>
      <c r="AR17" s="327">
        <v>333756</v>
      </c>
      <c r="AS17" s="328">
        <v>701276</v>
      </c>
      <c r="AT17" s="330">
        <v>701276</v>
      </c>
      <c r="AU17" s="326">
        <v>140072</v>
      </c>
      <c r="AV17" s="327">
        <v>54114</v>
      </c>
      <c r="AW17" s="328">
        <v>194186</v>
      </c>
      <c r="AX17" s="326">
        <v>0</v>
      </c>
      <c r="AY17" s="327">
        <v>510276</v>
      </c>
      <c r="AZ17" s="327">
        <v>404624</v>
      </c>
      <c r="BA17" s="327">
        <v>592769</v>
      </c>
      <c r="BB17" s="327">
        <v>638307</v>
      </c>
      <c r="BC17" s="327">
        <v>362392</v>
      </c>
      <c r="BD17" s="328">
        <v>2508368</v>
      </c>
      <c r="BE17" s="330">
        <v>2702554</v>
      </c>
      <c r="BF17" s="326">
        <v>0</v>
      </c>
      <c r="BG17" s="327">
        <v>40355</v>
      </c>
      <c r="BH17" s="331">
        <v>40355</v>
      </c>
      <c r="BI17" s="332">
        <v>0</v>
      </c>
      <c r="BJ17" s="327">
        <v>47311</v>
      </c>
      <c r="BK17" s="327">
        <v>78520</v>
      </c>
      <c r="BL17" s="327">
        <v>85783</v>
      </c>
      <c r="BM17" s="327">
        <v>112541</v>
      </c>
      <c r="BN17" s="327">
        <v>0</v>
      </c>
      <c r="BO17" s="328">
        <v>324155</v>
      </c>
      <c r="BP17" s="330">
        <v>364510</v>
      </c>
      <c r="BQ17" s="326">
        <v>38664</v>
      </c>
      <c r="BR17" s="327">
        <v>13072</v>
      </c>
      <c r="BS17" s="328">
        <v>51736</v>
      </c>
      <c r="BT17" s="326">
        <v>0</v>
      </c>
      <c r="BU17" s="327">
        <v>332824</v>
      </c>
      <c r="BV17" s="327">
        <v>327192</v>
      </c>
      <c r="BW17" s="327">
        <v>262944</v>
      </c>
      <c r="BX17" s="327">
        <v>373160</v>
      </c>
      <c r="BY17" s="327">
        <v>115392</v>
      </c>
      <c r="BZ17" s="328">
        <v>1411512</v>
      </c>
      <c r="CA17" s="330">
        <v>1463248</v>
      </c>
      <c r="CB17" s="326">
        <v>201426</v>
      </c>
      <c r="CC17" s="327">
        <v>108883</v>
      </c>
      <c r="CD17" s="328">
        <v>310309</v>
      </c>
      <c r="CE17" s="326">
        <v>0</v>
      </c>
      <c r="CF17" s="327">
        <v>2852507</v>
      </c>
      <c r="CG17" s="327">
        <v>1908418</v>
      </c>
      <c r="CH17" s="327">
        <v>1640723</v>
      </c>
      <c r="CI17" s="327">
        <v>1733530</v>
      </c>
      <c r="CJ17" s="327">
        <v>109146</v>
      </c>
      <c r="CK17" s="328">
        <v>8244324</v>
      </c>
      <c r="CL17" s="330">
        <v>8554633</v>
      </c>
      <c r="CM17" s="326">
        <v>0</v>
      </c>
      <c r="CN17" s="327">
        <v>0</v>
      </c>
      <c r="CO17" s="328">
        <v>0</v>
      </c>
      <c r="CP17" s="332">
        <v>0</v>
      </c>
      <c r="CQ17" s="327">
        <v>2243628</v>
      </c>
      <c r="CR17" s="327">
        <v>1507885</v>
      </c>
      <c r="CS17" s="327">
        <v>1351105</v>
      </c>
      <c r="CT17" s="327">
        <v>836180</v>
      </c>
      <c r="CU17" s="327">
        <v>45720</v>
      </c>
      <c r="CV17" s="328">
        <v>5984518</v>
      </c>
      <c r="CW17" s="330">
        <v>5984518</v>
      </c>
      <c r="CX17" s="326">
        <v>201426</v>
      </c>
      <c r="CY17" s="327">
        <v>108883</v>
      </c>
      <c r="CZ17" s="328">
        <v>310309</v>
      </c>
      <c r="DA17" s="326">
        <v>0</v>
      </c>
      <c r="DB17" s="327">
        <v>608879</v>
      </c>
      <c r="DC17" s="327">
        <v>400533</v>
      </c>
      <c r="DD17" s="327">
        <v>289618</v>
      </c>
      <c r="DE17" s="327">
        <v>897350</v>
      </c>
      <c r="DF17" s="327">
        <v>63426</v>
      </c>
      <c r="DG17" s="328">
        <v>2259806</v>
      </c>
      <c r="DH17" s="330">
        <v>2570115</v>
      </c>
      <c r="DI17" s="326">
        <v>9638</v>
      </c>
      <c r="DJ17" s="327">
        <v>0</v>
      </c>
      <c r="DK17" s="331">
        <v>9638</v>
      </c>
      <c r="DL17" s="332">
        <v>0</v>
      </c>
      <c r="DM17" s="327">
        <v>331242</v>
      </c>
      <c r="DN17" s="327">
        <v>312462</v>
      </c>
      <c r="DO17" s="327">
        <v>409207</v>
      </c>
      <c r="DP17" s="327">
        <v>257916</v>
      </c>
      <c r="DQ17" s="327">
        <v>437485</v>
      </c>
      <c r="DR17" s="328">
        <v>1748312</v>
      </c>
      <c r="DS17" s="330">
        <v>1757950</v>
      </c>
      <c r="DT17" s="326">
        <v>9638</v>
      </c>
      <c r="DU17" s="327">
        <v>0</v>
      </c>
      <c r="DV17" s="328">
        <v>9638</v>
      </c>
      <c r="DW17" s="326">
        <v>0</v>
      </c>
      <c r="DX17" s="327">
        <v>215866</v>
      </c>
      <c r="DY17" s="327">
        <v>312462</v>
      </c>
      <c r="DZ17" s="327">
        <v>409207</v>
      </c>
      <c r="EA17" s="327">
        <v>257916</v>
      </c>
      <c r="EB17" s="327">
        <v>437485</v>
      </c>
      <c r="EC17" s="328">
        <v>1632936</v>
      </c>
      <c r="ED17" s="330">
        <v>1642574</v>
      </c>
      <c r="EE17" s="326">
        <v>0</v>
      </c>
      <c r="EF17" s="331">
        <v>0</v>
      </c>
      <c r="EG17" s="328">
        <v>0</v>
      </c>
      <c r="EH17" s="326">
        <v>0</v>
      </c>
      <c r="EI17" s="327">
        <v>115376</v>
      </c>
      <c r="EJ17" s="327">
        <v>0</v>
      </c>
      <c r="EK17" s="327">
        <v>0</v>
      </c>
      <c r="EL17" s="327">
        <v>0</v>
      </c>
      <c r="EM17" s="327">
        <v>0</v>
      </c>
      <c r="EN17" s="331">
        <v>115376</v>
      </c>
      <c r="EO17" s="330">
        <v>115376</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89168</v>
      </c>
      <c r="FM17" s="327">
        <v>116912</v>
      </c>
      <c r="FN17" s="328">
        <v>206080</v>
      </c>
      <c r="FO17" s="326">
        <v>0</v>
      </c>
      <c r="FP17" s="327">
        <v>466932</v>
      </c>
      <c r="FQ17" s="327">
        <v>728312</v>
      </c>
      <c r="FR17" s="327">
        <v>696888</v>
      </c>
      <c r="FS17" s="327">
        <v>532188</v>
      </c>
      <c r="FT17" s="327">
        <v>314368</v>
      </c>
      <c r="FU17" s="328">
        <v>2738688</v>
      </c>
      <c r="FV17" s="330">
        <v>2944768</v>
      </c>
      <c r="FW17" s="333">
        <v>89168</v>
      </c>
      <c r="FX17" s="327">
        <v>116912</v>
      </c>
      <c r="FY17" s="331">
        <v>206080</v>
      </c>
      <c r="FZ17" s="332">
        <v>0</v>
      </c>
      <c r="GA17" s="327">
        <v>284984</v>
      </c>
      <c r="GB17" s="327">
        <v>728312</v>
      </c>
      <c r="GC17" s="327">
        <v>479336</v>
      </c>
      <c r="GD17" s="327">
        <v>507240</v>
      </c>
      <c r="GE17" s="327">
        <v>287968</v>
      </c>
      <c r="GF17" s="328">
        <v>2287840</v>
      </c>
      <c r="GG17" s="334">
        <v>2493920</v>
      </c>
      <c r="GH17" s="333">
        <v>0</v>
      </c>
      <c r="GI17" s="327">
        <v>0</v>
      </c>
      <c r="GJ17" s="331">
        <v>0</v>
      </c>
      <c r="GK17" s="332">
        <v>0</v>
      </c>
      <c r="GL17" s="327">
        <v>23232</v>
      </c>
      <c r="GM17" s="327">
        <v>0</v>
      </c>
      <c r="GN17" s="327">
        <v>103152</v>
      </c>
      <c r="GO17" s="327">
        <v>24948</v>
      </c>
      <c r="GP17" s="327">
        <v>26400</v>
      </c>
      <c r="GQ17" s="328">
        <v>177732</v>
      </c>
      <c r="GR17" s="330">
        <v>177732</v>
      </c>
      <c r="GS17" s="326">
        <v>0</v>
      </c>
      <c r="GT17" s="327">
        <v>0</v>
      </c>
      <c r="GU17" s="328">
        <v>0</v>
      </c>
      <c r="GV17" s="326">
        <v>0</v>
      </c>
      <c r="GW17" s="327">
        <v>158716</v>
      </c>
      <c r="GX17" s="327">
        <v>0</v>
      </c>
      <c r="GY17" s="327">
        <v>114400</v>
      </c>
      <c r="GZ17" s="327">
        <v>0</v>
      </c>
      <c r="HA17" s="327">
        <v>0</v>
      </c>
      <c r="HB17" s="331">
        <v>273116</v>
      </c>
      <c r="HC17" s="330">
        <v>273116</v>
      </c>
      <c r="HD17" s="326">
        <v>341384</v>
      </c>
      <c r="HE17" s="327">
        <v>95019</v>
      </c>
      <c r="HF17" s="331">
        <v>436403</v>
      </c>
      <c r="HG17" s="332">
        <v>0</v>
      </c>
      <c r="HH17" s="327">
        <v>2477481</v>
      </c>
      <c r="HI17" s="327">
        <v>1902256</v>
      </c>
      <c r="HJ17" s="327">
        <v>1402249</v>
      </c>
      <c r="HK17" s="327">
        <v>3928952</v>
      </c>
      <c r="HL17" s="327">
        <v>1681680</v>
      </c>
      <c r="HM17" s="328">
        <v>11392618</v>
      </c>
      <c r="HN17" s="329">
        <v>11829021</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863947</v>
      </c>
      <c r="IE17" s="339">
        <v>1793367</v>
      </c>
      <c r="IF17" s="337">
        <v>1251161</v>
      </c>
      <c r="IG17" s="336">
        <v>1487899</v>
      </c>
      <c r="IH17" s="337">
        <v>275257</v>
      </c>
      <c r="II17" s="340">
        <v>6671631</v>
      </c>
      <c r="IJ17" s="341">
        <v>6671631</v>
      </c>
      <c r="IK17" s="342">
        <v>0</v>
      </c>
      <c r="IL17" s="343">
        <v>0</v>
      </c>
      <c r="IM17" s="344">
        <v>0</v>
      </c>
      <c r="IN17" s="404">
        <v>0</v>
      </c>
      <c r="IO17" s="345">
        <v>153676</v>
      </c>
      <c r="IP17" s="345">
        <v>0</v>
      </c>
      <c r="IQ17" s="345">
        <v>0</v>
      </c>
      <c r="IR17" s="345">
        <v>0</v>
      </c>
      <c r="IS17" s="345">
        <v>0</v>
      </c>
      <c r="IT17" s="346">
        <v>153676</v>
      </c>
      <c r="IU17" s="347">
        <v>153676</v>
      </c>
      <c r="IV17" s="348">
        <v>0</v>
      </c>
      <c r="IW17" s="345">
        <v>0</v>
      </c>
      <c r="IX17" s="349">
        <v>0</v>
      </c>
      <c r="IY17" s="404">
        <v>0</v>
      </c>
      <c r="IZ17" s="345">
        <v>0</v>
      </c>
      <c r="JA17" s="345">
        <v>16751</v>
      </c>
      <c r="JB17" s="345">
        <v>0</v>
      </c>
      <c r="JC17" s="345">
        <v>0</v>
      </c>
      <c r="JD17" s="345">
        <v>0</v>
      </c>
      <c r="JE17" s="349">
        <v>16751</v>
      </c>
      <c r="JF17" s="350">
        <v>16751</v>
      </c>
      <c r="JG17" s="348">
        <v>0</v>
      </c>
      <c r="JH17" s="345">
        <v>0</v>
      </c>
      <c r="JI17" s="346">
        <v>0</v>
      </c>
      <c r="JJ17" s="351">
        <v>0</v>
      </c>
      <c r="JK17" s="345">
        <v>897842</v>
      </c>
      <c r="JL17" s="345">
        <v>229920</v>
      </c>
      <c r="JM17" s="345">
        <v>185679</v>
      </c>
      <c r="JN17" s="345">
        <v>223854</v>
      </c>
      <c r="JO17" s="345">
        <v>122072</v>
      </c>
      <c r="JP17" s="349">
        <v>1659367</v>
      </c>
      <c r="JQ17" s="347">
        <v>1659367</v>
      </c>
      <c r="JR17" s="348">
        <v>0</v>
      </c>
      <c r="JS17" s="345">
        <v>0</v>
      </c>
      <c r="JT17" s="346">
        <v>0</v>
      </c>
      <c r="JU17" s="351">
        <v>0</v>
      </c>
      <c r="JV17" s="345">
        <v>79572</v>
      </c>
      <c r="JW17" s="345">
        <v>77208</v>
      </c>
      <c r="JX17" s="345">
        <v>280283</v>
      </c>
      <c r="JY17" s="345">
        <v>177508</v>
      </c>
      <c r="JZ17" s="345">
        <v>0</v>
      </c>
      <c r="KA17" s="349">
        <v>614571</v>
      </c>
      <c r="KB17" s="347">
        <v>614571</v>
      </c>
      <c r="KC17" s="352">
        <v>0</v>
      </c>
      <c r="KD17" s="353">
        <v>0</v>
      </c>
      <c r="KE17" s="349">
        <v>0</v>
      </c>
      <c r="KF17" s="351">
        <v>0</v>
      </c>
      <c r="KG17" s="345">
        <v>112758</v>
      </c>
      <c r="KH17" s="345">
        <v>535304</v>
      </c>
      <c r="KI17" s="345">
        <v>253402</v>
      </c>
      <c r="KJ17" s="345">
        <v>0</v>
      </c>
      <c r="KK17" s="345">
        <v>0</v>
      </c>
      <c r="KL17" s="349">
        <v>901464</v>
      </c>
      <c r="KM17" s="354">
        <v>901464</v>
      </c>
      <c r="KN17" s="342">
        <v>0</v>
      </c>
      <c r="KO17" s="343">
        <v>0</v>
      </c>
      <c r="KP17" s="344">
        <v>0</v>
      </c>
      <c r="KQ17" s="404">
        <v>0</v>
      </c>
      <c r="KR17" s="345">
        <v>472121</v>
      </c>
      <c r="KS17" s="345">
        <v>740284</v>
      </c>
      <c r="KT17" s="345">
        <v>259076</v>
      </c>
      <c r="KU17" s="345">
        <v>1086537</v>
      </c>
      <c r="KV17" s="345">
        <v>0</v>
      </c>
      <c r="KW17" s="349">
        <v>2558018</v>
      </c>
      <c r="KX17" s="347">
        <v>2558018</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147978</v>
      </c>
      <c r="LZ17" s="345">
        <v>193900</v>
      </c>
      <c r="MA17" s="345">
        <v>272721</v>
      </c>
      <c r="MB17" s="345">
        <v>0</v>
      </c>
      <c r="MC17" s="345">
        <v>153185</v>
      </c>
      <c r="MD17" s="349">
        <v>767784</v>
      </c>
      <c r="ME17" s="350">
        <v>767784</v>
      </c>
      <c r="MF17" s="348">
        <v>0</v>
      </c>
      <c r="MG17" s="345">
        <v>0</v>
      </c>
      <c r="MH17" s="349">
        <v>0</v>
      </c>
      <c r="MI17" s="404">
        <v>0</v>
      </c>
      <c r="MJ17" s="345">
        <v>226004</v>
      </c>
      <c r="MK17" s="345">
        <v>595582</v>
      </c>
      <c r="ML17" s="345">
        <v>3074246</v>
      </c>
      <c r="MM17" s="345">
        <v>6282248</v>
      </c>
      <c r="MN17" s="345">
        <v>2974886</v>
      </c>
      <c r="MO17" s="349">
        <v>13152966</v>
      </c>
      <c r="MP17" s="354">
        <v>13152966</v>
      </c>
      <c r="MQ17" s="348">
        <v>0</v>
      </c>
      <c r="MR17" s="345">
        <v>0</v>
      </c>
      <c r="MS17" s="349">
        <v>0</v>
      </c>
      <c r="MT17" s="404">
        <v>0</v>
      </c>
      <c r="MU17" s="345">
        <v>0</v>
      </c>
      <c r="MV17" s="345">
        <v>0</v>
      </c>
      <c r="MW17" s="345">
        <v>1432045</v>
      </c>
      <c r="MX17" s="345">
        <v>4347498</v>
      </c>
      <c r="MY17" s="345">
        <v>1111166</v>
      </c>
      <c r="MZ17" s="349">
        <v>6890709</v>
      </c>
      <c r="NA17" s="354">
        <v>6890709</v>
      </c>
      <c r="NB17" s="348">
        <v>0</v>
      </c>
      <c r="NC17" s="345">
        <v>0</v>
      </c>
      <c r="ND17" s="349">
        <v>0</v>
      </c>
      <c r="NE17" s="404">
        <v>0</v>
      </c>
      <c r="NF17" s="345">
        <v>226004</v>
      </c>
      <c r="NG17" s="345">
        <v>595582</v>
      </c>
      <c r="NH17" s="345">
        <v>1642201</v>
      </c>
      <c r="NI17" s="345">
        <v>1611887</v>
      </c>
      <c r="NJ17" s="345">
        <v>1863720</v>
      </c>
      <c r="NK17" s="349">
        <v>5939394</v>
      </c>
      <c r="NL17" s="347">
        <v>5939394</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22863</v>
      </c>
      <c r="OF17" s="345">
        <v>0</v>
      </c>
      <c r="OG17" s="349">
        <v>322863</v>
      </c>
      <c r="OH17" s="350">
        <v>322863</v>
      </c>
      <c r="OI17" s="348">
        <v>820352</v>
      </c>
      <c r="OJ17" s="345">
        <v>428355</v>
      </c>
      <c r="OK17" s="346">
        <v>1248707</v>
      </c>
      <c r="OL17" s="351">
        <v>0</v>
      </c>
      <c r="OM17" s="345">
        <v>9656554</v>
      </c>
      <c r="ON17" s="345">
        <v>8596790</v>
      </c>
      <c r="OO17" s="345">
        <v>10863700</v>
      </c>
      <c r="OP17" s="345">
        <v>17435741</v>
      </c>
      <c r="OQ17" s="345">
        <v>7862875</v>
      </c>
      <c r="OR17" s="349">
        <v>54415660</v>
      </c>
      <c r="OS17" s="354">
        <v>55664367</v>
      </c>
    </row>
    <row r="18" spans="2:409" s="70" customFormat="1" ht="21" customHeight="1" x14ac:dyDescent="0.2">
      <c r="B18" s="410" t="s">
        <v>12</v>
      </c>
      <c r="C18" s="326">
        <v>747422</v>
      </c>
      <c r="D18" s="327">
        <v>2499704</v>
      </c>
      <c r="E18" s="328">
        <v>3247126</v>
      </c>
      <c r="F18" s="329">
        <v>0</v>
      </c>
      <c r="G18" s="327">
        <v>6961735</v>
      </c>
      <c r="H18" s="366">
        <v>10473419</v>
      </c>
      <c r="I18" s="366">
        <v>9955642</v>
      </c>
      <c r="J18" s="366">
        <v>9691792</v>
      </c>
      <c r="K18" s="366">
        <v>5290307</v>
      </c>
      <c r="L18" s="331">
        <v>42372895</v>
      </c>
      <c r="M18" s="330">
        <v>45620021</v>
      </c>
      <c r="N18" s="326">
        <v>230994</v>
      </c>
      <c r="O18" s="327">
        <v>795516</v>
      </c>
      <c r="P18" s="328">
        <v>1026510</v>
      </c>
      <c r="Q18" s="326">
        <v>0</v>
      </c>
      <c r="R18" s="327">
        <v>1707397</v>
      </c>
      <c r="S18" s="327">
        <v>3922929</v>
      </c>
      <c r="T18" s="327">
        <v>3329516</v>
      </c>
      <c r="U18" s="327">
        <v>4385836</v>
      </c>
      <c r="V18" s="327">
        <v>3189573</v>
      </c>
      <c r="W18" s="328">
        <v>16535251</v>
      </c>
      <c r="X18" s="330">
        <v>17561761</v>
      </c>
      <c r="Y18" s="326">
        <v>0</v>
      </c>
      <c r="Z18" s="327">
        <v>0</v>
      </c>
      <c r="AA18" s="328">
        <v>0</v>
      </c>
      <c r="AB18" s="326">
        <v>0</v>
      </c>
      <c r="AC18" s="327">
        <v>978305</v>
      </c>
      <c r="AD18" s="327">
        <v>1918127</v>
      </c>
      <c r="AE18" s="327">
        <v>1514228</v>
      </c>
      <c r="AF18" s="327">
        <v>2796243</v>
      </c>
      <c r="AG18" s="327">
        <v>2217271</v>
      </c>
      <c r="AH18" s="328">
        <v>9424174</v>
      </c>
      <c r="AI18" s="330">
        <v>9424174</v>
      </c>
      <c r="AJ18" s="326">
        <v>0</v>
      </c>
      <c r="AK18" s="327">
        <v>0</v>
      </c>
      <c r="AL18" s="328">
        <v>0</v>
      </c>
      <c r="AM18" s="326">
        <v>0</v>
      </c>
      <c r="AN18" s="327">
        <v>0</v>
      </c>
      <c r="AO18" s="327">
        <v>0</v>
      </c>
      <c r="AP18" s="327">
        <v>130410</v>
      </c>
      <c r="AQ18" s="327">
        <v>237813</v>
      </c>
      <c r="AR18" s="327">
        <v>179586</v>
      </c>
      <c r="AS18" s="328">
        <v>547809</v>
      </c>
      <c r="AT18" s="330">
        <v>547809</v>
      </c>
      <c r="AU18" s="326">
        <v>208138</v>
      </c>
      <c r="AV18" s="327">
        <v>635084</v>
      </c>
      <c r="AW18" s="328">
        <v>843222</v>
      </c>
      <c r="AX18" s="326">
        <v>0</v>
      </c>
      <c r="AY18" s="327">
        <v>514318</v>
      </c>
      <c r="AZ18" s="327">
        <v>1446543</v>
      </c>
      <c r="BA18" s="327">
        <v>1102368</v>
      </c>
      <c r="BB18" s="327">
        <v>779923</v>
      </c>
      <c r="BC18" s="327">
        <v>550798</v>
      </c>
      <c r="BD18" s="328">
        <v>4393950</v>
      </c>
      <c r="BE18" s="330">
        <v>5237172</v>
      </c>
      <c r="BF18" s="326">
        <v>0</v>
      </c>
      <c r="BG18" s="327">
        <v>17328</v>
      </c>
      <c r="BH18" s="331">
        <v>17328</v>
      </c>
      <c r="BI18" s="332">
        <v>0</v>
      </c>
      <c r="BJ18" s="327">
        <v>35598</v>
      </c>
      <c r="BK18" s="327">
        <v>47651</v>
      </c>
      <c r="BL18" s="327">
        <v>32662</v>
      </c>
      <c r="BM18" s="327">
        <v>64513</v>
      </c>
      <c r="BN18" s="327">
        <v>20998</v>
      </c>
      <c r="BO18" s="328">
        <v>201422</v>
      </c>
      <c r="BP18" s="330">
        <v>218750</v>
      </c>
      <c r="BQ18" s="326">
        <v>22856</v>
      </c>
      <c r="BR18" s="327">
        <v>143104</v>
      </c>
      <c r="BS18" s="328">
        <v>165960</v>
      </c>
      <c r="BT18" s="326">
        <v>0</v>
      </c>
      <c r="BU18" s="327">
        <v>179176</v>
      </c>
      <c r="BV18" s="327">
        <v>510608</v>
      </c>
      <c r="BW18" s="327">
        <v>549848</v>
      </c>
      <c r="BX18" s="327">
        <v>507344</v>
      </c>
      <c r="BY18" s="327">
        <v>220920</v>
      </c>
      <c r="BZ18" s="328">
        <v>1967896</v>
      </c>
      <c r="CA18" s="330">
        <v>2133856</v>
      </c>
      <c r="CB18" s="326">
        <v>156268</v>
      </c>
      <c r="CC18" s="327">
        <v>636141</v>
      </c>
      <c r="CD18" s="328">
        <v>792409</v>
      </c>
      <c r="CE18" s="326">
        <v>0</v>
      </c>
      <c r="CF18" s="327">
        <v>2815393</v>
      </c>
      <c r="CG18" s="327">
        <v>2594129</v>
      </c>
      <c r="CH18" s="327">
        <v>2778082</v>
      </c>
      <c r="CI18" s="327">
        <v>1107345</v>
      </c>
      <c r="CJ18" s="327">
        <v>320547</v>
      </c>
      <c r="CK18" s="328">
        <v>9615496</v>
      </c>
      <c r="CL18" s="330">
        <v>10407905</v>
      </c>
      <c r="CM18" s="326">
        <v>0</v>
      </c>
      <c r="CN18" s="327">
        <v>0</v>
      </c>
      <c r="CO18" s="328">
        <v>0</v>
      </c>
      <c r="CP18" s="332">
        <v>0</v>
      </c>
      <c r="CQ18" s="327">
        <v>2544423</v>
      </c>
      <c r="CR18" s="327">
        <v>1769967</v>
      </c>
      <c r="CS18" s="327">
        <v>1814513</v>
      </c>
      <c r="CT18" s="327">
        <v>775158</v>
      </c>
      <c r="CU18" s="327">
        <v>144492</v>
      </c>
      <c r="CV18" s="328">
        <v>7048553</v>
      </c>
      <c r="CW18" s="330">
        <v>7048553</v>
      </c>
      <c r="CX18" s="326">
        <v>156268</v>
      </c>
      <c r="CY18" s="327">
        <v>636141</v>
      </c>
      <c r="CZ18" s="328">
        <v>792409</v>
      </c>
      <c r="DA18" s="326">
        <v>0</v>
      </c>
      <c r="DB18" s="327">
        <v>270970</v>
      </c>
      <c r="DC18" s="327">
        <v>824162</v>
      </c>
      <c r="DD18" s="327">
        <v>963569</v>
      </c>
      <c r="DE18" s="327">
        <v>332187</v>
      </c>
      <c r="DF18" s="327">
        <v>176055</v>
      </c>
      <c r="DG18" s="328">
        <v>2566943</v>
      </c>
      <c r="DH18" s="330">
        <v>3359352</v>
      </c>
      <c r="DI18" s="326">
        <v>0</v>
      </c>
      <c r="DJ18" s="327">
        <v>106776</v>
      </c>
      <c r="DK18" s="331">
        <v>106776</v>
      </c>
      <c r="DL18" s="332">
        <v>0</v>
      </c>
      <c r="DM18" s="327">
        <v>376647</v>
      </c>
      <c r="DN18" s="327">
        <v>341666</v>
      </c>
      <c r="DO18" s="327">
        <v>717377</v>
      </c>
      <c r="DP18" s="327">
        <v>1115972</v>
      </c>
      <c r="DQ18" s="327">
        <v>509647</v>
      </c>
      <c r="DR18" s="328">
        <v>3061309</v>
      </c>
      <c r="DS18" s="330">
        <v>3168085</v>
      </c>
      <c r="DT18" s="326">
        <v>0</v>
      </c>
      <c r="DU18" s="327">
        <v>106776</v>
      </c>
      <c r="DV18" s="328">
        <v>106776</v>
      </c>
      <c r="DW18" s="326">
        <v>0</v>
      </c>
      <c r="DX18" s="327">
        <v>376647</v>
      </c>
      <c r="DY18" s="327">
        <v>341666</v>
      </c>
      <c r="DZ18" s="327">
        <v>684506</v>
      </c>
      <c r="EA18" s="327">
        <v>1015269</v>
      </c>
      <c r="EB18" s="327">
        <v>509647</v>
      </c>
      <c r="EC18" s="328">
        <v>2927735</v>
      </c>
      <c r="ED18" s="330">
        <v>3034511</v>
      </c>
      <c r="EE18" s="326">
        <v>0</v>
      </c>
      <c r="EF18" s="331">
        <v>0</v>
      </c>
      <c r="EG18" s="328">
        <v>0</v>
      </c>
      <c r="EH18" s="326">
        <v>0</v>
      </c>
      <c r="EI18" s="327">
        <v>0</v>
      </c>
      <c r="EJ18" s="327">
        <v>0</v>
      </c>
      <c r="EK18" s="327">
        <v>32871</v>
      </c>
      <c r="EL18" s="327">
        <v>100703</v>
      </c>
      <c r="EM18" s="327">
        <v>0</v>
      </c>
      <c r="EN18" s="331">
        <v>133574</v>
      </c>
      <c r="EO18" s="330">
        <v>133574</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251632</v>
      </c>
      <c r="FM18" s="327">
        <v>395848</v>
      </c>
      <c r="FN18" s="328">
        <v>647480</v>
      </c>
      <c r="FO18" s="326">
        <v>0</v>
      </c>
      <c r="FP18" s="327">
        <v>325497</v>
      </c>
      <c r="FQ18" s="327">
        <v>1002900</v>
      </c>
      <c r="FR18" s="327">
        <v>968600</v>
      </c>
      <c r="FS18" s="327">
        <v>798168</v>
      </c>
      <c r="FT18" s="327">
        <v>403360</v>
      </c>
      <c r="FU18" s="328">
        <v>3498525</v>
      </c>
      <c r="FV18" s="330">
        <v>4146005</v>
      </c>
      <c r="FW18" s="333">
        <v>156752</v>
      </c>
      <c r="FX18" s="327">
        <v>311896</v>
      </c>
      <c r="FY18" s="331">
        <v>468648</v>
      </c>
      <c r="FZ18" s="332">
        <v>0</v>
      </c>
      <c r="GA18" s="327">
        <v>159920</v>
      </c>
      <c r="GB18" s="327">
        <v>973200</v>
      </c>
      <c r="GC18" s="327">
        <v>951000</v>
      </c>
      <c r="GD18" s="327">
        <v>735688</v>
      </c>
      <c r="GE18" s="327">
        <v>403360</v>
      </c>
      <c r="GF18" s="328">
        <v>3223168</v>
      </c>
      <c r="GG18" s="334">
        <v>3691816</v>
      </c>
      <c r="GH18" s="333">
        <v>0</v>
      </c>
      <c r="GI18" s="327">
        <v>61552</v>
      </c>
      <c r="GJ18" s="331">
        <v>61552</v>
      </c>
      <c r="GK18" s="332">
        <v>0</v>
      </c>
      <c r="GL18" s="327">
        <v>0</v>
      </c>
      <c r="GM18" s="327">
        <v>29700</v>
      </c>
      <c r="GN18" s="327">
        <v>17600</v>
      </c>
      <c r="GO18" s="327">
        <v>62480</v>
      </c>
      <c r="GP18" s="327">
        <v>0</v>
      </c>
      <c r="GQ18" s="328">
        <v>109780</v>
      </c>
      <c r="GR18" s="330">
        <v>171332</v>
      </c>
      <c r="GS18" s="326">
        <v>94880</v>
      </c>
      <c r="GT18" s="327">
        <v>22400</v>
      </c>
      <c r="GU18" s="328">
        <v>117280</v>
      </c>
      <c r="GV18" s="326">
        <v>0</v>
      </c>
      <c r="GW18" s="327">
        <v>165577</v>
      </c>
      <c r="GX18" s="327">
        <v>0</v>
      </c>
      <c r="GY18" s="327">
        <v>0</v>
      </c>
      <c r="GZ18" s="327">
        <v>0</v>
      </c>
      <c r="HA18" s="327">
        <v>0</v>
      </c>
      <c r="HB18" s="331">
        <v>165577</v>
      </c>
      <c r="HC18" s="330">
        <v>282857</v>
      </c>
      <c r="HD18" s="326">
        <v>108528</v>
      </c>
      <c r="HE18" s="327">
        <v>565423</v>
      </c>
      <c r="HF18" s="331">
        <v>673951</v>
      </c>
      <c r="HG18" s="332">
        <v>0</v>
      </c>
      <c r="HH18" s="327">
        <v>1736801</v>
      </c>
      <c r="HI18" s="327">
        <v>2611795</v>
      </c>
      <c r="HJ18" s="327">
        <v>2162067</v>
      </c>
      <c r="HK18" s="327">
        <v>2284471</v>
      </c>
      <c r="HL18" s="327">
        <v>867180</v>
      </c>
      <c r="HM18" s="328">
        <v>9662314</v>
      </c>
      <c r="HN18" s="329">
        <v>10336265</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479703</v>
      </c>
      <c r="IE18" s="357">
        <v>3115587</v>
      </c>
      <c r="IF18" s="358">
        <v>2117352</v>
      </c>
      <c r="IG18" s="356">
        <v>3172368</v>
      </c>
      <c r="IH18" s="358">
        <v>2337029</v>
      </c>
      <c r="II18" s="359">
        <v>12222039</v>
      </c>
      <c r="IJ18" s="358">
        <v>12222039</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865707</v>
      </c>
      <c r="JL18" s="345">
        <v>1173685</v>
      </c>
      <c r="JM18" s="345">
        <v>378091</v>
      </c>
      <c r="JN18" s="345">
        <v>288615</v>
      </c>
      <c r="JO18" s="345">
        <v>279155</v>
      </c>
      <c r="JP18" s="349">
        <v>2985253</v>
      </c>
      <c r="JQ18" s="347">
        <v>2985253</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377442</v>
      </c>
      <c r="KH18" s="345">
        <v>737366</v>
      </c>
      <c r="KI18" s="345">
        <v>743375</v>
      </c>
      <c r="KJ18" s="345">
        <v>835489</v>
      </c>
      <c r="KK18" s="345">
        <v>913578</v>
      </c>
      <c r="KL18" s="349">
        <v>3607250</v>
      </c>
      <c r="KM18" s="354">
        <v>3607250</v>
      </c>
      <c r="KN18" s="342">
        <v>0</v>
      </c>
      <c r="KO18" s="343">
        <v>0</v>
      </c>
      <c r="KP18" s="344">
        <v>0</v>
      </c>
      <c r="KQ18" s="404">
        <v>0</v>
      </c>
      <c r="KR18" s="345">
        <v>236554</v>
      </c>
      <c r="KS18" s="345">
        <v>249553</v>
      </c>
      <c r="KT18" s="345">
        <v>252112</v>
      </c>
      <c r="KU18" s="345">
        <v>514858</v>
      </c>
      <c r="KV18" s="345">
        <v>525592</v>
      </c>
      <c r="KW18" s="349">
        <v>1778669</v>
      </c>
      <c r="KX18" s="347">
        <v>1778669</v>
      </c>
      <c r="KY18" s="348">
        <v>0</v>
      </c>
      <c r="KZ18" s="345">
        <v>0</v>
      </c>
      <c r="LA18" s="349">
        <v>0</v>
      </c>
      <c r="LB18" s="404">
        <v>0</v>
      </c>
      <c r="LC18" s="345">
        <v>0</v>
      </c>
      <c r="LD18" s="345">
        <v>557325</v>
      </c>
      <c r="LE18" s="345">
        <v>205856</v>
      </c>
      <c r="LF18" s="345">
        <v>879704</v>
      </c>
      <c r="LG18" s="345">
        <v>0</v>
      </c>
      <c r="LH18" s="349">
        <v>1642885</v>
      </c>
      <c r="LI18" s="350">
        <v>1642885</v>
      </c>
      <c r="LJ18" s="348">
        <v>0</v>
      </c>
      <c r="LK18" s="345">
        <v>0</v>
      </c>
      <c r="LL18" s="349">
        <v>0</v>
      </c>
      <c r="LM18" s="404">
        <v>0</v>
      </c>
      <c r="LN18" s="345">
        <v>0</v>
      </c>
      <c r="LO18" s="345">
        <v>0</v>
      </c>
      <c r="LP18" s="345">
        <v>268472</v>
      </c>
      <c r="LQ18" s="345">
        <v>0</v>
      </c>
      <c r="LR18" s="345">
        <v>618704</v>
      </c>
      <c r="LS18" s="349">
        <v>887176</v>
      </c>
      <c r="LT18" s="347">
        <v>887176</v>
      </c>
      <c r="LU18" s="348">
        <v>0</v>
      </c>
      <c r="LV18" s="345">
        <v>0</v>
      </c>
      <c r="LW18" s="349">
        <v>0</v>
      </c>
      <c r="LX18" s="404">
        <v>0</v>
      </c>
      <c r="LY18" s="345">
        <v>0</v>
      </c>
      <c r="LZ18" s="345">
        <v>397658</v>
      </c>
      <c r="MA18" s="345">
        <v>269446</v>
      </c>
      <c r="MB18" s="345">
        <v>653702</v>
      </c>
      <c r="MC18" s="345">
        <v>0</v>
      </c>
      <c r="MD18" s="349">
        <v>1320806</v>
      </c>
      <c r="ME18" s="350">
        <v>1320806</v>
      </c>
      <c r="MF18" s="348">
        <v>0</v>
      </c>
      <c r="MG18" s="345">
        <v>0</v>
      </c>
      <c r="MH18" s="349">
        <v>0</v>
      </c>
      <c r="MI18" s="404">
        <v>0</v>
      </c>
      <c r="MJ18" s="345">
        <v>236746</v>
      </c>
      <c r="MK18" s="345">
        <v>613096</v>
      </c>
      <c r="ML18" s="345">
        <v>5052399</v>
      </c>
      <c r="MM18" s="345">
        <v>5304739</v>
      </c>
      <c r="MN18" s="345">
        <v>2112649</v>
      </c>
      <c r="MO18" s="349">
        <v>13319629</v>
      </c>
      <c r="MP18" s="354">
        <v>13319629</v>
      </c>
      <c r="MQ18" s="348">
        <v>0</v>
      </c>
      <c r="MR18" s="345">
        <v>0</v>
      </c>
      <c r="MS18" s="349">
        <v>0</v>
      </c>
      <c r="MT18" s="404">
        <v>0</v>
      </c>
      <c r="MU18" s="345">
        <v>0</v>
      </c>
      <c r="MV18" s="345">
        <v>0</v>
      </c>
      <c r="MW18" s="345">
        <v>2385396</v>
      </c>
      <c r="MX18" s="345">
        <v>2007528</v>
      </c>
      <c r="MY18" s="345">
        <v>1590530</v>
      </c>
      <c r="MZ18" s="349">
        <v>5983454</v>
      </c>
      <c r="NA18" s="354">
        <v>5983454</v>
      </c>
      <c r="NB18" s="348">
        <v>0</v>
      </c>
      <c r="NC18" s="345">
        <v>0</v>
      </c>
      <c r="ND18" s="349">
        <v>0</v>
      </c>
      <c r="NE18" s="404">
        <v>0</v>
      </c>
      <c r="NF18" s="345">
        <v>236746</v>
      </c>
      <c r="NG18" s="345">
        <v>613096</v>
      </c>
      <c r="NH18" s="345">
        <v>2667003</v>
      </c>
      <c r="NI18" s="345">
        <v>3297211</v>
      </c>
      <c r="NJ18" s="345">
        <v>522119</v>
      </c>
      <c r="NK18" s="349">
        <v>7336175</v>
      </c>
      <c r="NL18" s="347">
        <v>7336175</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747422</v>
      </c>
      <c r="OJ18" s="345">
        <v>2499704</v>
      </c>
      <c r="OK18" s="346">
        <v>3247126</v>
      </c>
      <c r="OL18" s="351">
        <v>0</v>
      </c>
      <c r="OM18" s="345">
        <v>8678184</v>
      </c>
      <c r="ON18" s="345">
        <v>14202102</v>
      </c>
      <c r="OO18" s="345">
        <v>17125393</v>
      </c>
      <c r="OP18" s="345">
        <v>18168899</v>
      </c>
      <c r="OQ18" s="345">
        <v>9739985</v>
      </c>
      <c r="OR18" s="349">
        <v>67914563</v>
      </c>
      <c r="OS18" s="354">
        <v>71161689</v>
      </c>
    </row>
    <row r="19" spans="2:409" s="70" customFormat="1" ht="21" customHeight="1" x14ac:dyDescent="0.2">
      <c r="B19" s="410" t="s">
        <v>13</v>
      </c>
      <c r="C19" s="326">
        <v>70840</v>
      </c>
      <c r="D19" s="327">
        <v>107519</v>
      </c>
      <c r="E19" s="328">
        <v>178359</v>
      </c>
      <c r="F19" s="326">
        <v>0</v>
      </c>
      <c r="G19" s="366">
        <v>3582307</v>
      </c>
      <c r="H19" s="327">
        <v>4646157</v>
      </c>
      <c r="I19" s="327">
        <v>6212803</v>
      </c>
      <c r="J19" s="327">
        <v>3137471</v>
      </c>
      <c r="K19" s="327">
        <v>3169193</v>
      </c>
      <c r="L19" s="331">
        <v>20747931</v>
      </c>
      <c r="M19" s="330">
        <v>20926290</v>
      </c>
      <c r="N19" s="326">
        <v>18856</v>
      </c>
      <c r="O19" s="327">
        <v>41686</v>
      </c>
      <c r="P19" s="328">
        <v>60542</v>
      </c>
      <c r="Q19" s="326">
        <v>0</v>
      </c>
      <c r="R19" s="327">
        <v>922823</v>
      </c>
      <c r="S19" s="327">
        <v>1990374</v>
      </c>
      <c r="T19" s="327">
        <v>2060387</v>
      </c>
      <c r="U19" s="327">
        <v>1324857</v>
      </c>
      <c r="V19" s="327">
        <v>1450751</v>
      </c>
      <c r="W19" s="328">
        <v>7749192</v>
      </c>
      <c r="X19" s="330">
        <v>7809734</v>
      </c>
      <c r="Y19" s="326">
        <v>0</v>
      </c>
      <c r="Z19" s="327">
        <v>0</v>
      </c>
      <c r="AA19" s="328">
        <v>0</v>
      </c>
      <c r="AB19" s="326">
        <v>0</v>
      </c>
      <c r="AC19" s="327">
        <v>376196</v>
      </c>
      <c r="AD19" s="327">
        <v>690140</v>
      </c>
      <c r="AE19" s="327">
        <v>1173726</v>
      </c>
      <c r="AF19" s="327">
        <v>786857</v>
      </c>
      <c r="AG19" s="327">
        <v>646569</v>
      </c>
      <c r="AH19" s="328">
        <v>3673488</v>
      </c>
      <c r="AI19" s="330">
        <v>3673488</v>
      </c>
      <c r="AJ19" s="326">
        <v>0</v>
      </c>
      <c r="AK19" s="327">
        <v>0</v>
      </c>
      <c r="AL19" s="328">
        <v>0</v>
      </c>
      <c r="AM19" s="326">
        <v>0</v>
      </c>
      <c r="AN19" s="327">
        <v>0</v>
      </c>
      <c r="AO19" s="327">
        <v>0</v>
      </c>
      <c r="AP19" s="327">
        <v>48042</v>
      </c>
      <c r="AQ19" s="327">
        <v>48042</v>
      </c>
      <c r="AR19" s="327">
        <v>256178</v>
      </c>
      <c r="AS19" s="328">
        <v>352262</v>
      </c>
      <c r="AT19" s="330">
        <v>352262</v>
      </c>
      <c r="AU19" s="326">
        <v>0</v>
      </c>
      <c r="AV19" s="327">
        <v>41686</v>
      </c>
      <c r="AW19" s="328">
        <v>41686</v>
      </c>
      <c r="AX19" s="326">
        <v>0</v>
      </c>
      <c r="AY19" s="327">
        <v>227508</v>
      </c>
      <c r="AZ19" s="327">
        <v>973051</v>
      </c>
      <c r="BA19" s="327">
        <v>469486</v>
      </c>
      <c r="BB19" s="327">
        <v>279494</v>
      </c>
      <c r="BC19" s="327">
        <v>331244</v>
      </c>
      <c r="BD19" s="328">
        <v>2280783</v>
      </c>
      <c r="BE19" s="330">
        <v>2322469</v>
      </c>
      <c r="BF19" s="326">
        <v>10584</v>
      </c>
      <c r="BG19" s="327">
        <v>0</v>
      </c>
      <c r="BH19" s="331">
        <v>10584</v>
      </c>
      <c r="BI19" s="332">
        <v>0</v>
      </c>
      <c r="BJ19" s="327">
        <v>52991</v>
      </c>
      <c r="BK19" s="327">
        <v>31519</v>
      </c>
      <c r="BL19" s="327">
        <v>36925</v>
      </c>
      <c r="BM19" s="327">
        <v>0</v>
      </c>
      <c r="BN19" s="327">
        <v>0</v>
      </c>
      <c r="BO19" s="328">
        <v>121435</v>
      </c>
      <c r="BP19" s="330">
        <v>132019</v>
      </c>
      <c r="BQ19" s="326">
        <v>8272</v>
      </c>
      <c r="BR19" s="327">
        <v>0</v>
      </c>
      <c r="BS19" s="328">
        <v>8272</v>
      </c>
      <c r="BT19" s="326">
        <v>0</v>
      </c>
      <c r="BU19" s="327">
        <v>266128</v>
      </c>
      <c r="BV19" s="327">
        <v>295664</v>
      </c>
      <c r="BW19" s="327">
        <v>332208</v>
      </c>
      <c r="BX19" s="327">
        <v>210464</v>
      </c>
      <c r="BY19" s="327">
        <v>216760</v>
      </c>
      <c r="BZ19" s="328">
        <v>1321224</v>
      </c>
      <c r="CA19" s="330">
        <v>1329496</v>
      </c>
      <c r="CB19" s="326">
        <v>0</v>
      </c>
      <c r="CC19" s="327">
        <v>40857</v>
      </c>
      <c r="CD19" s="328">
        <v>40857</v>
      </c>
      <c r="CE19" s="326">
        <v>0</v>
      </c>
      <c r="CF19" s="327">
        <v>878699</v>
      </c>
      <c r="CG19" s="327">
        <v>558180</v>
      </c>
      <c r="CH19" s="327">
        <v>1446417</v>
      </c>
      <c r="CI19" s="327">
        <v>381519</v>
      </c>
      <c r="CJ19" s="327">
        <v>353653</v>
      </c>
      <c r="CK19" s="328">
        <v>3618468</v>
      </c>
      <c r="CL19" s="330">
        <v>3659325</v>
      </c>
      <c r="CM19" s="326">
        <v>0</v>
      </c>
      <c r="CN19" s="327">
        <v>0</v>
      </c>
      <c r="CO19" s="328">
        <v>0</v>
      </c>
      <c r="CP19" s="332">
        <v>0</v>
      </c>
      <c r="CQ19" s="327">
        <v>684905</v>
      </c>
      <c r="CR19" s="327">
        <v>526008</v>
      </c>
      <c r="CS19" s="327">
        <v>1278313</v>
      </c>
      <c r="CT19" s="327">
        <v>289349</v>
      </c>
      <c r="CU19" s="327">
        <v>169456</v>
      </c>
      <c r="CV19" s="328">
        <v>2948031</v>
      </c>
      <c r="CW19" s="330">
        <v>2948031</v>
      </c>
      <c r="CX19" s="326">
        <v>0</v>
      </c>
      <c r="CY19" s="327">
        <v>40857</v>
      </c>
      <c r="CZ19" s="328">
        <v>40857</v>
      </c>
      <c r="DA19" s="326">
        <v>0</v>
      </c>
      <c r="DB19" s="327">
        <v>193794</v>
      </c>
      <c r="DC19" s="327">
        <v>32172</v>
      </c>
      <c r="DD19" s="327">
        <v>168104</v>
      </c>
      <c r="DE19" s="327">
        <v>92170</v>
      </c>
      <c r="DF19" s="327">
        <v>184197</v>
      </c>
      <c r="DG19" s="328">
        <v>670437</v>
      </c>
      <c r="DH19" s="330">
        <v>711294</v>
      </c>
      <c r="DI19" s="326">
        <v>0</v>
      </c>
      <c r="DJ19" s="327">
        <v>0</v>
      </c>
      <c r="DK19" s="331">
        <v>0</v>
      </c>
      <c r="DL19" s="332">
        <v>0</v>
      </c>
      <c r="DM19" s="327">
        <v>102124</v>
      </c>
      <c r="DN19" s="327">
        <v>69888</v>
      </c>
      <c r="DO19" s="327">
        <v>156915</v>
      </c>
      <c r="DP19" s="327">
        <v>30811</v>
      </c>
      <c r="DQ19" s="327">
        <v>206634</v>
      </c>
      <c r="DR19" s="328">
        <v>566372</v>
      </c>
      <c r="DS19" s="330">
        <v>566372</v>
      </c>
      <c r="DT19" s="326">
        <v>0</v>
      </c>
      <c r="DU19" s="327">
        <v>0</v>
      </c>
      <c r="DV19" s="328">
        <v>0</v>
      </c>
      <c r="DW19" s="326">
        <v>0</v>
      </c>
      <c r="DX19" s="327">
        <v>102124</v>
      </c>
      <c r="DY19" s="327">
        <v>69888</v>
      </c>
      <c r="DZ19" s="327">
        <v>156915</v>
      </c>
      <c r="EA19" s="327">
        <v>30811</v>
      </c>
      <c r="EB19" s="327">
        <v>206634</v>
      </c>
      <c r="EC19" s="328">
        <v>566372</v>
      </c>
      <c r="ED19" s="330">
        <v>566372</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51984</v>
      </c>
      <c r="FM19" s="327">
        <v>24976</v>
      </c>
      <c r="FN19" s="328">
        <v>76960</v>
      </c>
      <c r="FO19" s="326">
        <v>0</v>
      </c>
      <c r="FP19" s="327">
        <v>163088</v>
      </c>
      <c r="FQ19" s="327">
        <v>603560</v>
      </c>
      <c r="FR19" s="327">
        <v>358072</v>
      </c>
      <c r="FS19" s="327">
        <v>292680</v>
      </c>
      <c r="FT19" s="327">
        <v>260080</v>
      </c>
      <c r="FU19" s="328">
        <v>1677480</v>
      </c>
      <c r="FV19" s="330">
        <v>1754440</v>
      </c>
      <c r="FW19" s="333">
        <v>11984</v>
      </c>
      <c r="FX19" s="327">
        <v>24976</v>
      </c>
      <c r="FY19" s="331">
        <v>36960</v>
      </c>
      <c r="FZ19" s="332">
        <v>0</v>
      </c>
      <c r="GA19" s="327">
        <v>147600</v>
      </c>
      <c r="GB19" s="327">
        <v>448944</v>
      </c>
      <c r="GC19" s="327">
        <v>342072</v>
      </c>
      <c r="GD19" s="327">
        <v>269448</v>
      </c>
      <c r="GE19" s="327">
        <v>260080</v>
      </c>
      <c r="GF19" s="328">
        <v>1468144</v>
      </c>
      <c r="GG19" s="334">
        <v>1505104</v>
      </c>
      <c r="GH19" s="333">
        <v>0</v>
      </c>
      <c r="GI19" s="327">
        <v>0</v>
      </c>
      <c r="GJ19" s="331">
        <v>0</v>
      </c>
      <c r="GK19" s="332">
        <v>0</v>
      </c>
      <c r="GL19" s="327">
        <v>15488</v>
      </c>
      <c r="GM19" s="327">
        <v>49016</v>
      </c>
      <c r="GN19" s="327">
        <v>0</v>
      </c>
      <c r="GO19" s="327">
        <v>23232</v>
      </c>
      <c r="GP19" s="327">
        <v>0</v>
      </c>
      <c r="GQ19" s="328">
        <v>87736</v>
      </c>
      <c r="GR19" s="330">
        <v>87736</v>
      </c>
      <c r="GS19" s="326">
        <v>40000</v>
      </c>
      <c r="GT19" s="327">
        <v>0</v>
      </c>
      <c r="GU19" s="328">
        <v>40000</v>
      </c>
      <c r="GV19" s="326">
        <v>0</v>
      </c>
      <c r="GW19" s="327">
        <v>0</v>
      </c>
      <c r="GX19" s="327">
        <v>105600</v>
      </c>
      <c r="GY19" s="327">
        <v>16000</v>
      </c>
      <c r="GZ19" s="327">
        <v>0</v>
      </c>
      <c r="HA19" s="327">
        <v>0</v>
      </c>
      <c r="HB19" s="331">
        <v>121600</v>
      </c>
      <c r="HC19" s="330">
        <v>161600</v>
      </c>
      <c r="HD19" s="326">
        <v>0</v>
      </c>
      <c r="HE19" s="327">
        <v>0</v>
      </c>
      <c r="HF19" s="331">
        <v>0</v>
      </c>
      <c r="HG19" s="332">
        <v>0</v>
      </c>
      <c r="HH19" s="327">
        <v>1515573</v>
      </c>
      <c r="HI19" s="327">
        <v>1424155</v>
      </c>
      <c r="HJ19" s="327">
        <v>2191012</v>
      </c>
      <c r="HK19" s="327">
        <v>1107604</v>
      </c>
      <c r="HL19" s="327">
        <v>898075</v>
      </c>
      <c r="HM19" s="328">
        <v>7136419</v>
      </c>
      <c r="HN19" s="329">
        <v>7136419</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1072890</v>
      </c>
      <c r="IE19" s="339">
        <v>1298772</v>
      </c>
      <c r="IF19" s="337">
        <v>1035032</v>
      </c>
      <c r="IG19" s="336">
        <v>883137</v>
      </c>
      <c r="IH19" s="337">
        <v>740881</v>
      </c>
      <c r="II19" s="340">
        <v>5030712</v>
      </c>
      <c r="IJ19" s="341">
        <v>5030712</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692595</v>
      </c>
      <c r="JL19" s="345">
        <v>924462</v>
      </c>
      <c r="JM19" s="345">
        <v>175543</v>
      </c>
      <c r="JN19" s="345">
        <v>386073</v>
      </c>
      <c r="JO19" s="345">
        <v>0</v>
      </c>
      <c r="JP19" s="349">
        <v>2178673</v>
      </c>
      <c r="JQ19" s="347">
        <v>2178673</v>
      </c>
      <c r="JR19" s="348">
        <v>0</v>
      </c>
      <c r="JS19" s="345">
        <v>0</v>
      </c>
      <c r="JT19" s="346">
        <v>0</v>
      </c>
      <c r="JU19" s="351">
        <v>0</v>
      </c>
      <c r="JV19" s="345">
        <v>0</v>
      </c>
      <c r="JW19" s="345">
        <v>0</v>
      </c>
      <c r="JX19" s="345">
        <v>356657</v>
      </c>
      <c r="JY19" s="345">
        <v>0</v>
      </c>
      <c r="JZ19" s="345">
        <v>162508</v>
      </c>
      <c r="KA19" s="349">
        <v>519165</v>
      </c>
      <c r="KB19" s="347">
        <v>519165</v>
      </c>
      <c r="KC19" s="352">
        <v>0</v>
      </c>
      <c r="KD19" s="353">
        <v>0</v>
      </c>
      <c r="KE19" s="349">
        <v>0</v>
      </c>
      <c r="KF19" s="351">
        <v>0</v>
      </c>
      <c r="KG19" s="345">
        <v>139023</v>
      </c>
      <c r="KH19" s="345">
        <v>374310</v>
      </c>
      <c r="KI19" s="345">
        <v>0</v>
      </c>
      <c r="KJ19" s="345">
        <v>0</v>
      </c>
      <c r="KK19" s="345">
        <v>303161</v>
      </c>
      <c r="KL19" s="349">
        <v>816494</v>
      </c>
      <c r="KM19" s="354">
        <v>816494</v>
      </c>
      <c r="KN19" s="342">
        <v>0</v>
      </c>
      <c r="KO19" s="343">
        <v>0</v>
      </c>
      <c r="KP19" s="344">
        <v>0</v>
      </c>
      <c r="KQ19" s="404">
        <v>0</v>
      </c>
      <c r="KR19" s="345">
        <v>241272</v>
      </c>
      <c r="KS19" s="345">
        <v>0</v>
      </c>
      <c r="KT19" s="345">
        <v>502832</v>
      </c>
      <c r="KU19" s="345">
        <v>497064</v>
      </c>
      <c r="KV19" s="345">
        <v>275212</v>
      </c>
      <c r="KW19" s="349">
        <v>1516380</v>
      </c>
      <c r="KX19" s="347">
        <v>1516380</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0</v>
      </c>
      <c r="ML19" s="345">
        <v>2861099</v>
      </c>
      <c r="MM19" s="345">
        <v>2880461</v>
      </c>
      <c r="MN19" s="345">
        <v>989746</v>
      </c>
      <c r="MO19" s="349">
        <v>6731306</v>
      </c>
      <c r="MP19" s="354">
        <v>6731306</v>
      </c>
      <c r="MQ19" s="348">
        <v>0</v>
      </c>
      <c r="MR19" s="345">
        <v>0</v>
      </c>
      <c r="MS19" s="349">
        <v>0</v>
      </c>
      <c r="MT19" s="404">
        <v>0</v>
      </c>
      <c r="MU19" s="345">
        <v>0</v>
      </c>
      <c r="MV19" s="345">
        <v>0</v>
      </c>
      <c r="MW19" s="345">
        <v>1451397</v>
      </c>
      <c r="MX19" s="345">
        <v>2571340</v>
      </c>
      <c r="MY19" s="345">
        <v>861553</v>
      </c>
      <c r="MZ19" s="349">
        <v>4884290</v>
      </c>
      <c r="NA19" s="354">
        <v>4884290</v>
      </c>
      <c r="NB19" s="348">
        <v>0</v>
      </c>
      <c r="NC19" s="345">
        <v>0</v>
      </c>
      <c r="ND19" s="349">
        <v>0</v>
      </c>
      <c r="NE19" s="404">
        <v>0</v>
      </c>
      <c r="NF19" s="345">
        <v>0</v>
      </c>
      <c r="NG19" s="345">
        <v>0</v>
      </c>
      <c r="NH19" s="345">
        <v>1409702</v>
      </c>
      <c r="NI19" s="345">
        <v>309121</v>
      </c>
      <c r="NJ19" s="345">
        <v>128193</v>
      </c>
      <c r="NK19" s="349">
        <v>1847016</v>
      </c>
      <c r="NL19" s="347">
        <v>1847016</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70840</v>
      </c>
      <c r="OJ19" s="345">
        <v>107519</v>
      </c>
      <c r="OK19" s="346">
        <v>178359</v>
      </c>
      <c r="OL19" s="351">
        <v>0</v>
      </c>
      <c r="OM19" s="345">
        <v>4655197</v>
      </c>
      <c r="ON19" s="345">
        <v>5944929</v>
      </c>
      <c r="OO19" s="345">
        <v>10108934</v>
      </c>
      <c r="OP19" s="345">
        <v>6901069</v>
      </c>
      <c r="OQ19" s="345">
        <v>4899820</v>
      </c>
      <c r="OR19" s="349">
        <v>32509949</v>
      </c>
      <c r="OS19" s="354">
        <v>32688308</v>
      </c>
    </row>
    <row r="20" spans="2:409" s="70" customFormat="1" ht="21" customHeight="1" x14ac:dyDescent="0.2">
      <c r="B20" s="410" t="s">
        <v>15</v>
      </c>
      <c r="C20" s="326">
        <v>154397</v>
      </c>
      <c r="D20" s="327">
        <v>372807</v>
      </c>
      <c r="E20" s="328">
        <v>527204</v>
      </c>
      <c r="F20" s="329">
        <v>0</v>
      </c>
      <c r="G20" s="327">
        <v>1774167</v>
      </c>
      <c r="H20" s="327">
        <v>1384608</v>
      </c>
      <c r="I20" s="327">
        <v>1994247</v>
      </c>
      <c r="J20" s="327">
        <v>2084869</v>
      </c>
      <c r="K20" s="327">
        <v>1019076</v>
      </c>
      <c r="L20" s="329">
        <v>8256967</v>
      </c>
      <c r="M20" s="330">
        <v>8784171</v>
      </c>
      <c r="N20" s="326">
        <v>0</v>
      </c>
      <c r="O20" s="327">
        <v>52059</v>
      </c>
      <c r="P20" s="328">
        <v>52059</v>
      </c>
      <c r="Q20" s="326">
        <v>0</v>
      </c>
      <c r="R20" s="327">
        <v>364678</v>
      </c>
      <c r="S20" s="327">
        <v>403147</v>
      </c>
      <c r="T20" s="327">
        <v>216390</v>
      </c>
      <c r="U20" s="327">
        <v>1275477</v>
      </c>
      <c r="V20" s="327">
        <v>910140</v>
      </c>
      <c r="W20" s="328">
        <v>3169832</v>
      </c>
      <c r="X20" s="330">
        <v>3221891</v>
      </c>
      <c r="Y20" s="326">
        <v>0</v>
      </c>
      <c r="Z20" s="327">
        <v>0</v>
      </c>
      <c r="AA20" s="328">
        <v>0</v>
      </c>
      <c r="AB20" s="326">
        <v>0</v>
      </c>
      <c r="AC20" s="327">
        <v>39265</v>
      </c>
      <c r="AD20" s="327">
        <v>117017</v>
      </c>
      <c r="AE20" s="327">
        <v>42926</v>
      </c>
      <c r="AF20" s="327">
        <v>897292</v>
      </c>
      <c r="AG20" s="327">
        <v>893108</v>
      </c>
      <c r="AH20" s="328">
        <v>1989608</v>
      </c>
      <c r="AI20" s="330">
        <v>1989608</v>
      </c>
      <c r="AJ20" s="326">
        <v>0</v>
      </c>
      <c r="AK20" s="327">
        <v>0</v>
      </c>
      <c r="AL20" s="328">
        <v>0</v>
      </c>
      <c r="AM20" s="326">
        <v>0</v>
      </c>
      <c r="AN20" s="327">
        <v>0</v>
      </c>
      <c r="AO20" s="327">
        <v>0</v>
      </c>
      <c r="AP20" s="327">
        <v>0</v>
      </c>
      <c r="AQ20" s="327">
        <v>144127</v>
      </c>
      <c r="AR20" s="327">
        <v>0</v>
      </c>
      <c r="AS20" s="328">
        <v>144127</v>
      </c>
      <c r="AT20" s="330">
        <v>144127</v>
      </c>
      <c r="AU20" s="326">
        <v>0</v>
      </c>
      <c r="AV20" s="327">
        <v>30203</v>
      </c>
      <c r="AW20" s="328">
        <v>30203</v>
      </c>
      <c r="AX20" s="326">
        <v>0</v>
      </c>
      <c r="AY20" s="327">
        <v>131065</v>
      </c>
      <c r="AZ20" s="327">
        <v>199426</v>
      </c>
      <c r="BA20" s="327">
        <v>80456</v>
      </c>
      <c r="BB20" s="327">
        <v>170738</v>
      </c>
      <c r="BC20" s="327">
        <v>0</v>
      </c>
      <c r="BD20" s="328">
        <v>581685</v>
      </c>
      <c r="BE20" s="330">
        <v>611888</v>
      </c>
      <c r="BF20" s="326">
        <v>0</v>
      </c>
      <c r="BG20" s="327">
        <v>0</v>
      </c>
      <c r="BH20" s="331">
        <v>0</v>
      </c>
      <c r="BI20" s="332">
        <v>0</v>
      </c>
      <c r="BJ20" s="327">
        <v>43132</v>
      </c>
      <c r="BK20" s="327">
        <v>56232</v>
      </c>
      <c r="BL20" s="327">
        <v>0</v>
      </c>
      <c r="BM20" s="327">
        <v>0</v>
      </c>
      <c r="BN20" s="327">
        <v>0</v>
      </c>
      <c r="BO20" s="328">
        <v>99364</v>
      </c>
      <c r="BP20" s="330">
        <v>99364</v>
      </c>
      <c r="BQ20" s="326">
        <v>0</v>
      </c>
      <c r="BR20" s="327">
        <v>21856</v>
      </c>
      <c r="BS20" s="328">
        <v>21856</v>
      </c>
      <c r="BT20" s="326">
        <v>0</v>
      </c>
      <c r="BU20" s="327">
        <v>151216</v>
      </c>
      <c r="BV20" s="327">
        <v>30472</v>
      </c>
      <c r="BW20" s="327">
        <v>93008</v>
      </c>
      <c r="BX20" s="327">
        <v>63320</v>
      </c>
      <c r="BY20" s="327">
        <v>17032</v>
      </c>
      <c r="BZ20" s="328">
        <v>355048</v>
      </c>
      <c r="CA20" s="330">
        <v>376904</v>
      </c>
      <c r="CB20" s="326">
        <v>21439</v>
      </c>
      <c r="CC20" s="327">
        <v>0</v>
      </c>
      <c r="CD20" s="328">
        <v>21439</v>
      </c>
      <c r="CE20" s="326">
        <v>0</v>
      </c>
      <c r="CF20" s="327">
        <v>233854</v>
      </c>
      <c r="CG20" s="327">
        <v>245529</v>
      </c>
      <c r="CH20" s="327">
        <v>746407</v>
      </c>
      <c r="CI20" s="327">
        <v>192995</v>
      </c>
      <c r="CJ20" s="327">
        <v>0</v>
      </c>
      <c r="CK20" s="328">
        <v>1418785</v>
      </c>
      <c r="CL20" s="330">
        <v>1440224</v>
      </c>
      <c r="CM20" s="326">
        <v>0</v>
      </c>
      <c r="CN20" s="327">
        <v>0</v>
      </c>
      <c r="CO20" s="328">
        <v>0</v>
      </c>
      <c r="CP20" s="332">
        <v>0</v>
      </c>
      <c r="CQ20" s="327">
        <v>183949</v>
      </c>
      <c r="CR20" s="327">
        <v>245529</v>
      </c>
      <c r="CS20" s="327">
        <v>145519</v>
      </c>
      <c r="CT20" s="327">
        <v>98215</v>
      </c>
      <c r="CU20" s="327">
        <v>0</v>
      </c>
      <c r="CV20" s="328">
        <v>673212</v>
      </c>
      <c r="CW20" s="330">
        <v>673212</v>
      </c>
      <c r="CX20" s="326">
        <v>21439</v>
      </c>
      <c r="CY20" s="327">
        <v>0</v>
      </c>
      <c r="CZ20" s="328">
        <v>21439</v>
      </c>
      <c r="DA20" s="326">
        <v>0</v>
      </c>
      <c r="DB20" s="327">
        <v>49905</v>
      </c>
      <c r="DC20" s="327">
        <v>0</v>
      </c>
      <c r="DD20" s="327">
        <v>600888</v>
      </c>
      <c r="DE20" s="327">
        <v>94780</v>
      </c>
      <c r="DF20" s="327">
        <v>0</v>
      </c>
      <c r="DG20" s="328">
        <v>745573</v>
      </c>
      <c r="DH20" s="330">
        <v>767012</v>
      </c>
      <c r="DI20" s="326">
        <v>0</v>
      </c>
      <c r="DJ20" s="327">
        <v>0</v>
      </c>
      <c r="DK20" s="331">
        <v>0</v>
      </c>
      <c r="DL20" s="332">
        <v>0</v>
      </c>
      <c r="DM20" s="327">
        <v>0</v>
      </c>
      <c r="DN20" s="327">
        <v>404881</v>
      </c>
      <c r="DO20" s="327">
        <v>0</v>
      </c>
      <c r="DP20" s="327">
        <v>272587</v>
      </c>
      <c r="DQ20" s="327">
        <v>0</v>
      </c>
      <c r="DR20" s="328">
        <v>677468</v>
      </c>
      <c r="DS20" s="330">
        <v>677468</v>
      </c>
      <c r="DT20" s="326">
        <v>0</v>
      </c>
      <c r="DU20" s="327">
        <v>0</v>
      </c>
      <c r="DV20" s="328">
        <v>0</v>
      </c>
      <c r="DW20" s="326">
        <v>0</v>
      </c>
      <c r="DX20" s="327">
        <v>0</v>
      </c>
      <c r="DY20" s="327">
        <v>404881</v>
      </c>
      <c r="DZ20" s="327">
        <v>0</v>
      </c>
      <c r="EA20" s="327">
        <v>272587</v>
      </c>
      <c r="EB20" s="327">
        <v>0</v>
      </c>
      <c r="EC20" s="328">
        <v>677468</v>
      </c>
      <c r="ED20" s="330">
        <v>677468</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9600</v>
      </c>
      <c r="FM20" s="327">
        <v>30000</v>
      </c>
      <c r="FN20" s="328">
        <v>39600</v>
      </c>
      <c r="FO20" s="326">
        <v>0</v>
      </c>
      <c r="FP20" s="327">
        <v>39200</v>
      </c>
      <c r="FQ20" s="327">
        <v>154976</v>
      </c>
      <c r="FR20" s="327">
        <v>210616</v>
      </c>
      <c r="FS20" s="327">
        <v>121484</v>
      </c>
      <c r="FT20" s="327">
        <v>108936</v>
      </c>
      <c r="FU20" s="328">
        <v>635212</v>
      </c>
      <c r="FV20" s="330">
        <v>674812</v>
      </c>
      <c r="FW20" s="333">
        <v>9600</v>
      </c>
      <c r="FX20" s="327">
        <v>30000</v>
      </c>
      <c r="FY20" s="331">
        <v>39600</v>
      </c>
      <c r="FZ20" s="332">
        <v>0</v>
      </c>
      <c r="GA20" s="327">
        <v>39200</v>
      </c>
      <c r="GB20" s="327">
        <v>137376</v>
      </c>
      <c r="GC20" s="327">
        <v>208152</v>
      </c>
      <c r="GD20" s="327">
        <v>121484</v>
      </c>
      <c r="GE20" s="327">
        <v>108936</v>
      </c>
      <c r="GF20" s="328">
        <v>615148</v>
      </c>
      <c r="GG20" s="334">
        <v>654748</v>
      </c>
      <c r="GH20" s="333">
        <v>0</v>
      </c>
      <c r="GI20" s="327">
        <v>0</v>
      </c>
      <c r="GJ20" s="331">
        <v>0</v>
      </c>
      <c r="GK20" s="332">
        <v>0</v>
      </c>
      <c r="GL20" s="327">
        <v>0</v>
      </c>
      <c r="GM20" s="327">
        <v>0</v>
      </c>
      <c r="GN20" s="327">
        <v>2464</v>
      </c>
      <c r="GO20" s="327">
        <v>0</v>
      </c>
      <c r="GP20" s="327">
        <v>0</v>
      </c>
      <c r="GQ20" s="328">
        <v>2464</v>
      </c>
      <c r="GR20" s="330">
        <v>2464</v>
      </c>
      <c r="GS20" s="326">
        <v>0</v>
      </c>
      <c r="GT20" s="327">
        <v>0</v>
      </c>
      <c r="GU20" s="328">
        <v>0</v>
      </c>
      <c r="GV20" s="326">
        <v>0</v>
      </c>
      <c r="GW20" s="327">
        <v>0</v>
      </c>
      <c r="GX20" s="327">
        <v>17600</v>
      </c>
      <c r="GY20" s="327">
        <v>0</v>
      </c>
      <c r="GZ20" s="327">
        <v>0</v>
      </c>
      <c r="HA20" s="327">
        <v>0</v>
      </c>
      <c r="HB20" s="331">
        <v>17600</v>
      </c>
      <c r="HC20" s="330">
        <v>17600</v>
      </c>
      <c r="HD20" s="326">
        <v>123358</v>
      </c>
      <c r="HE20" s="327">
        <v>290748</v>
      </c>
      <c r="HF20" s="331">
        <v>414106</v>
      </c>
      <c r="HG20" s="332">
        <v>0</v>
      </c>
      <c r="HH20" s="327">
        <v>1136435</v>
      </c>
      <c r="HI20" s="327">
        <v>176075</v>
      </c>
      <c r="HJ20" s="327">
        <v>820834</v>
      </c>
      <c r="HK20" s="327">
        <v>222326</v>
      </c>
      <c r="HL20" s="327">
        <v>0</v>
      </c>
      <c r="HM20" s="328">
        <v>2355670</v>
      </c>
      <c r="HN20" s="329">
        <v>2769776</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857342</v>
      </c>
      <c r="IE20" s="357">
        <v>1065507</v>
      </c>
      <c r="IF20" s="358">
        <v>527436</v>
      </c>
      <c r="IG20" s="356">
        <v>466129</v>
      </c>
      <c r="IH20" s="358">
        <v>285073</v>
      </c>
      <c r="II20" s="359">
        <v>3201487</v>
      </c>
      <c r="IJ20" s="358">
        <v>3201487</v>
      </c>
      <c r="IK20" s="342">
        <v>0</v>
      </c>
      <c r="IL20" s="343">
        <v>0</v>
      </c>
      <c r="IM20" s="344">
        <v>0</v>
      </c>
      <c r="IN20" s="404">
        <v>0</v>
      </c>
      <c r="IO20" s="345">
        <v>104141</v>
      </c>
      <c r="IP20" s="345">
        <v>0</v>
      </c>
      <c r="IQ20" s="345">
        <v>0</v>
      </c>
      <c r="IR20" s="345">
        <v>267730</v>
      </c>
      <c r="IS20" s="345">
        <v>0</v>
      </c>
      <c r="IT20" s="346">
        <v>371871</v>
      </c>
      <c r="IU20" s="347">
        <v>371871</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291394</v>
      </c>
      <c r="JL20" s="345">
        <v>353821</v>
      </c>
      <c r="JM20" s="345">
        <v>16829</v>
      </c>
      <c r="JN20" s="345">
        <v>142589</v>
      </c>
      <c r="JO20" s="345">
        <v>0</v>
      </c>
      <c r="JP20" s="349">
        <v>804633</v>
      </c>
      <c r="JQ20" s="347">
        <v>804633</v>
      </c>
      <c r="JR20" s="348">
        <v>0</v>
      </c>
      <c r="JS20" s="345">
        <v>0</v>
      </c>
      <c r="JT20" s="346">
        <v>0</v>
      </c>
      <c r="JU20" s="351">
        <v>0</v>
      </c>
      <c r="JV20" s="345">
        <v>0</v>
      </c>
      <c r="JW20" s="345">
        <v>0</v>
      </c>
      <c r="JX20" s="345">
        <v>0</v>
      </c>
      <c r="JY20" s="345">
        <v>50101</v>
      </c>
      <c r="JZ20" s="345">
        <v>0</v>
      </c>
      <c r="KA20" s="349">
        <v>50101</v>
      </c>
      <c r="KB20" s="347">
        <v>50101</v>
      </c>
      <c r="KC20" s="352">
        <v>0</v>
      </c>
      <c r="KD20" s="353">
        <v>0</v>
      </c>
      <c r="KE20" s="349">
        <v>0</v>
      </c>
      <c r="KF20" s="351">
        <v>0</v>
      </c>
      <c r="KG20" s="345">
        <v>-13090</v>
      </c>
      <c r="KH20" s="345">
        <v>158032</v>
      </c>
      <c r="KI20" s="345">
        <v>0</v>
      </c>
      <c r="KJ20" s="345">
        <v>-19625</v>
      </c>
      <c r="KK20" s="345">
        <v>285073</v>
      </c>
      <c r="KL20" s="349">
        <v>410390</v>
      </c>
      <c r="KM20" s="354">
        <v>410390</v>
      </c>
      <c r="KN20" s="342">
        <v>0</v>
      </c>
      <c r="KO20" s="343">
        <v>0</v>
      </c>
      <c r="KP20" s="344">
        <v>0</v>
      </c>
      <c r="KQ20" s="404">
        <v>0</v>
      </c>
      <c r="KR20" s="345">
        <v>474897</v>
      </c>
      <c r="KS20" s="345">
        <v>248524</v>
      </c>
      <c r="KT20" s="345">
        <v>254384</v>
      </c>
      <c r="KU20" s="345">
        <v>0</v>
      </c>
      <c r="KV20" s="345">
        <v>0</v>
      </c>
      <c r="KW20" s="349">
        <v>977805</v>
      </c>
      <c r="KX20" s="347">
        <v>977805</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305130</v>
      </c>
      <c r="MA20" s="345">
        <v>256223</v>
      </c>
      <c r="MB20" s="345">
        <v>25334</v>
      </c>
      <c r="MC20" s="345">
        <v>0</v>
      </c>
      <c r="MD20" s="349">
        <v>586687</v>
      </c>
      <c r="ME20" s="350">
        <v>586687</v>
      </c>
      <c r="MF20" s="348">
        <v>0</v>
      </c>
      <c r="MG20" s="345">
        <v>0</v>
      </c>
      <c r="MH20" s="349">
        <v>0</v>
      </c>
      <c r="MI20" s="404">
        <v>0</v>
      </c>
      <c r="MJ20" s="345">
        <v>0</v>
      </c>
      <c r="MK20" s="345">
        <v>937517</v>
      </c>
      <c r="ML20" s="345">
        <v>1133097</v>
      </c>
      <c r="MM20" s="345">
        <v>4399046</v>
      </c>
      <c r="MN20" s="345">
        <v>1120298</v>
      </c>
      <c r="MO20" s="349">
        <v>7589958</v>
      </c>
      <c r="MP20" s="354">
        <v>7589958</v>
      </c>
      <c r="MQ20" s="348">
        <v>0</v>
      </c>
      <c r="MR20" s="345">
        <v>0</v>
      </c>
      <c r="MS20" s="349">
        <v>0</v>
      </c>
      <c r="MT20" s="404">
        <v>0</v>
      </c>
      <c r="MU20" s="345">
        <v>0</v>
      </c>
      <c r="MV20" s="345">
        <v>0</v>
      </c>
      <c r="MW20" s="345">
        <v>541240</v>
      </c>
      <c r="MX20" s="345">
        <v>3236058</v>
      </c>
      <c r="MY20" s="345">
        <v>814959</v>
      </c>
      <c r="MZ20" s="349">
        <v>4592257</v>
      </c>
      <c r="NA20" s="354">
        <v>4592257</v>
      </c>
      <c r="NB20" s="348">
        <v>0</v>
      </c>
      <c r="NC20" s="345">
        <v>0</v>
      </c>
      <c r="ND20" s="349">
        <v>0</v>
      </c>
      <c r="NE20" s="404">
        <v>0</v>
      </c>
      <c r="NF20" s="345">
        <v>0</v>
      </c>
      <c r="NG20" s="345">
        <v>937517</v>
      </c>
      <c r="NH20" s="345">
        <v>591857</v>
      </c>
      <c r="NI20" s="345">
        <v>1162988</v>
      </c>
      <c r="NJ20" s="345">
        <v>305339</v>
      </c>
      <c r="NK20" s="349">
        <v>2997701</v>
      </c>
      <c r="NL20" s="347">
        <v>2997701</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54397</v>
      </c>
      <c r="OJ20" s="345">
        <v>372807</v>
      </c>
      <c r="OK20" s="346">
        <v>527204</v>
      </c>
      <c r="OL20" s="351">
        <v>0</v>
      </c>
      <c r="OM20" s="345">
        <v>2631509</v>
      </c>
      <c r="ON20" s="345">
        <v>3387632</v>
      </c>
      <c r="OO20" s="345">
        <v>3654780</v>
      </c>
      <c r="OP20" s="345">
        <v>6950044</v>
      </c>
      <c r="OQ20" s="345">
        <v>2424447</v>
      </c>
      <c r="OR20" s="349">
        <v>19048412</v>
      </c>
      <c r="OS20" s="354">
        <v>19575616</v>
      </c>
    </row>
    <row r="21" spans="2:409" s="70" customFormat="1" ht="21" customHeight="1" x14ac:dyDescent="0.2">
      <c r="B21" s="410" t="s">
        <v>16</v>
      </c>
      <c r="C21" s="326">
        <v>683923</v>
      </c>
      <c r="D21" s="327">
        <v>743410</v>
      </c>
      <c r="E21" s="328">
        <v>1427333</v>
      </c>
      <c r="F21" s="329">
        <v>0</v>
      </c>
      <c r="G21" s="327">
        <v>4141894</v>
      </c>
      <c r="H21" s="327">
        <v>7989657</v>
      </c>
      <c r="I21" s="327">
        <v>3714448</v>
      </c>
      <c r="J21" s="327">
        <v>2921479</v>
      </c>
      <c r="K21" s="327">
        <v>2732968</v>
      </c>
      <c r="L21" s="329">
        <v>21500446</v>
      </c>
      <c r="M21" s="330">
        <v>22927779</v>
      </c>
      <c r="N21" s="326">
        <v>203885</v>
      </c>
      <c r="O21" s="327">
        <v>144060</v>
      </c>
      <c r="P21" s="328">
        <v>347945</v>
      </c>
      <c r="Q21" s="326">
        <v>0</v>
      </c>
      <c r="R21" s="327">
        <v>729186</v>
      </c>
      <c r="S21" s="327">
        <v>1549133</v>
      </c>
      <c r="T21" s="327">
        <v>895753</v>
      </c>
      <c r="U21" s="327">
        <v>657193</v>
      </c>
      <c r="V21" s="327">
        <v>719452</v>
      </c>
      <c r="W21" s="328">
        <v>4550717</v>
      </c>
      <c r="X21" s="330">
        <v>4898662</v>
      </c>
      <c r="Y21" s="326">
        <v>0</v>
      </c>
      <c r="Z21" s="327">
        <v>0</v>
      </c>
      <c r="AA21" s="328">
        <v>0</v>
      </c>
      <c r="AB21" s="326">
        <v>0</v>
      </c>
      <c r="AC21" s="327">
        <v>242889</v>
      </c>
      <c r="AD21" s="327">
        <v>292025</v>
      </c>
      <c r="AE21" s="327">
        <v>510504</v>
      </c>
      <c r="AF21" s="327">
        <v>98478</v>
      </c>
      <c r="AG21" s="327">
        <v>299785</v>
      </c>
      <c r="AH21" s="328">
        <v>1443681</v>
      </c>
      <c r="AI21" s="330">
        <v>1443681</v>
      </c>
      <c r="AJ21" s="326">
        <v>0</v>
      </c>
      <c r="AK21" s="327">
        <v>0</v>
      </c>
      <c r="AL21" s="328">
        <v>0</v>
      </c>
      <c r="AM21" s="326">
        <v>0</v>
      </c>
      <c r="AN21" s="327">
        <v>0</v>
      </c>
      <c r="AO21" s="327">
        <v>0</v>
      </c>
      <c r="AP21" s="327">
        <v>46180</v>
      </c>
      <c r="AQ21" s="327">
        <v>92362</v>
      </c>
      <c r="AR21" s="327">
        <v>57726</v>
      </c>
      <c r="AS21" s="328">
        <v>196268</v>
      </c>
      <c r="AT21" s="330">
        <v>196268</v>
      </c>
      <c r="AU21" s="326">
        <v>119011</v>
      </c>
      <c r="AV21" s="327">
        <v>125204</v>
      </c>
      <c r="AW21" s="328">
        <v>244215</v>
      </c>
      <c r="AX21" s="326">
        <v>0</v>
      </c>
      <c r="AY21" s="327">
        <v>315609</v>
      </c>
      <c r="AZ21" s="327">
        <v>830109</v>
      </c>
      <c r="BA21" s="327">
        <v>143213</v>
      </c>
      <c r="BB21" s="327">
        <v>233369</v>
      </c>
      <c r="BC21" s="327">
        <v>219125</v>
      </c>
      <c r="BD21" s="328">
        <v>1741425</v>
      </c>
      <c r="BE21" s="330">
        <v>1985640</v>
      </c>
      <c r="BF21" s="326">
        <v>30146</v>
      </c>
      <c r="BG21" s="327">
        <v>0</v>
      </c>
      <c r="BH21" s="331">
        <v>30146</v>
      </c>
      <c r="BI21" s="332">
        <v>0</v>
      </c>
      <c r="BJ21" s="327">
        <v>0</v>
      </c>
      <c r="BK21" s="327">
        <v>76135</v>
      </c>
      <c r="BL21" s="327">
        <v>0</v>
      </c>
      <c r="BM21" s="327">
        <v>52360</v>
      </c>
      <c r="BN21" s="327">
        <v>0</v>
      </c>
      <c r="BO21" s="328">
        <v>128495</v>
      </c>
      <c r="BP21" s="330">
        <v>158641</v>
      </c>
      <c r="BQ21" s="326">
        <v>54728</v>
      </c>
      <c r="BR21" s="327">
        <v>18856</v>
      </c>
      <c r="BS21" s="328">
        <v>73584</v>
      </c>
      <c r="BT21" s="326">
        <v>0</v>
      </c>
      <c r="BU21" s="327">
        <v>170688</v>
      </c>
      <c r="BV21" s="327">
        <v>350864</v>
      </c>
      <c r="BW21" s="327">
        <v>195856</v>
      </c>
      <c r="BX21" s="327">
        <v>180624</v>
      </c>
      <c r="BY21" s="327">
        <v>142816</v>
      </c>
      <c r="BZ21" s="328">
        <v>1040848</v>
      </c>
      <c r="CA21" s="330">
        <v>1114432</v>
      </c>
      <c r="CB21" s="326">
        <v>61490</v>
      </c>
      <c r="CC21" s="327">
        <v>383466</v>
      </c>
      <c r="CD21" s="328">
        <v>444956</v>
      </c>
      <c r="CE21" s="326">
        <v>0</v>
      </c>
      <c r="CF21" s="327">
        <v>1291095</v>
      </c>
      <c r="CG21" s="327">
        <v>3144408</v>
      </c>
      <c r="CH21" s="327">
        <v>1024283</v>
      </c>
      <c r="CI21" s="327">
        <v>276474</v>
      </c>
      <c r="CJ21" s="327">
        <v>349834</v>
      </c>
      <c r="CK21" s="328">
        <v>6086094</v>
      </c>
      <c r="CL21" s="330">
        <v>6531050</v>
      </c>
      <c r="CM21" s="326">
        <v>0</v>
      </c>
      <c r="CN21" s="327">
        <v>0</v>
      </c>
      <c r="CO21" s="328">
        <v>0</v>
      </c>
      <c r="CP21" s="332">
        <v>0</v>
      </c>
      <c r="CQ21" s="327">
        <v>592685</v>
      </c>
      <c r="CR21" s="327">
        <v>1430596</v>
      </c>
      <c r="CS21" s="327">
        <v>553331</v>
      </c>
      <c r="CT21" s="327">
        <v>276474</v>
      </c>
      <c r="CU21" s="327">
        <v>172830</v>
      </c>
      <c r="CV21" s="328">
        <v>3025916</v>
      </c>
      <c r="CW21" s="330">
        <v>3025916</v>
      </c>
      <c r="CX21" s="326">
        <v>61490</v>
      </c>
      <c r="CY21" s="327">
        <v>383466</v>
      </c>
      <c r="CZ21" s="328">
        <v>444956</v>
      </c>
      <c r="DA21" s="326">
        <v>0</v>
      </c>
      <c r="DB21" s="327">
        <v>698410</v>
      </c>
      <c r="DC21" s="327">
        <v>1713812</v>
      </c>
      <c r="DD21" s="327">
        <v>470952</v>
      </c>
      <c r="DE21" s="327">
        <v>0</v>
      </c>
      <c r="DF21" s="327">
        <v>177004</v>
      </c>
      <c r="DG21" s="328">
        <v>3060178</v>
      </c>
      <c r="DH21" s="330">
        <v>3505134</v>
      </c>
      <c r="DI21" s="326">
        <v>0</v>
      </c>
      <c r="DJ21" s="327">
        <v>0</v>
      </c>
      <c r="DK21" s="331">
        <v>0</v>
      </c>
      <c r="DL21" s="332">
        <v>0</v>
      </c>
      <c r="DM21" s="327">
        <v>22601</v>
      </c>
      <c r="DN21" s="327">
        <v>99257</v>
      </c>
      <c r="DO21" s="327">
        <v>116405</v>
      </c>
      <c r="DP21" s="327">
        <v>127660</v>
      </c>
      <c r="DQ21" s="327">
        <v>96002</v>
      </c>
      <c r="DR21" s="328">
        <v>461925</v>
      </c>
      <c r="DS21" s="330">
        <v>461925</v>
      </c>
      <c r="DT21" s="326">
        <v>0</v>
      </c>
      <c r="DU21" s="327">
        <v>0</v>
      </c>
      <c r="DV21" s="328">
        <v>0</v>
      </c>
      <c r="DW21" s="326">
        <v>0</v>
      </c>
      <c r="DX21" s="327">
        <v>22601</v>
      </c>
      <c r="DY21" s="327">
        <v>53347</v>
      </c>
      <c r="DZ21" s="327">
        <v>69878</v>
      </c>
      <c r="EA21" s="327">
        <v>127660</v>
      </c>
      <c r="EB21" s="327">
        <v>96002</v>
      </c>
      <c r="EC21" s="328">
        <v>369488</v>
      </c>
      <c r="ED21" s="330">
        <v>369488</v>
      </c>
      <c r="EE21" s="326">
        <v>0</v>
      </c>
      <c r="EF21" s="331">
        <v>0</v>
      </c>
      <c r="EG21" s="328">
        <v>0</v>
      </c>
      <c r="EH21" s="326">
        <v>0</v>
      </c>
      <c r="EI21" s="327">
        <v>0</v>
      </c>
      <c r="EJ21" s="327">
        <v>45910</v>
      </c>
      <c r="EK21" s="327">
        <v>46527</v>
      </c>
      <c r="EL21" s="327">
        <v>0</v>
      </c>
      <c r="EM21" s="327">
        <v>0</v>
      </c>
      <c r="EN21" s="331">
        <v>92437</v>
      </c>
      <c r="EO21" s="330">
        <v>92437</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201016</v>
      </c>
      <c r="FM21" s="327">
        <v>149992</v>
      </c>
      <c r="FN21" s="328">
        <v>351008</v>
      </c>
      <c r="FO21" s="326">
        <v>0</v>
      </c>
      <c r="FP21" s="327">
        <v>174611</v>
      </c>
      <c r="FQ21" s="327">
        <v>704344</v>
      </c>
      <c r="FR21" s="327">
        <v>480560</v>
      </c>
      <c r="FS21" s="327">
        <v>132544</v>
      </c>
      <c r="FT21" s="327">
        <v>144304</v>
      </c>
      <c r="FU21" s="328">
        <v>1636363</v>
      </c>
      <c r="FV21" s="330">
        <v>1987371</v>
      </c>
      <c r="FW21" s="333">
        <v>41016</v>
      </c>
      <c r="FX21" s="327">
        <v>113824</v>
      </c>
      <c r="FY21" s="331">
        <v>154840</v>
      </c>
      <c r="FZ21" s="332">
        <v>0</v>
      </c>
      <c r="GA21" s="327">
        <v>127560</v>
      </c>
      <c r="GB21" s="327">
        <v>684944</v>
      </c>
      <c r="GC21" s="327">
        <v>369584</v>
      </c>
      <c r="GD21" s="327">
        <v>119744</v>
      </c>
      <c r="GE21" s="327">
        <v>144304</v>
      </c>
      <c r="GF21" s="328">
        <v>1446136</v>
      </c>
      <c r="GG21" s="334">
        <v>1600976</v>
      </c>
      <c r="GH21" s="333">
        <v>0</v>
      </c>
      <c r="GI21" s="327">
        <v>36168</v>
      </c>
      <c r="GJ21" s="331">
        <v>36168</v>
      </c>
      <c r="GK21" s="332">
        <v>0</v>
      </c>
      <c r="GL21" s="327">
        <v>0</v>
      </c>
      <c r="GM21" s="327">
        <v>19400</v>
      </c>
      <c r="GN21" s="327">
        <v>22176</v>
      </c>
      <c r="GO21" s="327">
        <v>0</v>
      </c>
      <c r="GP21" s="327">
        <v>0</v>
      </c>
      <c r="GQ21" s="328">
        <v>41576</v>
      </c>
      <c r="GR21" s="330">
        <v>77744</v>
      </c>
      <c r="GS21" s="326">
        <v>160000</v>
      </c>
      <c r="GT21" s="327">
        <v>0</v>
      </c>
      <c r="GU21" s="328">
        <v>160000</v>
      </c>
      <c r="GV21" s="326">
        <v>0</v>
      </c>
      <c r="GW21" s="327">
        <v>47051</v>
      </c>
      <c r="GX21" s="327">
        <v>0</v>
      </c>
      <c r="GY21" s="327">
        <v>88800</v>
      </c>
      <c r="GZ21" s="327">
        <v>12800</v>
      </c>
      <c r="HA21" s="327">
        <v>0</v>
      </c>
      <c r="HB21" s="331">
        <v>148651</v>
      </c>
      <c r="HC21" s="330">
        <v>308651</v>
      </c>
      <c r="HD21" s="326">
        <v>217532</v>
      </c>
      <c r="HE21" s="327">
        <v>65892</v>
      </c>
      <c r="HF21" s="331">
        <v>283424</v>
      </c>
      <c r="HG21" s="332">
        <v>0</v>
      </c>
      <c r="HH21" s="327">
        <v>1924401</v>
      </c>
      <c r="HI21" s="327">
        <v>2492515</v>
      </c>
      <c r="HJ21" s="327">
        <v>1197447</v>
      </c>
      <c r="HK21" s="327">
        <v>1727608</v>
      </c>
      <c r="HL21" s="327">
        <v>1423376</v>
      </c>
      <c r="HM21" s="328">
        <v>8765347</v>
      </c>
      <c r="HN21" s="329">
        <v>9048771</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244544</v>
      </c>
      <c r="IE21" s="339">
        <v>1312878</v>
      </c>
      <c r="IF21" s="337">
        <v>1068561</v>
      </c>
      <c r="IG21" s="336">
        <v>1094401</v>
      </c>
      <c r="IH21" s="337">
        <v>786957</v>
      </c>
      <c r="II21" s="340">
        <v>4507341</v>
      </c>
      <c r="IJ21" s="341">
        <v>4507341</v>
      </c>
      <c r="IK21" s="342">
        <v>0</v>
      </c>
      <c r="IL21" s="343">
        <v>0</v>
      </c>
      <c r="IM21" s="344">
        <v>0</v>
      </c>
      <c r="IN21" s="404">
        <v>0</v>
      </c>
      <c r="IO21" s="345">
        <v>0</v>
      </c>
      <c r="IP21" s="345">
        <v>0</v>
      </c>
      <c r="IQ21" s="345">
        <v>151112</v>
      </c>
      <c r="IR21" s="345">
        <v>0</v>
      </c>
      <c r="IS21" s="345">
        <v>0</v>
      </c>
      <c r="IT21" s="346">
        <v>151112</v>
      </c>
      <c r="IU21" s="347">
        <v>151112</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244544</v>
      </c>
      <c r="JL21" s="345">
        <v>410035</v>
      </c>
      <c r="JM21" s="345">
        <v>430095</v>
      </c>
      <c r="JN21" s="345">
        <v>127806</v>
      </c>
      <c r="JO21" s="345">
        <v>62252</v>
      </c>
      <c r="JP21" s="349">
        <v>1274732</v>
      </c>
      <c r="JQ21" s="347">
        <v>1274732</v>
      </c>
      <c r="JR21" s="348">
        <v>0</v>
      </c>
      <c r="JS21" s="345">
        <v>0</v>
      </c>
      <c r="JT21" s="346">
        <v>0</v>
      </c>
      <c r="JU21" s="351">
        <v>0</v>
      </c>
      <c r="JV21" s="345">
        <v>0</v>
      </c>
      <c r="JW21" s="345">
        <v>0</v>
      </c>
      <c r="JX21" s="345">
        <v>111695</v>
      </c>
      <c r="JY21" s="345">
        <v>198071</v>
      </c>
      <c r="JZ21" s="345">
        <v>0</v>
      </c>
      <c r="KA21" s="349">
        <v>309766</v>
      </c>
      <c r="KB21" s="347">
        <v>309766</v>
      </c>
      <c r="KC21" s="352">
        <v>0</v>
      </c>
      <c r="KD21" s="353">
        <v>0</v>
      </c>
      <c r="KE21" s="349">
        <v>0</v>
      </c>
      <c r="KF21" s="351">
        <v>0</v>
      </c>
      <c r="KG21" s="345">
        <v>0</v>
      </c>
      <c r="KH21" s="345">
        <v>0</v>
      </c>
      <c r="KI21" s="345">
        <v>126050</v>
      </c>
      <c r="KJ21" s="345">
        <v>388191</v>
      </c>
      <c r="KK21" s="345">
        <v>176716</v>
      </c>
      <c r="KL21" s="349">
        <v>690957</v>
      </c>
      <c r="KM21" s="354">
        <v>690957</v>
      </c>
      <c r="KN21" s="342">
        <v>0</v>
      </c>
      <c r="KO21" s="343">
        <v>0</v>
      </c>
      <c r="KP21" s="344">
        <v>0</v>
      </c>
      <c r="KQ21" s="404">
        <v>0</v>
      </c>
      <c r="KR21" s="345">
        <v>0</v>
      </c>
      <c r="KS21" s="345">
        <v>723432</v>
      </c>
      <c r="KT21" s="345">
        <v>249609</v>
      </c>
      <c r="KU21" s="345">
        <v>251105</v>
      </c>
      <c r="KV21" s="345">
        <v>547989</v>
      </c>
      <c r="KW21" s="349">
        <v>1772135</v>
      </c>
      <c r="KX21" s="347">
        <v>1772135</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129228</v>
      </c>
      <c r="LR21" s="345">
        <v>0</v>
      </c>
      <c r="LS21" s="349">
        <v>129228</v>
      </c>
      <c r="LT21" s="347">
        <v>129228</v>
      </c>
      <c r="LU21" s="348">
        <v>0</v>
      </c>
      <c r="LV21" s="345">
        <v>0</v>
      </c>
      <c r="LW21" s="349">
        <v>0</v>
      </c>
      <c r="LX21" s="404">
        <v>0</v>
      </c>
      <c r="LY21" s="345">
        <v>0</v>
      </c>
      <c r="LZ21" s="345">
        <v>179411</v>
      </c>
      <c r="MA21" s="345">
        <v>0</v>
      </c>
      <c r="MB21" s="345">
        <v>0</v>
      </c>
      <c r="MC21" s="345">
        <v>0</v>
      </c>
      <c r="MD21" s="349">
        <v>179411</v>
      </c>
      <c r="ME21" s="350">
        <v>179411</v>
      </c>
      <c r="MF21" s="348">
        <v>0</v>
      </c>
      <c r="MG21" s="345">
        <v>0</v>
      </c>
      <c r="MH21" s="349">
        <v>0</v>
      </c>
      <c r="MI21" s="404">
        <v>0</v>
      </c>
      <c r="MJ21" s="345">
        <v>952860</v>
      </c>
      <c r="MK21" s="345">
        <v>713582</v>
      </c>
      <c r="ML21" s="345">
        <v>2598603</v>
      </c>
      <c r="MM21" s="345">
        <v>3774025</v>
      </c>
      <c r="MN21" s="345">
        <v>1790095</v>
      </c>
      <c r="MO21" s="349">
        <v>9829165</v>
      </c>
      <c r="MP21" s="354">
        <v>9829165</v>
      </c>
      <c r="MQ21" s="348">
        <v>0</v>
      </c>
      <c r="MR21" s="345">
        <v>0</v>
      </c>
      <c r="MS21" s="349">
        <v>0</v>
      </c>
      <c r="MT21" s="404">
        <v>0</v>
      </c>
      <c r="MU21" s="345">
        <v>0</v>
      </c>
      <c r="MV21" s="345">
        <v>212802</v>
      </c>
      <c r="MW21" s="345">
        <v>1176917</v>
      </c>
      <c r="MX21" s="345">
        <v>2188784</v>
      </c>
      <c r="MY21" s="345">
        <v>1390457</v>
      </c>
      <c r="MZ21" s="349">
        <v>4968960</v>
      </c>
      <c r="NA21" s="354">
        <v>4968960</v>
      </c>
      <c r="NB21" s="348">
        <v>0</v>
      </c>
      <c r="NC21" s="345">
        <v>0</v>
      </c>
      <c r="ND21" s="349">
        <v>0</v>
      </c>
      <c r="NE21" s="404">
        <v>0</v>
      </c>
      <c r="NF21" s="345">
        <v>952860</v>
      </c>
      <c r="NG21" s="345">
        <v>500780</v>
      </c>
      <c r="NH21" s="345">
        <v>1421686</v>
      </c>
      <c r="NI21" s="345">
        <v>1585241</v>
      </c>
      <c r="NJ21" s="345">
        <v>0</v>
      </c>
      <c r="NK21" s="349">
        <v>4460567</v>
      </c>
      <c r="NL21" s="347">
        <v>4460567</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399638</v>
      </c>
      <c r="OG21" s="349">
        <v>399638</v>
      </c>
      <c r="OH21" s="350">
        <v>399638</v>
      </c>
      <c r="OI21" s="348">
        <v>683923</v>
      </c>
      <c r="OJ21" s="345">
        <v>743410</v>
      </c>
      <c r="OK21" s="346">
        <v>1427333</v>
      </c>
      <c r="OL21" s="351">
        <v>0</v>
      </c>
      <c r="OM21" s="345">
        <v>5339298</v>
      </c>
      <c r="ON21" s="345">
        <v>10016117</v>
      </c>
      <c r="OO21" s="345">
        <v>7381612</v>
      </c>
      <c r="OP21" s="345">
        <v>7789905</v>
      </c>
      <c r="OQ21" s="345">
        <v>5310020</v>
      </c>
      <c r="OR21" s="349">
        <v>35836952</v>
      </c>
      <c r="OS21" s="354">
        <v>37264285</v>
      </c>
    </row>
    <row r="22" spans="2:409" s="70" customFormat="1" ht="21" customHeight="1" x14ac:dyDescent="0.2">
      <c r="B22" s="410" t="s">
        <v>17</v>
      </c>
      <c r="C22" s="326">
        <v>657892</v>
      </c>
      <c r="D22" s="327">
        <v>570277</v>
      </c>
      <c r="E22" s="328">
        <v>1228169</v>
      </c>
      <c r="F22" s="329">
        <v>0</v>
      </c>
      <c r="G22" s="327">
        <v>4063935</v>
      </c>
      <c r="H22" s="327">
        <v>8918017</v>
      </c>
      <c r="I22" s="327">
        <v>5268931</v>
      </c>
      <c r="J22" s="327">
        <v>3624298</v>
      </c>
      <c r="K22" s="327">
        <v>2939066</v>
      </c>
      <c r="L22" s="329">
        <v>24814247</v>
      </c>
      <c r="M22" s="330">
        <v>26042416</v>
      </c>
      <c r="N22" s="326">
        <v>106728</v>
      </c>
      <c r="O22" s="327">
        <v>154009</v>
      </c>
      <c r="P22" s="328">
        <v>260737</v>
      </c>
      <c r="Q22" s="326">
        <v>0</v>
      </c>
      <c r="R22" s="327">
        <v>1136374</v>
      </c>
      <c r="S22" s="327">
        <v>2132427</v>
      </c>
      <c r="T22" s="327">
        <v>2067154</v>
      </c>
      <c r="U22" s="327">
        <v>1789046</v>
      </c>
      <c r="V22" s="327">
        <v>1492720</v>
      </c>
      <c r="W22" s="328">
        <v>8617721</v>
      </c>
      <c r="X22" s="330">
        <v>8878458</v>
      </c>
      <c r="Y22" s="326">
        <v>0</v>
      </c>
      <c r="Z22" s="327">
        <v>0</v>
      </c>
      <c r="AA22" s="328">
        <v>0</v>
      </c>
      <c r="AB22" s="326">
        <v>0</v>
      </c>
      <c r="AC22" s="327">
        <v>266643</v>
      </c>
      <c r="AD22" s="327">
        <v>704235</v>
      </c>
      <c r="AE22" s="327">
        <v>1045722</v>
      </c>
      <c r="AF22" s="327">
        <v>1496082</v>
      </c>
      <c r="AG22" s="327">
        <v>1095385</v>
      </c>
      <c r="AH22" s="328">
        <v>4608067</v>
      </c>
      <c r="AI22" s="330">
        <v>4608067</v>
      </c>
      <c r="AJ22" s="326">
        <v>0</v>
      </c>
      <c r="AK22" s="327">
        <v>0</v>
      </c>
      <c r="AL22" s="328">
        <v>0</v>
      </c>
      <c r="AM22" s="326">
        <v>0</v>
      </c>
      <c r="AN22" s="327">
        <v>0</v>
      </c>
      <c r="AO22" s="327">
        <v>0</v>
      </c>
      <c r="AP22" s="327">
        <v>48973</v>
      </c>
      <c r="AQ22" s="327">
        <v>0</v>
      </c>
      <c r="AR22" s="327">
        <v>24380</v>
      </c>
      <c r="AS22" s="328">
        <v>73353</v>
      </c>
      <c r="AT22" s="330">
        <v>73353</v>
      </c>
      <c r="AU22" s="326">
        <v>0</v>
      </c>
      <c r="AV22" s="327">
        <v>105534</v>
      </c>
      <c r="AW22" s="328">
        <v>105534</v>
      </c>
      <c r="AX22" s="326">
        <v>0</v>
      </c>
      <c r="AY22" s="327">
        <v>654789</v>
      </c>
      <c r="AZ22" s="327">
        <v>794404</v>
      </c>
      <c r="BA22" s="327">
        <v>569131</v>
      </c>
      <c r="BB22" s="327">
        <v>60700</v>
      </c>
      <c r="BC22" s="327">
        <v>182675</v>
      </c>
      <c r="BD22" s="328">
        <v>2261699</v>
      </c>
      <c r="BE22" s="330">
        <v>2367233</v>
      </c>
      <c r="BF22" s="326">
        <v>0</v>
      </c>
      <c r="BG22" s="327">
        <v>21131</v>
      </c>
      <c r="BH22" s="331">
        <v>21131</v>
      </c>
      <c r="BI22" s="332">
        <v>0</v>
      </c>
      <c r="BJ22" s="327">
        <v>25454</v>
      </c>
      <c r="BK22" s="327">
        <v>172948</v>
      </c>
      <c r="BL22" s="327">
        <v>36232</v>
      </c>
      <c r="BM22" s="327">
        <v>0</v>
      </c>
      <c r="BN22" s="327">
        <v>36232</v>
      </c>
      <c r="BO22" s="328">
        <v>270866</v>
      </c>
      <c r="BP22" s="330">
        <v>291997</v>
      </c>
      <c r="BQ22" s="326">
        <v>106728</v>
      </c>
      <c r="BR22" s="327">
        <v>27344</v>
      </c>
      <c r="BS22" s="328">
        <v>134072</v>
      </c>
      <c r="BT22" s="326">
        <v>0</v>
      </c>
      <c r="BU22" s="327">
        <v>189488</v>
      </c>
      <c r="BV22" s="327">
        <v>460840</v>
      </c>
      <c r="BW22" s="327">
        <v>367096</v>
      </c>
      <c r="BX22" s="327">
        <v>232264</v>
      </c>
      <c r="BY22" s="327">
        <v>154048</v>
      </c>
      <c r="BZ22" s="328">
        <v>1403736</v>
      </c>
      <c r="CA22" s="330">
        <v>1537808</v>
      </c>
      <c r="CB22" s="326">
        <v>110806</v>
      </c>
      <c r="CC22" s="327">
        <v>80054</v>
      </c>
      <c r="CD22" s="328">
        <v>190860</v>
      </c>
      <c r="CE22" s="326">
        <v>0</v>
      </c>
      <c r="CF22" s="327">
        <v>1335330</v>
      </c>
      <c r="CG22" s="327">
        <v>2652833</v>
      </c>
      <c r="CH22" s="327">
        <v>1125434</v>
      </c>
      <c r="CI22" s="327">
        <v>407801</v>
      </c>
      <c r="CJ22" s="327">
        <v>292811</v>
      </c>
      <c r="CK22" s="328">
        <v>5814209</v>
      </c>
      <c r="CL22" s="330">
        <v>6005069</v>
      </c>
      <c r="CM22" s="326">
        <v>0</v>
      </c>
      <c r="CN22" s="327">
        <v>0</v>
      </c>
      <c r="CO22" s="328">
        <v>0</v>
      </c>
      <c r="CP22" s="332">
        <v>0</v>
      </c>
      <c r="CQ22" s="327">
        <v>1031739</v>
      </c>
      <c r="CR22" s="327">
        <v>1870110</v>
      </c>
      <c r="CS22" s="327">
        <v>666680</v>
      </c>
      <c r="CT22" s="327">
        <v>348549</v>
      </c>
      <c r="CU22" s="327">
        <v>292811</v>
      </c>
      <c r="CV22" s="328">
        <v>4209889</v>
      </c>
      <c r="CW22" s="330">
        <v>4209889</v>
      </c>
      <c r="CX22" s="326">
        <v>110806</v>
      </c>
      <c r="CY22" s="327">
        <v>80054</v>
      </c>
      <c r="CZ22" s="328">
        <v>190860</v>
      </c>
      <c r="DA22" s="326">
        <v>0</v>
      </c>
      <c r="DB22" s="327">
        <v>303591</v>
      </c>
      <c r="DC22" s="327">
        <v>782723</v>
      </c>
      <c r="DD22" s="327">
        <v>458754</v>
      </c>
      <c r="DE22" s="327">
        <v>59252</v>
      </c>
      <c r="DF22" s="327">
        <v>0</v>
      </c>
      <c r="DG22" s="328">
        <v>1604320</v>
      </c>
      <c r="DH22" s="330">
        <v>1795180</v>
      </c>
      <c r="DI22" s="326">
        <v>0</v>
      </c>
      <c r="DJ22" s="327">
        <v>0</v>
      </c>
      <c r="DK22" s="331">
        <v>0</v>
      </c>
      <c r="DL22" s="332">
        <v>0</v>
      </c>
      <c r="DM22" s="327">
        <v>170382</v>
      </c>
      <c r="DN22" s="327">
        <v>776257</v>
      </c>
      <c r="DO22" s="327">
        <v>331448</v>
      </c>
      <c r="DP22" s="327">
        <v>704667</v>
      </c>
      <c r="DQ22" s="327">
        <v>243752</v>
      </c>
      <c r="DR22" s="328">
        <v>2226506</v>
      </c>
      <c r="DS22" s="330">
        <v>2226506</v>
      </c>
      <c r="DT22" s="326">
        <v>0</v>
      </c>
      <c r="DU22" s="327">
        <v>0</v>
      </c>
      <c r="DV22" s="328">
        <v>0</v>
      </c>
      <c r="DW22" s="326">
        <v>0</v>
      </c>
      <c r="DX22" s="327">
        <v>136993</v>
      </c>
      <c r="DY22" s="327">
        <v>700927</v>
      </c>
      <c r="DZ22" s="327">
        <v>217592</v>
      </c>
      <c r="EA22" s="327">
        <v>704667</v>
      </c>
      <c r="EB22" s="327">
        <v>243752</v>
      </c>
      <c r="EC22" s="328">
        <v>2003931</v>
      </c>
      <c r="ED22" s="330">
        <v>2003931</v>
      </c>
      <c r="EE22" s="326">
        <v>0</v>
      </c>
      <c r="EF22" s="331">
        <v>0</v>
      </c>
      <c r="EG22" s="328">
        <v>0</v>
      </c>
      <c r="EH22" s="326">
        <v>0</v>
      </c>
      <c r="EI22" s="327">
        <v>33389</v>
      </c>
      <c r="EJ22" s="327">
        <v>75330</v>
      </c>
      <c r="EK22" s="327">
        <v>113856</v>
      </c>
      <c r="EL22" s="327">
        <v>0</v>
      </c>
      <c r="EM22" s="327">
        <v>0</v>
      </c>
      <c r="EN22" s="331">
        <v>222575</v>
      </c>
      <c r="EO22" s="330">
        <v>222575</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62160</v>
      </c>
      <c r="FM22" s="327">
        <v>189220</v>
      </c>
      <c r="FN22" s="328">
        <v>351380</v>
      </c>
      <c r="FO22" s="326">
        <v>0</v>
      </c>
      <c r="FP22" s="327">
        <v>83184</v>
      </c>
      <c r="FQ22" s="327">
        <v>873208</v>
      </c>
      <c r="FR22" s="327">
        <v>531168</v>
      </c>
      <c r="FS22" s="327">
        <v>211160</v>
      </c>
      <c r="FT22" s="327">
        <v>191508</v>
      </c>
      <c r="FU22" s="328">
        <v>1890228</v>
      </c>
      <c r="FV22" s="330">
        <v>2241608</v>
      </c>
      <c r="FW22" s="333">
        <v>51760</v>
      </c>
      <c r="FX22" s="327">
        <v>115520</v>
      </c>
      <c r="FY22" s="331">
        <v>167280</v>
      </c>
      <c r="FZ22" s="332">
        <v>0</v>
      </c>
      <c r="GA22" s="327">
        <v>83184</v>
      </c>
      <c r="GB22" s="327">
        <v>839416</v>
      </c>
      <c r="GC22" s="327">
        <v>485168</v>
      </c>
      <c r="GD22" s="327">
        <v>189336</v>
      </c>
      <c r="GE22" s="327">
        <v>114984</v>
      </c>
      <c r="GF22" s="328">
        <v>1712088</v>
      </c>
      <c r="GG22" s="334">
        <v>1879368</v>
      </c>
      <c r="GH22" s="333">
        <v>0</v>
      </c>
      <c r="GI22" s="327">
        <v>13860</v>
      </c>
      <c r="GJ22" s="331">
        <v>13860</v>
      </c>
      <c r="GK22" s="332">
        <v>0</v>
      </c>
      <c r="GL22" s="327">
        <v>0</v>
      </c>
      <c r="GM22" s="327">
        <v>33792</v>
      </c>
      <c r="GN22" s="327">
        <v>25200</v>
      </c>
      <c r="GO22" s="327">
        <v>21824</v>
      </c>
      <c r="GP22" s="327">
        <v>76524</v>
      </c>
      <c r="GQ22" s="328">
        <v>157340</v>
      </c>
      <c r="GR22" s="330">
        <v>171200</v>
      </c>
      <c r="GS22" s="326">
        <v>110400</v>
      </c>
      <c r="GT22" s="327">
        <v>59840</v>
      </c>
      <c r="GU22" s="328">
        <v>170240</v>
      </c>
      <c r="GV22" s="326">
        <v>0</v>
      </c>
      <c r="GW22" s="327">
        <v>0</v>
      </c>
      <c r="GX22" s="327">
        <v>0</v>
      </c>
      <c r="GY22" s="327">
        <v>20800</v>
      </c>
      <c r="GZ22" s="327">
        <v>0</v>
      </c>
      <c r="HA22" s="327">
        <v>0</v>
      </c>
      <c r="HB22" s="331">
        <v>20800</v>
      </c>
      <c r="HC22" s="330">
        <v>191040</v>
      </c>
      <c r="HD22" s="326">
        <v>278198</v>
      </c>
      <c r="HE22" s="327">
        <v>146994</v>
      </c>
      <c r="HF22" s="331">
        <v>425192</v>
      </c>
      <c r="HG22" s="332">
        <v>0</v>
      </c>
      <c r="HH22" s="327">
        <v>1338665</v>
      </c>
      <c r="HI22" s="327">
        <v>2483292</v>
      </c>
      <c r="HJ22" s="327">
        <v>1213727</v>
      </c>
      <c r="HK22" s="327">
        <v>511624</v>
      </c>
      <c r="HL22" s="327">
        <v>718275</v>
      </c>
      <c r="HM22" s="328">
        <v>6265583</v>
      </c>
      <c r="HN22" s="329">
        <v>6690775</v>
      </c>
      <c r="HO22" s="333">
        <v>0</v>
      </c>
      <c r="HP22" s="327">
        <v>0</v>
      </c>
      <c r="HQ22" s="328">
        <v>0</v>
      </c>
      <c r="HR22" s="326">
        <v>0</v>
      </c>
      <c r="HS22" s="327">
        <v>0</v>
      </c>
      <c r="HT22" s="327">
        <v>0</v>
      </c>
      <c r="HU22" s="327">
        <v>0</v>
      </c>
      <c r="HV22" s="327">
        <v>0</v>
      </c>
      <c r="HW22" s="327">
        <v>0</v>
      </c>
      <c r="HX22" s="331">
        <v>0</v>
      </c>
      <c r="HY22" s="330">
        <v>0</v>
      </c>
      <c r="HZ22" s="358">
        <v>23192</v>
      </c>
      <c r="IA22" s="356">
        <v>0</v>
      </c>
      <c r="IB22" s="358">
        <v>23192</v>
      </c>
      <c r="IC22" s="355">
        <v>0</v>
      </c>
      <c r="ID22" s="356">
        <v>797324</v>
      </c>
      <c r="IE22" s="357">
        <v>2081142</v>
      </c>
      <c r="IF22" s="358">
        <v>2748767</v>
      </c>
      <c r="IG22" s="356">
        <v>1474812</v>
      </c>
      <c r="IH22" s="358">
        <v>302520</v>
      </c>
      <c r="II22" s="359">
        <v>7404565</v>
      </c>
      <c r="IJ22" s="358">
        <v>7427757</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770475</v>
      </c>
      <c r="JL22" s="345">
        <v>1100939</v>
      </c>
      <c r="JM22" s="345">
        <v>640377</v>
      </c>
      <c r="JN22" s="345">
        <v>373200</v>
      </c>
      <c r="JO22" s="345">
        <v>0</v>
      </c>
      <c r="JP22" s="349">
        <v>2884991</v>
      </c>
      <c r="JQ22" s="347">
        <v>2884991</v>
      </c>
      <c r="JR22" s="348">
        <v>23192</v>
      </c>
      <c r="JS22" s="345">
        <v>0</v>
      </c>
      <c r="JT22" s="346">
        <v>23192</v>
      </c>
      <c r="JU22" s="351">
        <v>0</v>
      </c>
      <c r="JV22" s="345">
        <v>26849</v>
      </c>
      <c r="JW22" s="345">
        <v>104521</v>
      </c>
      <c r="JX22" s="345">
        <v>74702</v>
      </c>
      <c r="JY22" s="345">
        <v>0</v>
      </c>
      <c r="JZ22" s="345">
        <v>0</v>
      </c>
      <c r="KA22" s="349">
        <v>206072</v>
      </c>
      <c r="KB22" s="347">
        <v>229264</v>
      </c>
      <c r="KC22" s="352">
        <v>0</v>
      </c>
      <c r="KD22" s="353">
        <v>0</v>
      </c>
      <c r="KE22" s="349">
        <v>0</v>
      </c>
      <c r="KF22" s="351">
        <v>0</v>
      </c>
      <c r="KG22" s="345">
        <v>0</v>
      </c>
      <c r="KH22" s="345">
        <v>372946</v>
      </c>
      <c r="KI22" s="345">
        <v>480000</v>
      </c>
      <c r="KJ22" s="345">
        <v>272188</v>
      </c>
      <c r="KK22" s="345">
        <v>302520</v>
      </c>
      <c r="KL22" s="349">
        <v>1427654</v>
      </c>
      <c r="KM22" s="354">
        <v>1427654</v>
      </c>
      <c r="KN22" s="342">
        <v>0</v>
      </c>
      <c r="KO22" s="343">
        <v>0</v>
      </c>
      <c r="KP22" s="344">
        <v>0</v>
      </c>
      <c r="KQ22" s="404">
        <v>0</v>
      </c>
      <c r="KR22" s="345">
        <v>0</v>
      </c>
      <c r="KS22" s="345">
        <v>502736</v>
      </c>
      <c r="KT22" s="345">
        <v>1553688</v>
      </c>
      <c r="KU22" s="345">
        <v>264300</v>
      </c>
      <c r="KV22" s="345">
        <v>0</v>
      </c>
      <c r="KW22" s="349">
        <v>2320724</v>
      </c>
      <c r="KX22" s="347">
        <v>2320724</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565124</v>
      </c>
      <c r="LR22" s="345">
        <v>0</v>
      </c>
      <c r="LS22" s="349">
        <v>565124</v>
      </c>
      <c r="LT22" s="347">
        <v>565124</v>
      </c>
      <c r="LU22" s="348">
        <v>0</v>
      </c>
      <c r="LV22" s="345">
        <v>0</v>
      </c>
      <c r="LW22" s="349">
        <v>0</v>
      </c>
      <c r="LX22" s="404">
        <v>0</v>
      </c>
      <c r="LY22" s="345">
        <v>0</v>
      </c>
      <c r="LZ22" s="345">
        <v>0</v>
      </c>
      <c r="MA22" s="345">
        <v>0</v>
      </c>
      <c r="MB22" s="345">
        <v>0</v>
      </c>
      <c r="MC22" s="345">
        <v>0</v>
      </c>
      <c r="MD22" s="349">
        <v>0</v>
      </c>
      <c r="ME22" s="350">
        <v>0</v>
      </c>
      <c r="MF22" s="348">
        <v>0</v>
      </c>
      <c r="MG22" s="345">
        <v>0</v>
      </c>
      <c r="MH22" s="349">
        <v>0</v>
      </c>
      <c r="MI22" s="404">
        <v>0</v>
      </c>
      <c r="MJ22" s="345">
        <v>230747</v>
      </c>
      <c r="MK22" s="345">
        <v>569276</v>
      </c>
      <c r="ML22" s="345">
        <v>3352633</v>
      </c>
      <c r="MM22" s="345">
        <v>4769854</v>
      </c>
      <c r="MN22" s="345">
        <v>3453845</v>
      </c>
      <c r="MO22" s="349">
        <v>12376355</v>
      </c>
      <c r="MP22" s="354">
        <v>12376355</v>
      </c>
      <c r="MQ22" s="348">
        <v>0</v>
      </c>
      <c r="MR22" s="345">
        <v>0</v>
      </c>
      <c r="MS22" s="349">
        <v>0</v>
      </c>
      <c r="MT22" s="404">
        <v>0</v>
      </c>
      <c r="MU22" s="345">
        <v>0</v>
      </c>
      <c r="MV22" s="345">
        <v>0</v>
      </c>
      <c r="MW22" s="345">
        <v>1864109</v>
      </c>
      <c r="MX22" s="345">
        <v>2812337</v>
      </c>
      <c r="MY22" s="345">
        <v>2533642</v>
      </c>
      <c r="MZ22" s="349">
        <v>7210088</v>
      </c>
      <c r="NA22" s="354">
        <v>7210088</v>
      </c>
      <c r="NB22" s="348">
        <v>0</v>
      </c>
      <c r="NC22" s="345">
        <v>0</v>
      </c>
      <c r="ND22" s="349">
        <v>0</v>
      </c>
      <c r="NE22" s="404">
        <v>0</v>
      </c>
      <c r="NF22" s="345">
        <v>230747</v>
      </c>
      <c r="NG22" s="345">
        <v>569276</v>
      </c>
      <c r="NH22" s="345">
        <v>1488524</v>
      </c>
      <c r="NI22" s="345">
        <v>1957517</v>
      </c>
      <c r="NJ22" s="345">
        <v>920203</v>
      </c>
      <c r="NK22" s="349">
        <v>5166267</v>
      </c>
      <c r="NL22" s="347">
        <v>5166267</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681084</v>
      </c>
      <c r="OJ22" s="345">
        <v>570277</v>
      </c>
      <c r="OK22" s="346">
        <v>1251361</v>
      </c>
      <c r="OL22" s="351">
        <v>0</v>
      </c>
      <c r="OM22" s="345">
        <v>5092006</v>
      </c>
      <c r="ON22" s="345">
        <v>11568435</v>
      </c>
      <c r="OO22" s="345">
        <v>11370331</v>
      </c>
      <c r="OP22" s="345">
        <v>9868964</v>
      </c>
      <c r="OQ22" s="345">
        <v>6695431</v>
      </c>
      <c r="OR22" s="349">
        <v>44595167</v>
      </c>
      <c r="OS22" s="354">
        <v>45846528</v>
      </c>
    </row>
    <row r="23" spans="2:409" s="70" customFormat="1" ht="21" customHeight="1" x14ac:dyDescent="0.2">
      <c r="B23" s="410" t="s">
        <v>18</v>
      </c>
      <c r="C23" s="326">
        <v>366316</v>
      </c>
      <c r="D23" s="327">
        <v>909610</v>
      </c>
      <c r="E23" s="328">
        <v>1275926</v>
      </c>
      <c r="F23" s="329">
        <v>0</v>
      </c>
      <c r="G23" s="327">
        <v>8309421</v>
      </c>
      <c r="H23" s="327">
        <v>8303523</v>
      </c>
      <c r="I23" s="327">
        <v>7974634</v>
      </c>
      <c r="J23" s="327">
        <v>5154501</v>
      </c>
      <c r="K23" s="327">
        <v>3201544</v>
      </c>
      <c r="L23" s="329">
        <v>32943623</v>
      </c>
      <c r="M23" s="330">
        <v>34219549</v>
      </c>
      <c r="N23" s="326">
        <v>157494</v>
      </c>
      <c r="O23" s="327">
        <v>269858</v>
      </c>
      <c r="P23" s="328">
        <v>427352</v>
      </c>
      <c r="Q23" s="326">
        <v>0</v>
      </c>
      <c r="R23" s="327">
        <v>2176974</v>
      </c>
      <c r="S23" s="327">
        <v>2561345</v>
      </c>
      <c r="T23" s="327">
        <v>2734414</v>
      </c>
      <c r="U23" s="327">
        <v>2009751</v>
      </c>
      <c r="V23" s="327">
        <v>1799764</v>
      </c>
      <c r="W23" s="328">
        <v>11282248</v>
      </c>
      <c r="X23" s="330">
        <v>11709600</v>
      </c>
      <c r="Y23" s="326">
        <v>0</v>
      </c>
      <c r="Z23" s="327">
        <v>0</v>
      </c>
      <c r="AA23" s="328">
        <v>0</v>
      </c>
      <c r="AB23" s="326">
        <v>0</v>
      </c>
      <c r="AC23" s="327">
        <v>919628</v>
      </c>
      <c r="AD23" s="327">
        <v>841833</v>
      </c>
      <c r="AE23" s="327">
        <v>1511942</v>
      </c>
      <c r="AF23" s="327">
        <v>557392</v>
      </c>
      <c r="AG23" s="327">
        <v>851921</v>
      </c>
      <c r="AH23" s="328">
        <v>4682716</v>
      </c>
      <c r="AI23" s="330">
        <v>4682716</v>
      </c>
      <c r="AJ23" s="326">
        <v>0</v>
      </c>
      <c r="AK23" s="327">
        <v>0</v>
      </c>
      <c r="AL23" s="328">
        <v>0</v>
      </c>
      <c r="AM23" s="326">
        <v>0</v>
      </c>
      <c r="AN23" s="327">
        <v>0</v>
      </c>
      <c r="AO23" s="327">
        <v>25255</v>
      </c>
      <c r="AP23" s="327">
        <v>0</v>
      </c>
      <c r="AQ23" s="327">
        <v>478688</v>
      </c>
      <c r="AR23" s="327">
        <v>217511</v>
      </c>
      <c r="AS23" s="328">
        <v>721454</v>
      </c>
      <c r="AT23" s="330">
        <v>721454</v>
      </c>
      <c r="AU23" s="326">
        <v>91254</v>
      </c>
      <c r="AV23" s="327">
        <v>216998</v>
      </c>
      <c r="AW23" s="328">
        <v>308252</v>
      </c>
      <c r="AX23" s="326">
        <v>0</v>
      </c>
      <c r="AY23" s="327">
        <v>544567</v>
      </c>
      <c r="AZ23" s="327">
        <v>1015331</v>
      </c>
      <c r="BA23" s="327">
        <v>550835</v>
      </c>
      <c r="BB23" s="327">
        <v>567535</v>
      </c>
      <c r="BC23" s="327">
        <v>436812</v>
      </c>
      <c r="BD23" s="328">
        <v>3115080</v>
      </c>
      <c r="BE23" s="330">
        <v>3423332</v>
      </c>
      <c r="BF23" s="326">
        <v>0</v>
      </c>
      <c r="BG23" s="327">
        <v>30788</v>
      </c>
      <c r="BH23" s="331">
        <v>30788</v>
      </c>
      <c r="BI23" s="332">
        <v>0</v>
      </c>
      <c r="BJ23" s="327">
        <v>89235</v>
      </c>
      <c r="BK23" s="327">
        <v>293846</v>
      </c>
      <c r="BL23" s="327">
        <v>198389</v>
      </c>
      <c r="BM23" s="327">
        <v>67680</v>
      </c>
      <c r="BN23" s="327">
        <v>0</v>
      </c>
      <c r="BO23" s="328">
        <v>649150</v>
      </c>
      <c r="BP23" s="330">
        <v>679938</v>
      </c>
      <c r="BQ23" s="326">
        <v>66240</v>
      </c>
      <c r="BR23" s="327">
        <v>22072</v>
      </c>
      <c r="BS23" s="328">
        <v>88312</v>
      </c>
      <c r="BT23" s="326">
        <v>0</v>
      </c>
      <c r="BU23" s="327">
        <v>623544</v>
      </c>
      <c r="BV23" s="327">
        <v>385080</v>
      </c>
      <c r="BW23" s="327">
        <v>473248</v>
      </c>
      <c r="BX23" s="327">
        <v>338456</v>
      </c>
      <c r="BY23" s="327">
        <v>293520</v>
      </c>
      <c r="BZ23" s="328">
        <v>2113848</v>
      </c>
      <c r="CA23" s="330">
        <v>2202160</v>
      </c>
      <c r="CB23" s="326">
        <v>63457</v>
      </c>
      <c r="CC23" s="327">
        <v>316833</v>
      </c>
      <c r="CD23" s="328">
        <v>380290</v>
      </c>
      <c r="CE23" s="326">
        <v>0</v>
      </c>
      <c r="CF23" s="327">
        <v>2716089</v>
      </c>
      <c r="CG23" s="327">
        <v>2075193</v>
      </c>
      <c r="CH23" s="327">
        <v>2194301</v>
      </c>
      <c r="CI23" s="327">
        <v>334711</v>
      </c>
      <c r="CJ23" s="327">
        <v>246924</v>
      </c>
      <c r="CK23" s="328">
        <v>7567218</v>
      </c>
      <c r="CL23" s="330">
        <v>7947508</v>
      </c>
      <c r="CM23" s="326">
        <v>0</v>
      </c>
      <c r="CN23" s="327">
        <v>0</v>
      </c>
      <c r="CO23" s="328">
        <v>0</v>
      </c>
      <c r="CP23" s="332">
        <v>0</v>
      </c>
      <c r="CQ23" s="327">
        <v>2308161</v>
      </c>
      <c r="CR23" s="327">
        <v>1592897</v>
      </c>
      <c r="CS23" s="327">
        <v>1919628</v>
      </c>
      <c r="CT23" s="327">
        <v>300987</v>
      </c>
      <c r="CU23" s="327">
        <v>195070</v>
      </c>
      <c r="CV23" s="328">
        <v>6316743</v>
      </c>
      <c r="CW23" s="330">
        <v>6316743</v>
      </c>
      <c r="CX23" s="326">
        <v>63457</v>
      </c>
      <c r="CY23" s="327">
        <v>316833</v>
      </c>
      <c r="CZ23" s="328">
        <v>380290</v>
      </c>
      <c r="DA23" s="326">
        <v>0</v>
      </c>
      <c r="DB23" s="327">
        <v>407928</v>
      </c>
      <c r="DC23" s="327">
        <v>482296</v>
      </c>
      <c r="DD23" s="327">
        <v>274673</v>
      </c>
      <c r="DE23" s="327">
        <v>33724</v>
      </c>
      <c r="DF23" s="327">
        <v>51854</v>
      </c>
      <c r="DG23" s="328">
        <v>1250475</v>
      </c>
      <c r="DH23" s="330">
        <v>1630765</v>
      </c>
      <c r="DI23" s="326">
        <v>0</v>
      </c>
      <c r="DJ23" s="327">
        <v>71814</v>
      </c>
      <c r="DK23" s="331">
        <v>71814</v>
      </c>
      <c r="DL23" s="332">
        <v>0</v>
      </c>
      <c r="DM23" s="327">
        <v>169824</v>
      </c>
      <c r="DN23" s="327">
        <v>636755</v>
      </c>
      <c r="DO23" s="327">
        <v>1086808</v>
      </c>
      <c r="DP23" s="327">
        <v>670924</v>
      </c>
      <c r="DQ23" s="327">
        <v>30932</v>
      </c>
      <c r="DR23" s="328">
        <v>2595243</v>
      </c>
      <c r="DS23" s="330">
        <v>2667057</v>
      </c>
      <c r="DT23" s="326">
        <v>0</v>
      </c>
      <c r="DU23" s="327">
        <v>71814</v>
      </c>
      <c r="DV23" s="328">
        <v>71814</v>
      </c>
      <c r="DW23" s="326">
        <v>0</v>
      </c>
      <c r="DX23" s="327">
        <v>169824</v>
      </c>
      <c r="DY23" s="327">
        <v>636755</v>
      </c>
      <c r="DZ23" s="327">
        <v>1086808</v>
      </c>
      <c r="EA23" s="327">
        <v>670924</v>
      </c>
      <c r="EB23" s="327">
        <v>30932</v>
      </c>
      <c r="EC23" s="328">
        <v>2595243</v>
      </c>
      <c r="ED23" s="330">
        <v>2667057</v>
      </c>
      <c r="EE23" s="326">
        <v>0</v>
      </c>
      <c r="EF23" s="331">
        <v>0</v>
      </c>
      <c r="EG23" s="328">
        <v>0</v>
      </c>
      <c r="EH23" s="326">
        <v>0</v>
      </c>
      <c r="EI23" s="327">
        <v>0</v>
      </c>
      <c r="EJ23" s="327">
        <v>0</v>
      </c>
      <c r="EK23" s="327">
        <v>0</v>
      </c>
      <c r="EL23" s="327">
        <v>0</v>
      </c>
      <c r="EM23" s="327">
        <v>0</v>
      </c>
      <c r="EN23" s="331">
        <v>0</v>
      </c>
      <c r="EO23" s="330">
        <v>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38584</v>
      </c>
      <c r="FM23" s="327">
        <v>158056</v>
      </c>
      <c r="FN23" s="328">
        <v>196640</v>
      </c>
      <c r="FO23" s="326">
        <v>0</v>
      </c>
      <c r="FP23" s="327">
        <v>453144</v>
      </c>
      <c r="FQ23" s="327">
        <v>921520</v>
      </c>
      <c r="FR23" s="327">
        <v>552304</v>
      </c>
      <c r="FS23" s="327">
        <v>353304</v>
      </c>
      <c r="FT23" s="327">
        <v>350152</v>
      </c>
      <c r="FU23" s="328">
        <v>2630424</v>
      </c>
      <c r="FV23" s="330">
        <v>2827064</v>
      </c>
      <c r="FW23" s="333">
        <v>38584</v>
      </c>
      <c r="FX23" s="327">
        <v>158056</v>
      </c>
      <c r="FY23" s="331">
        <v>196640</v>
      </c>
      <c r="FZ23" s="332">
        <v>0</v>
      </c>
      <c r="GA23" s="327">
        <v>301944</v>
      </c>
      <c r="GB23" s="327">
        <v>780848</v>
      </c>
      <c r="GC23" s="327">
        <v>523504</v>
      </c>
      <c r="GD23" s="327">
        <v>316344</v>
      </c>
      <c r="GE23" s="327">
        <v>330088</v>
      </c>
      <c r="GF23" s="328">
        <v>2252728</v>
      </c>
      <c r="GG23" s="334">
        <v>2449368</v>
      </c>
      <c r="GH23" s="333">
        <v>0</v>
      </c>
      <c r="GI23" s="327">
        <v>0</v>
      </c>
      <c r="GJ23" s="331">
        <v>0</v>
      </c>
      <c r="GK23" s="332">
        <v>0</v>
      </c>
      <c r="GL23" s="327">
        <v>0</v>
      </c>
      <c r="GM23" s="327">
        <v>12672</v>
      </c>
      <c r="GN23" s="327">
        <v>28800</v>
      </c>
      <c r="GO23" s="327">
        <v>36960</v>
      </c>
      <c r="GP23" s="327">
        <v>20064</v>
      </c>
      <c r="GQ23" s="328">
        <v>98496</v>
      </c>
      <c r="GR23" s="330">
        <v>98496</v>
      </c>
      <c r="GS23" s="326">
        <v>0</v>
      </c>
      <c r="GT23" s="327">
        <v>0</v>
      </c>
      <c r="GU23" s="328">
        <v>0</v>
      </c>
      <c r="GV23" s="326">
        <v>0</v>
      </c>
      <c r="GW23" s="327">
        <v>151200</v>
      </c>
      <c r="GX23" s="327">
        <v>128000</v>
      </c>
      <c r="GY23" s="327">
        <v>0</v>
      </c>
      <c r="GZ23" s="327">
        <v>0</v>
      </c>
      <c r="HA23" s="327">
        <v>0</v>
      </c>
      <c r="HB23" s="331">
        <v>279200</v>
      </c>
      <c r="HC23" s="330">
        <v>279200</v>
      </c>
      <c r="HD23" s="326">
        <v>106781</v>
      </c>
      <c r="HE23" s="327">
        <v>93049</v>
      </c>
      <c r="HF23" s="331">
        <v>199830</v>
      </c>
      <c r="HG23" s="332">
        <v>0</v>
      </c>
      <c r="HH23" s="327">
        <v>2793390</v>
      </c>
      <c r="HI23" s="327">
        <v>2108710</v>
      </c>
      <c r="HJ23" s="327">
        <v>1406807</v>
      </c>
      <c r="HK23" s="327">
        <v>1785811</v>
      </c>
      <c r="HL23" s="327">
        <v>773772</v>
      </c>
      <c r="HM23" s="328">
        <v>8868490</v>
      </c>
      <c r="HN23" s="329">
        <v>9068320</v>
      </c>
      <c r="HO23" s="333">
        <v>0</v>
      </c>
      <c r="HP23" s="327">
        <v>0</v>
      </c>
      <c r="HQ23" s="328">
        <v>0</v>
      </c>
      <c r="HR23" s="326">
        <v>0</v>
      </c>
      <c r="HS23" s="327">
        <v>0</v>
      </c>
      <c r="HT23" s="327">
        <v>0</v>
      </c>
      <c r="HU23" s="327">
        <v>0</v>
      </c>
      <c r="HV23" s="327">
        <v>0</v>
      </c>
      <c r="HW23" s="327">
        <v>0</v>
      </c>
      <c r="HX23" s="331">
        <v>0</v>
      </c>
      <c r="HY23" s="330">
        <v>0</v>
      </c>
      <c r="HZ23" s="335">
        <v>51686</v>
      </c>
      <c r="IA23" s="336">
        <v>0</v>
      </c>
      <c r="IB23" s="337">
        <v>51686</v>
      </c>
      <c r="IC23" s="338">
        <v>0</v>
      </c>
      <c r="ID23" s="336">
        <v>1861428</v>
      </c>
      <c r="IE23" s="339">
        <v>1515015</v>
      </c>
      <c r="IF23" s="337">
        <v>4338392</v>
      </c>
      <c r="IG23" s="336">
        <v>1715435</v>
      </c>
      <c r="IH23" s="337">
        <v>1300591</v>
      </c>
      <c r="II23" s="340">
        <v>10730861</v>
      </c>
      <c r="IJ23" s="341">
        <v>10782547</v>
      </c>
      <c r="IK23" s="342">
        <v>0</v>
      </c>
      <c r="IL23" s="343">
        <v>0</v>
      </c>
      <c r="IM23" s="344">
        <v>0</v>
      </c>
      <c r="IN23" s="404">
        <v>0</v>
      </c>
      <c r="IO23" s="345">
        <v>0</v>
      </c>
      <c r="IP23" s="345">
        <v>0</v>
      </c>
      <c r="IQ23" s="345">
        <v>0</v>
      </c>
      <c r="IR23" s="345">
        <v>0</v>
      </c>
      <c r="IS23" s="345">
        <v>281932</v>
      </c>
      <c r="IT23" s="346">
        <v>281932</v>
      </c>
      <c r="IU23" s="347">
        <v>281932</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777518</v>
      </c>
      <c r="JL23" s="345">
        <v>832241</v>
      </c>
      <c r="JM23" s="345">
        <v>253813</v>
      </c>
      <c r="JN23" s="345">
        <v>0</v>
      </c>
      <c r="JO23" s="345">
        <v>199877</v>
      </c>
      <c r="JP23" s="349">
        <v>2063449</v>
      </c>
      <c r="JQ23" s="347">
        <v>2063449</v>
      </c>
      <c r="JR23" s="348">
        <v>0</v>
      </c>
      <c r="JS23" s="345">
        <v>0</v>
      </c>
      <c r="JT23" s="346">
        <v>0</v>
      </c>
      <c r="JU23" s="351">
        <v>0</v>
      </c>
      <c r="JV23" s="345">
        <v>0</v>
      </c>
      <c r="JW23" s="345">
        <v>62641</v>
      </c>
      <c r="JX23" s="345">
        <v>563697</v>
      </c>
      <c r="JY23" s="345">
        <v>0</v>
      </c>
      <c r="JZ23" s="345">
        <v>287347</v>
      </c>
      <c r="KA23" s="349">
        <v>913685</v>
      </c>
      <c r="KB23" s="347">
        <v>913685</v>
      </c>
      <c r="KC23" s="352">
        <v>51686</v>
      </c>
      <c r="KD23" s="353">
        <v>0</v>
      </c>
      <c r="KE23" s="349">
        <v>51686</v>
      </c>
      <c r="KF23" s="351">
        <v>0</v>
      </c>
      <c r="KG23" s="345">
        <v>609532</v>
      </c>
      <c r="KH23" s="345">
        <v>374717</v>
      </c>
      <c r="KI23" s="345">
        <v>1003817</v>
      </c>
      <c r="KJ23" s="345">
        <v>643177</v>
      </c>
      <c r="KK23" s="345">
        <v>0</v>
      </c>
      <c r="KL23" s="349">
        <v>2631243</v>
      </c>
      <c r="KM23" s="354">
        <v>2682929</v>
      </c>
      <c r="KN23" s="342">
        <v>0</v>
      </c>
      <c r="KO23" s="343">
        <v>0</v>
      </c>
      <c r="KP23" s="344">
        <v>0</v>
      </c>
      <c r="KQ23" s="404">
        <v>0</v>
      </c>
      <c r="KR23" s="345">
        <v>474378</v>
      </c>
      <c r="KS23" s="345">
        <v>245416</v>
      </c>
      <c r="KT23" s="345">
        <v>2032777</v>
      </c>
      <c r="KU23" s="345">
        <v>779074</v>
      </c>
      <c r="KV23" s="345">
        <v>531435</v>
      </c>
      <c r="KW23" s="349">
        <v>4063080</v>
      </c>
      <c r="KX23" s="347">
        <v>4063080</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72309</v>
      </c>
      <c r="LQ23" s="345">
        <v>293184</v>
      </c>
      <c r="LR23" s="345">
        <v>0</v>
      </c>
      <c r="LS23" s="349">
        <v>565493</v>
      </c>
      <c r="LT23" s="347">
        <v>565493</v>
      </c>
      <c r="LU23" s="348">
        <v>0</v>
      </c>
      <c r="LV23" s="345">
        <v>0</v>
      </c>
      <c r="LW23" s="349">
        <v>0</v>
      </c>
      <c r="LX23" s="404">
        <v>0</v>
      </c>
      <c r="LY23" s="345">
        <v>0</v>
      </c>
      <c r="LZ23" s="345">
        <v>0</v>
      </c>
      <c r="MA23" s="345">
        <v>211979</v>
      </c>
      <c r="MB23" s="345">
        <v>0</v>
      </c>
      <c r="MC23" s="345">
        <v>0</v>
      </c>
      <c r="MD23" s="349">
        <v>211979</v>
      </c>
      <c r="ME23" s="350">
        <v>211979</v>
      </c>
      <c r="MF23" s="348">
        <v>0</v>
      </c>
      <c r="MG23" s="345">
        <v>0</v>
      </c>
      <c r="MH23" s="349">
        <v>0</v>
      </c>
      <c r="MI23" s="404">
        <v>0</v>
      </c>
      <c r="MJ23" s="345">
        <v>0</v>
      </c>
      <c r="MK23" s="345">
        <v>1580578</v>
      </c>
      <c r="ML23" s="345">
        <v>5472276</v>
      </c>
      <c r="MM23" s="345">
        <v>6540774</v>
      </c>
      <c r="MN23" s="345">
        <v>1873916</v>
      </c>
      <c r="MO23" s="349">
        <v>15467544</v>
      </c>
      <c r="MP23" s="354">
        <v>15467544</v>
      </c>
      <c r="MQ23" s="348">
        <v>0</v>
      </c>
      <c r="MR23" s="345">
        <v>0</v>
      </c>
      <c r="MS23" s="349">
        <v>0</v>
      </c>
      <c r="MT23" s="404">
        <v>0</v>
      </c>
      <c r="MU23" s="345">
        <v>0</v>
      </c>
      <c r="MV23" s="345">
        <v>0</v>
      </c>
      <c r="MW23" s="345">
        <v>2115967</v>
      </c>
      <c r="MX23" s="345">
        <v>4147228</v>
      </c>
      <c r="MY23" s="345">
        <v>1196463</v>
      </c>
      <c r="MZ23" s="349">
        <v>7459658</v>
      </c>
      <c r="NA23" s="354">
        <v>7459658</v>
      </c>
      <c r="NB23" s="348">
        <v>0</v>
      </c>
      <c r="NC23" s="345">
        <v>0</v>
      </c>
      <c r="ND23" s="349">
        <v>0</v>
      </c>
      <c r="NE23" s="404">
        <v>0</v>
      </c>
      <c r="NF23" s="345">
        <v>0</v>
      </c>
      <c r="NG23" s="345">
        <v>1580578</v>
      </c>
      <c r="NH23" s="345">
        <v>3356309</v>
      </c>
      <c r="NI23" s="345">
        <v>2126450</v>
      </c>
      <c r="NJ23" s="345">
        <v>329559</v>
      </c>
      <c r="NK23" s="349">
        <v>7392896</v>
      </c>
      <c r="NL23" s="347">
        <v>7392896</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267096</v>
      </c>
      <c r="OF23" s="345">
        <v>347894</v>
      </c>
      <c r="OG23" s="349">
        <v>614990</v>
      </c>
      <c r="OH23" s="350">
        <v>614990</v>
      </c>
      <c r="OI23" s="348">
        <v>418002</v>
      </c>
      <c r="OJ23" s="345">
        <v>909610</v>
      </c>
      <c r="OK23" s="346">
        <v>1327612</v>
      </c>
      <c r="OL23" s="351">
        <v>0</v>
      </c>
      <c r="OM23" s="345">
        <v>10170849</v>
      </c>
      <c r="ON23" s="345">
        <v>11399116</v>
      </c>
      <c r="OO23" s="345">
        <v>17785302</v>
      </c>
      <c r="OP23" s="345">
        <v>13410710</v>
      </c>
      <c r="OQ23" s="345">
        <v>6376051</v>
      </c>
      <c r="OR23" s="349">
        <v>59142028</v>
      </c>
      <c r="OS23" s="354">
        <v>60469640</v>
      </c>
    </row>
    <row r="24" spans="2:409" s="70" customFormat="1" ht="21" customHeight="1" x14ac:dyDescent="0.2">
      <c r="B24" s="410" t="s">
        <v>19</v>
      </c>
      <c r="C24" s="326">
        <v>337056</v>
      </c>
      <c r="D24" s="327">
        <v>485628</v>
      </c>
      <c r="E24" s="328">
        <v>822684</v>
      </c>
      <c r="F24" s="329">
        <v>0</v>
      </c>
      <c r="G24" s="327">
        <v>3252025</v>
      </c>
      <c r="H24" s="327">
        <v>4109885</v>
      </c>
      <c r="I24" s="327">
        <v>3027528</v>
      </c>
      <c r="J24" s="327">
        <v>2161653</v>
      </c>
      <c r="K24" s="327">
        <v>1565165</v>
      </c>
      <c r="L24" s="329">
        <v>14116256</v>
      </c>
      <c r="M24" s="330">
        <v>14938940</v>
      </c>
      <c r="N24" s="326">
        <v>86723</v>
      </c>
      <c r="O24" s="327">
        <v>175535</v>
      </c>
      <c r="P24" s="328">
        <v>262258</v>
      </c>
      <c r="Q24" s="326">
        <v>0</v>
      </c>
      <c r="R24" s="327">
        <v>1072261</v>
      </c>
      <c r="S24" s="327">
        <v>991938</v>
      </c>
      <c r="T24" s="327">
        <v>1109970</v>
      </c>
      <c r="U24" s="327">
        <v>835112</v>
      </c>
      <c r="V24" s="327">
        <v>644088</v>
      </c>
      <c r="W24" s="328">
        <v>4653369</v>
      </c>
      <c r="X24" s="330">
        <v>4915627</v>
      </c>
      <c r="Y24" s="326">
        <v>0</v>
      </c>
      <c r="Z24" s="327">
        <v>0</v>
      </c>
      <c r="AA24" s="328">
        <v>0</v>
      </c>
      <c r="AB24" s="326">
        <v>0</v>
      </c>
      <c r="AC24" s="327">
        <v>331681</v>
      </c>
      <c r="AD24" s="327">
        <v>289689</v>
      </c>
      <c r="AE24" s="327">
        <v>520350</v>
      </c>
      <c r="AF24" s="327">
        <v>346903</v>
      </c>
      <c r="AG24" s="327">
        <v>118041</v>
      </c>
      <c r="AH24" s="328">
        <v>1606664</v>
      </c>
      <c r="AI24" s="330">
        <v>1606664</v>
      </c>
      <c r="AJ24" s="326">
        <v>0</v>
      </c>
      <c r="AK24" s="327">
        <v>0</v>
      </c>
      <c r="AL24" s="328">
        <v>0</v>
      </c>
      <c r="AM24" s="326">
        <v>0</v>
      </c>
      <c r="AN24" s="327">
        <v>0</v>
      </c>
      <c r="AO24" s="327">
        <v>0</v>
      </c>
      <c r="AP24" s="327">
        <v>73459</v>
      </c>
      <c r="AQ24" s="327">
        <v>103908</v>
      </c>
      <c r="AR24" s="327">
        <v>185023</v>
      </c>
      <c r="AS24" s="328">
        <v>362390</v>
      </c>
      <c r="AT24" s="330">
        <v>362390</v>
      </c>
      <c r="AU24" s="326">
        <v>15099</v>
      </c>
      <c r="AV24" s="327">
        <v>100375</v>
      </c>
      <c r="AW24" s="328">
        <v>115474</v>
      </c>
      <c r="AX24" s="326">
        <v>0</v>
      </c>
      <c r="AY24" s="327">
        <v>441806</v>
      </c>
      <c r="AZ24" s="327">
        <v>413243</v>
      </c>
      <c r="BA24" s="327">
        <v>234929</v>
      </c>
      <c r="BB24" s="327">
        <v>181838</v>
      </c>
      <c r="BC24" s="327">
        <v>206020</v>
      </c>
      <c r="BD24" s="328">
        <v>1477836</v>
      </c>
      <c r="BE24" s="330">
        <v>1593310</v>
      </c>
      <c r="BF24" s="326">
        <v>0</v>
      </c>
      <c r="BG24" s="327">
        <v>0</v>
      </c>
      <c r="BH24" s="331">
        <v>0</v>
      </c>
      <c r="BI24" s="332">
        <v>0</v>
      </c>
      <c r="BJ24" s="327">
        <v>35878</v>
      </c>
      <c r="BK24" s="327">
        <v>35878</v>
      </c>
      <c r="BL24" s="327">
        <v>0</v>
      </c>
      <c r="BM24" s="327">
        <v>21775</v>
      </c>
      <c r="BN24" s="327">
        <v>31700</v>
      </c>
      <c r="BO24" s="328">
        <v>125231</v>
      </c>
      <c r="BP24" s="330">
        <v>125231</v>
      </c>
      <c r="BQ24" s="326">
        <v>71624</v>
      </c>
      <c r="BR24" s="327">
        <v>75160</v>
      </c>
      <c r="BS24" s="328">
        <v>146784</v>
      </c>
      <c r="BT24" s="326">
        <v>0</v>
      </c>
      <c r="BU24" s="327">
        <v>262896</v>
      </c>
      <c r="BV24" s="327">
        <v>253128</v>
      </c>
      <c r="BW24" s="327">
        <v>281232</v>
      </c>
      <c r="BX24" s="327">
        <v>180688</v>
      </c>
      <c r="BY24" s="327">
        <v>103304</v>
      </c>
      <c r="BZ24" s="328">
        <v>1081248</v>
      </c>
      <c r="CA24" s="330">
        <v>1228032</v>
      </c>
      <c r="CB24" s="326">
        <v>42089</v>
      </c>
      <c r="CC24" s="327">
        <v>81682</v>
      </c>
      <c r="CD24" s="328">
        <v>123771</v>
      </c>
      <c r="CE24" s="326">
        <v>0</v>
      </c>
      <c r="CF24" s="327">
        <v>1099031</v>
      </c>
      <c r="CG24" s="327">
        <v>1508110</v>
      </c>
      <c r="CH24" s="327">
        <v>504960</v>
      </c>
      <c r="CI24" s="327">
        <v>112575</v>
      </c>
      <c r="CJ24" s="327">
        <v>80974</v>
      </c>
      <c r="CK24" s="328">
        <v>3305650</v>
      </c>
      <c r="CL24" s="330">
        <v>3429421</v>
      </c>
      <c r="CM24" s="326">
        <v>0</v>
      </c>
      <c r="CN24" s="327">
        <v>0</v>
      </c>
      <c r="CO24" s="328">
        <v>0</v>
      </c>
      <c r="CP24" s="332">
        <v>0</v>
      </c>
      <c r="CQ24" s="327">
        <v>786243</v>
      </c>
      <c r="CR24" s="327">
        <v>911775</v>
      </c>
      <c r="CS24" s="327">
        <v>314875</v>
      </c>
      <c r="CT24" s="327">
        <v>31282</v>
      </c>
      <c r="CU24" s="327">
        <v>80974</v>
      </c>
      <c r="CV24" s="328">
        <v>2125149</v>
      </c>
      <c r="CW24" s="330">
        <v>2125149</v>
      </c>
      <c r="CX24" s="326">
        <v>42089</v>
      </c>
      <c r="CY24" s="327">
        <v>81682</v>
      </c>
      <c r="CZ24" s="328">
        <v>123771</v>
      </c>
      <c r="DA24" s="326">
        <v>0</v>
      </c>
      <c r="DB24" s="327">
        <v>312788</v>
      </c>
      <c r="DC24" s="327">
        <v>596335</v>
      </c>
      <c r="DD24" s="327">
        <v>190085</v>
      </c>
      <c r="DE24" s="327">
        <v>81293</v>
      </c>
      <c r="DF24" s="327">
        <v>0</v>
      </c>
      <c r="DG24" s="328">
        <v>1180501</v>
      </c>
      <c r="DH24" s="330">
        <v>1304272</v>
      </c>
      <c r="DI24" s="326">
        <v>0</v>
      </c>
      <c r="DJ24" s="327">
        <v>0</v>
      </c>
      <c r="DK24" s="331">
        <v>0</v>
      </c>
      <c r="DL24" s="332">
        <v>0</v>
      </c>
      <c r="DM24" s="327">
        <v>47845</v>
      </c>
      <c r="DN24" s="327">
        <v>156273</v>
      </c>
      <c r="DO24" s="327">
        <v>99575</v>
      </c>
      <c r="DP24" s="327">
        <v>0</v>
      </c>
      <c r="DQ24" s="327">
        <v>27598</v>
      </c>
      <c r="DR24" s="328">
        <v>331291</v>
      </c>
      <c r="DS24" s="330">
        <v>331291</v>
      </c>
      <c r="DT24" s="326">
        <v>0</v>
      </c>
      <c r="DU24" s="327">
        <v>0</v>
      </c>
      <c r="DV24" s="328">
        <v>0</v>
      </c>
      <c r="DW24" s="326">
        <v>0</v>
      </c>
      <c r="DX24" s="327">
        <v>47845</v>
      </c>
      <c r="DY24" s="327">
        <v>17858</v>
      </c>
      <c r="DZ24" s="327">
        <v>0</v>
      </c>
      <c r="EA24" s="327">
        <v>0</v>
      </c>
      <c r="EB24" s="327">
        <v>27598</v>
      </c>
      <c r="EC24" s="328">
        <v>93301</v>
      </c>
      <c r="ED24" s="330">
        <v>93301</v>
      </c>
      <c r="EE24" s="326">
        <v>0</v>
      </c>
      <c r="EF24" s="331">
        <v>0</v>
      </c>
      <c r="EG24" s="328">
        <v>0</v>
      </c>
      <c r="EH24" s="326">
        <v>0</v>
      </c>
      <c r="EI24" s="327">
        <v>0</v>
      </c>
      <c r="EJ24" s="327">
        <v>138415</v>
      </c>
      <c r="EK24" s="327">
        <v>99575</v>
      </c>
      <c r="EL24" s="327">
        <v>0</v>
      </c>
      <c r="EM24" s="327">
        <v>0</v>
      </c>
      <c r="EN24" s="331">
        <v>237990</v>
      </c>
      <c r="EO24" s="330">
        <v>237990</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6000</v>
      </c>
      <c r="FM24" s="327">
        <v>45688</v>
      </c>
      <c r="FN24" s="328">
        <v>81688</v>
      </c>
      <c r="FO24" s="326">
        <v>0</v>
      </c>
      <c r="FP24" s="327">
        <v>236592</v>
      </c>
      <c r="FQ24" s="327">
        <v>384000</v>
      </c>
      <c r="FR24" s="327">
        <v>119728</v>
      </c>
      <c r="FS24" s="327">
        <v>147880</v>
      </c>
      <c r="FT24" s="327">
        <v>338260</v>
      </c>
      <c r="FU24" s="328">
        <v>1226460</v>
      </c>
      <c r="FV24" s="330">
        <v>1308148</v>
      </c>
      <c r="FW24" s="333">
        <v>36000</v>
      </c>
      <c r="FX24" s="327">
        <v>45688</v>
      </c>
      <c r="FY24" s="331">
        <v>81688</v>
      </c>
      <c r="FZ24" s="332">
        <v>0</v>
      </c>
      <c r="GA24" s="327">
        <v>236592</v>
      </c>
      <c r="GB24" s="327">
        <v>384000</v>
      </c>
      <c r="GC24" s="327">
        <v>119728</v>
      </c>
      <c r="GD24" s="327">
        <v>147880</v>
      </c>
      <c r="GE24" s="327">
        <v>186064</v>
      </c>
      <c r="GF24" s="328">
        <v>1074264</v>
      </c>
      <c r="GG24" s="334">
        <v>1155952</v>
      </c>
      <c r="GH24" s="333">
        <v>0</v>
      </c>
      <c r="GI24" s="327">
        <v>0</v>
      </c>
      <c r="GJ24" s="331">
        <v>0</v>
      </c>
      <c r="GK24" s="332">
        <v>0</v>
      </c>
      <c r="GL24" s="327">
        <v>0</v>
      </c>
      <c r="GM24" s="327">
        <v>0</v>
      </c>
      <c r="GN24" s="327">
        <v>0</v>
      </c>
      <c r="GO24" s="327">
        <v>0</v>
      </c>
      <c r="GP24" s="327">
        <v>0</v>
      </c>
      <c r="GQ24" s="328">
        <v>0</v>
      </c>
      <c r="GR24" s="330">
        <v>0</v>
      </c>
      <c r="GS24" s="326">
        <v>0</v>
      </c>
      <c r="GT24" s="327">
        <v>0</v>
      </c>
      <c r="GU24" s="328">
        <v>0</v>
      </c>
      <c r="GV24" s="326">
        <v>0</v>
      </c>
      <c r="GW24" s="327">
        <v>0</v>
      </c>
      <c r="GX24" s="327">
        <v>0</v>
      </c>
      <c r="GY24" s="327">
        <v>0</v>
      </c>
      <c r="GZ24" s="327">
        <v>0</v>
      </c>
      <c r="HA24" s="327">
        <v>152196</v>
      </c>
      <c r="HB24" s="331">
        <v>152196</v>
      </c>
      <c r="HC24" s="330">
        <v>152196</v>
      </c>
      <c r="HD24" s="326">
        <v>172244</v>
      </c>
      <c r="HE24" s="327">
        <v>182723</v>
      </c>
      <c r="HF24" s="331">
        <v>354967</v>
      </c>
      <c r="HG24" s="332">
        <v>0</v>
      </c>
      <c r="HH24" s="327">
        <v>796296</v>
      </c>
      <c r="HI24" s="327">
        <v>1069564</v>
      </c>
      <c r="HJ24" s="327">
        <v>1193295</v>
      </c>
      <c r="HK24" s="327">
        <v>1066086</v>
      </c>
      <c r="HL24" s="327">
        <v>474245</v>
      </c>
      <c r="HM24" s="328">
        <v>4599486</v>
      </c>
      <c r="HN24" s="329">
        <v>4954453</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1051868</v>
      </c>
      <c r="IE24" s="357">
        <v>1064282</v>
      </c>
      <c r="IF24" s="358">
        <v>1448113</v>
      </c>
      <c r="IG24" s="356">
        <v>0</v>
      </c>
      <c r="IH24" s="358">
        <v>1093156</v>
      </c>
      <c r="II24" s="359">
        <v>4657419</v>
      </c>
      <c r="IJ24" s="358">
        <v>4657419</v>
      </c>
      <c r="IK24" s="342">
        <v>0</v>
      </c>
      <c r="IL24" s="343">
        <v>0</v>
      </c>
      <c r="IM24" s="344">
        <v>0</v>
      </c>
      <c r="IN24" s="404">
        <v>0</v>
      </c>
      <c r="IO24" s="345">
        <v>0</v>
      </c>
      <c r="IP24" s="345">
        <v>0</v>
      </c>
      <c r="IQ24" s="345">
        <v>0</v>
      </c>
      <c r="IR24" s="345">
        <v>0</v>
      </c>
      <c r="IS24" s="345">
        <v>0</v>
      </c>
      <c r="IT24" s="346">
        <v>0</v>
      </c>
      <c r="IU24" s="347">
        <v>0</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458713</v>
      </c>
      <c r="JL24" s="345">
        <v>276282</v>
      </c>
      <c r="JM24" s="345">
        <v>20155</v>
      </c>
      <c r="JN24" s="345">
        <v>0</v>
      </c>
      <c r="JO24" s="345">
        <v>0</v>
      </c>
      <c r="JP24" s="349">
        <v>755150</v>
      </c>
      <c r="JQ24" s="347">
        <v>755150</v>
      </c>
      <c r="JR24" s="348">
        <v>0</v>
      </c>
      <c r="JS24" s="345">
        <v>0</v>
      </c>
      <c r="JT24" s="346">
        <v>0</v>
      </c>
      <c r="JU24" s="351">
        <v>0</v>
      </c>
      <c r="JV24" s="345">
        <v>85411</v>
      </c>
      <c r="JW24" s="345">
        <v>113441</v>
      </c>
      <c r="JX24" s="345">
        <v>196879</v>
      </c>
      <c r="JY24" s="345">
        <v>0</v>
      </c>
      <c r="JZ24" s="345">
        <v>0</v>
      </c>
      <c r="KA24" s="349">
        <v>395731</v>
      </c>
      <c r="KB24" s="347">
        <v>395731</v>
      </c>
      <c r="KC24" s="352">
        <v>0</v>
      </c>
      <c r="KD24" s="353">
        <v>0</v>
      </c>
      <c r="KE24" s="349">
        <v>0</v>
      </c>
      <c r="KF24" s="351">
        <v>0</v>
      </c>
      <c r="KG24" s="345">
        <v>278898</v>
      </c>
      <c r="KH24" s="345">
        <v>186287</v>
      </c>
      <c r="KI24" s="345">
        <v>969339</v>
      </c>
      <c r="KJ24" s="345">
        <v>0</v>
      </c>
      <c r="KK24" s="345">
        <v>0</v>
      </c>
      <c r="KL24" s="349">
        <v>1434524</v>
      </c>
      <c r="KM24" s="354">
        <v>1434524</v>
      </c>
      <c r="KN24" s="342">
        <v>0</v>
      </c>
      <c r="KO24" s="343">
        <v>0</v>
      </c>
      <c r="KP24" s="344">
        <v>0</v>
      </c>
      <c r="KQ24" s="404">
        <v>0</v>
      </c>
      <c r="KR24" s="345">
        <v>228846</v>
      </c>
      <c r="KS24" s="345">
        <v>488272</v>
      </c>
      <c r="KT24" s="345">
        <v>0</v>
      </c>
      <c r="KU24" s="345">
        <v>0</v>
      </c>
      <c r="KV24" s="345">
        <v>0</v>
      </c>
      <c r="KW24" s="349">
        <v>717118</v>
      </c>
      <c r="KX24" s="347">
        <v>717118</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261740</v>
      </c>
      <c r="MB24" s="345">
        <v>0</v>
      </c>
      <c r="MC24" s="345">
        <v>1093156</v>
      </c>
      <c r="MD24" s="349">
        <v>1354896</v>
      </c>
      <c r="ME24" s="350">
        <v>1354896</v>
      </c>
      <c r="MF24" s="348">
        <v>0</v>
      </c>
      <c r="MG24" s="345">
        <v>0</v>
      </c>
      <c r="MH24" s="349">
        <v>0</v>
      </c>
      <c r="MI24" s="404">
        <v>0</v>
      </c>
      <c r="MJ24" s="345">
        <v>516182</v>
      </c>
      <c r="MK24" s="345">
        <v>536265</v>
      </c>
      <c r="ML24" s="345">
        <v>1826303</v>
      </c>
      <c r="MM24" s="345">
        <v>2768281</v>
      </c>
      <c r="MN24" s="345">
        <v>1743815</v>
      </c>
      <c r="MO24" s="349">
        <v>7390846</v>
      </c>
      <c r="MP24" s="354">
        <v>7390846</v>
      </c>
      <c r="MQ24" s="348">
        <v>0</v>
      </c>
      <c r="MR24" s="345">
        <v>0</v>
      </c>
      <c r="MS24" s="349">
        <v>0</v>
      </c>
      <c r="MT24" s="404">
        <v>0</v>
      </c>
      <c r="MU24" s="345">
        <v>0</v>
      </c>
      <c r="MV24" s="345">
        <v>0</v>
      </c>
      <c r="MW24" s="345">
        <v>1233130</v>
      </c>
      <c r="MX24" s="345">
        <v>820264</v>
      </c>
      <c r="MY24" s="345">
        <v>972626</v>
      </c>
      <c r="MZ24" s="349">
        <v>3026020</v>
      </c>
      <c r="NA24" s="354">
        <v>3026020</v>
      </c>
      <c r="NB24" s="348">
        <v>0</v>
      </c>
      <c r="NC24" s="345">
        <v>0</v>
      </c>
      <c r="ND24" s="349">
        <v>0</v>
      </c>
      <c r="NE24" s="404">
        <v>0</v>
      </c>
      <c r="NF24" s="345">
        <v>516182</v>
      </c>
      <c r="NG24" s="345">
        <v>536265</v>
      </c>
      <c r="NH24" s="345">
        <v>593173</v>
      </c>
      <c r="NI24" s="345">
        <v>1948017</v>
      </c>
      <c r="NJ24" s="345">
        <v>771189</v>
      </c>
      <c r="NK24" s="349">
        <v>4364826</v>
      </c>
      <c r="NL24" s="347">
        <v>4364826</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37056</v>
      </c>
      <c r="OJ24" s="345">
        <v>485628</v>
      </c>
      <c r="OK24" s="346">
        <v>822684</v>
      </c>
      <c r="OL24" s="351">
        <v>0</v>
      </c>
      <c r="OM24" s="345">
        <v>4820075</v>
      </c>
      <c r="ON24" s="345">
        <v>5710432</v>
      </c>
      <c r="OO24" s="345">
        <v>6301944</v>
      </c>
      <c r="OP24" s="345">
        <v>4929934</v>
      </c>
      <c r="OQ24" s="345">
        <v>4402136</v>
      </c>
      <c r="OR24" s="349">
        <v>26164521</v>
      </c>
      <c r="OS24" s="354">
        <v>26987205</v>
      </c>
    </row>
    <row r="25" spans="2:409" s="70" customFormat="1" ht="21" customHeight="1" x14ac:dyDescent="0.2">
      <c r="B25" s="410" t="s">
        <v>20</v>
      </c>
      <c r="C25" s="326">
        <v>273037</v>
      </c>
      <c r="D25" s="327">
        <v>576008</v>
      </c>
      <c r="E25" s="328">
        <v>849045</v>
      </c>
      <c r="F25" s="326">
        <v>0</v>
      </c>
      <c r="G25" s="327">
        <v>6238642</v>
      </c>
      <c r="H25" s="327">
        <v>3887471</v>
      </c>
      <c r="I25" s="327">
        <v>6734251</v>
      </c>
      <c r="J25" s="327">
        <v>3873693</v>
      </c>
      <c r="K25" s="327">
        <v>1708408</v>
      </c>
      <c r="L25" s="367">
        <v>22442465</v>
      </c>
      <c r="M25" s="330">
        <v>23291510</v>
      </c>
      <c r="N25" s="326">
        <v>129419</v>
      </c>
      <c r="O25" s="327">
        <v>224654</v>
      </c>
      <c r="P25" s="328">
        <v>354073</v>
      </c>
      <c r="Q25" s="326">
        <v>0</v>
      </c>
      <c r="R25" s="327">
        <v>1778978</v>
      </c>
      <c r="S25" s="327">
        <v>1681632</v>
      </c>
      <c r="T25" s="327">
        <v>1663886</v>
      </c>
      <c r="U25" s="327">
        <v>1046802</v>
      </c>
      <c r="V25" s="327">
        <v>695108</v>
      </c>
      <c r="W25" s="328">
        <v>6866406</v>
      </c>
      <c r="X25" s="330">
        <v>7220479</v>
      </c>
      <c r="Y25" s="326">
        <v>0</v>
      </c>
      <c r="Z25" s="327">
        <v>0</v>
      </c>
      <c r="AA25" s="328">
        <v>0</v>
      </c>
      <c r="AB25" s="326">
        <v>0</v>
      </c>
      <c r="AC25" s="327">
        <v>820630</v>
      </c>
      <c r="AD25" s="327">
        <v>762215</v>
      </c>
      <c r="AE25" s="327">
        <v>567962</v>
      </c>
      <c r="AF25" s="327">
        <v>512676</v>
      </c>
      <c r="AG25" s="327">
        <v>371359</v>
      </c>
      <c r="AH25" s="328">
        <v>3034842</v>
      </c>
      <c r="AI25" s="330">
        <v>3034842</v>
      </c>
      <c r="AJ25" s="326">
        <v>0</v>
      </c>
      <c r="AK25" s="327">
        <v>0</v>
      </c>
      <c r="AL25" s="328">
        <v>0</v>
      </c>
      <c r="AM25" s="326">
        <v>0</v>
      </c>
      <c r="AN25" s="327">
        <v>0</v>
      </c>
      <c r="AO25" s="327">
        <v>0</v>
      </c>
      <c r="AP25" s="327">
        <v>0</v>
      </c>
      <c r="AQ25" s="327">
        <v>70858</v>
      </c>
      <c r="AR25" s="327">
        <v>84074</v>
      </c>
      <c r="AS25" s="328">
        <v>154932</v>
      </c>
      <c r="AT25" s="330">
        <v>154932</v>
      </c>
      <c r="AU25" s="326">
        <v>74467</v>
      </c>
      <c r="AV25" s="327">
        <v>119359</v>
      </c>
      <c r="AW25" s="328">
        <v>193826</v>
      </c>
      <c r="AX25" s="326">
        <v>0</v>
      </c>
      <c r="AY25" s="327">
        <v>634269</v>
      </c>
      <c r="AZ25" s="327">
        <v>535045</v>
      </c>
      <c r="BA25" s="327">
        <v>437650</v>
      </c>
      <c r="BB25" s="327">
        <v>202549</v>
      </c>
      <c r="BC25" s="327">
        <v>68516</v>
      </c>
      <c r="BD25" s="328">
        <v>1878029</v>
      </c>
      <c r="BE25" s="330">
        <v>2071855</v>
      </c>
      <c r="BF25" s="326">
        <v>39432</v>
      </c>
      <c r="BG25" s="327">
        <v>60103</v>
      </c>
      <c r="BH25" s="331">
        <v>99535</v>
      </c>
      <c r="BI25" s="332">
        <v>0</v>
      </c>
      <c r="BJ25" s="327">
        <v>78983</v>
      </c>
      <c r="BK25" s="327">
        <v>223076</v>
      </c>
      <c r="BL25" s="327">
        <v>204954</v>
      </c>
      <c r="BM25" s="327">
        <v>25839</v>
      </c>
      <c r="BN25" s="327">
        <v>49095</v>
      </c>
      <c r="BO25" s="328">
        <v>581947</v>
      </c>
      <c r="BP25" s="330">
        <v>681482</v>
      </c>
      <c r="BQ25" s="326">
        <v>15520</v>
      </c>
      <c r="BR25" s="327">
        <v>45192</v>
      </c>
      <c r="BS25" s="328">
        <v>60712</v>
      </c>
      <c r="BT25" s="326">
        <v>0</v>
      </c>
      <c r="BU25" s="327">
        <v>245096</v>
      </c>
      <c r="BV25" s="327">
        <v>161296</v>
      </c>
      <c r="BW25" s="327">
        <v>453320</v>
      </c>
      <c r="BX25" s="327">
        <v>234880</v>
      </c>
      <c r="BY25" s="327">
        <v>122064</v>
      </c>
      <c r="BZ25" s="328">
        <v>1216656</v>
      </c>
      <c r="CA25" s="330">
        <v>1277368</v>
      </c>
      <c r="CB25" s="326">
        <v>41205</v>
      </c>
      <c r="CC25" s="327">
        <v>41156</v>
      </c>
      <c r="CD25" s="328">
        <v>82361</v>
      </c>
      <c r="CE25" s="326">
        <v>0</v>
      </c>
      <c r="CF25" s="327">
        <v>2084689</v>
      </c>
      <c r="CG25" s="327">
        <v>1542498</v>
      </c>
      <c r="CH25" s="327">
        <v>1350403</v>
      </c>
      <c r="CI25" s="327">
        <v>430105</v>
      </c>
      <c r="CJ25" s="327">
        <v>160236</v>
      </c>
      <c r="CK25" s="328">
        <v>5567931</v>
      </c>
      <c r="CL25" s="330">
        <v>5650292</v>
      </c>
      <c r="CM25" s="326">
        <v>0</v>
      </c>
      <c r="CN25" s="327">
        <v>0</v>
      </c>
      <c r="CO25" s="328">
        <v>0</v>
      </c>
      <c r="CP25" s="332">
        <v>0</v>
      </c>
      <c r="CQ25" s="327">
        <v>1430926</v>
      </c>
      <c r="CR25" s="327">
        <v>1115568</v>
      </c>
      <c r="CS25" s="327">
        <v>1053469</v>
      </c>
      <c r="CT25" s="327">
        <v>318953</v>
      </c>
      <c r="CU25" s="327">
        <v>54030</v>
      </c>
      <c r="CV25" s="328">
        <v>3972946</v>
      </c>
      <c r="CW25" s="330">
        <v>3972946</v>
      </c>
      <c r="CX25" s="326">
        <v>41205</v>
      </c>
      <c r="CY25" s="327">
        <v>41156</v>
      </c>
      <c r="CZ25" s="328">
        <v>82361</v>
      </c>
      <c r="DA25" s="326">
        <v>0</v>
      </c>
      <c r="DB25" s="327">
        <v>653763</v>
      </c>
      <c r="DC25" s="327">
        <v>426930</v>
      </c>
      <c r="DD25" s="327">
        <v>296934</v>
      </c>
      <c r="DE25" s="327">
        <v>111152</v>
      </c>
      <c r="DF25" s="327">
        <v>106206</v>
      </c>
      <c r="DG25" s="328">
        <v>1594985</v>
      </c>
      <c r="DH25" s="330">
        <v>1677346</v>
      </c>
      <c r="DI25" s="326">
        <v>0</v>
      </c>
      <c r="DJ25" s="327">
        <v>0</v>
      </c>
      <c r="DK25" s="331">
        <v>0</v>
      </c>
      <c r="DL25" s="332">
        <v>0</v>
      </c>
      <c r="DM25" s="327">
        <v>453090</v>
      </c>
      <c r="DN25" s="327">
        <v>149493</v>
      </c>
      <c r="DO25" s="327">
        <v>798504</v>
      </c>
      <c r="DP25" s="327">
        <v>657044</v>
      </c>
      <c r="DQ25" s="327">
        <v>64394</v>
      </c>
      <c r="DR25" s="328">
        <v>2122525</v>
      </c>
      <c r="DS25" s="330">
        <v>2122525</v>
      </c>
      <c r="DT25" s="326">
        <v>0</v>
      </c>
      <c r="DU25" s="327">
        <v>0</v>
      </c>
      <c r="DV25" s="328">
        <v>0</v>
      </c>
      <c r="DW25" s="326">
        <v>0</v>
      </c>
      <c r="DX25" s="327">
        <v>453090</v>
      </c>
      <c r="DY25" s="327">
        <v>149493</v>
      </c>
      <c r="DZ25" s="327">
        <v>738460</v>
      </c>
      <c r="EA25" s="327">
        <v>502140</v>
      </c>
      <c r="EB25" s="327">
        <v>64394</v>
      </c>
      <c r="EC25" s="328">
        <v>1907577</v>
      </c>
      <c r="ED25" s="330">
        <v>1907577</v>
      </c>
      <c r="EE25" s="326">
        <v>0</v>
      </c>
      <c r="EF25" s="331">
        <v>0</v>
      </c>
      <c r="EG25" s="328">
        <v>0</v>
      </c>
      <c r="EH25" s="326">
        <v>0</v>
      </c>
      <c r="EI25" s="327">
        <v>0</v>
      </c>
      <c r="EJ25" s="327">
        <v>0</v>
      </c>
      <c r="EK25" s="327">
        <v>60044</v>
      </c>
      <c r="EL25" s="327">
        <v>154904</v>
      </c>
      <c r="EM25" s="327">
        <v>0</v>
      </c>
      <c r="EN25" s="331">
        <v>214948</v>
      </c>
      <c r="EO25" s="330">
        <v>214948</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49512</v>
      </c>
      <c r="FM25" s="327">
        <v>121416</v>
      </c>
      <c r="FN25" s="328">
        <v>170928</v>
      </c>
      <c r="FO25" s="326">
        <v>0</v>
      </c>
      <c r="FP25" s="327">
        <v>805928</v>
      </c>
      <c r="FQ25" s="327">
        <v>513848</v>
      </c>
      <c r="FR25" s="327">
        <v>401976</v>
      </c>
      <c r="FS25" s="327">
        <v>307600</v>
      </c>
      <c r="FT25" s="327">
        <v>314624</v>
      </c>
      <c r="FU25" s="328">
        <v>2343976</v>
      </c>
      <c r="FV25" s="330">
        <v>2514904</v>
      </c>
      <c r="FW25" s="333">
        <v>49512</v>
      </c>
      <c r="FX25" s="327">
        <v>121416</v>
      </c>
      <c r="FY25" s="331">
        <v>170928</v>
      </c>
      <c r="FZ25" s="332">
        <v>0</v>
      </c>
      <c r="GA25" s="327">
        <v>341128</v>
      </c>
      <c r="GB25" s="327">
        <v>410968</v>
      </c>
      <c r="GC25" s="327">
        <v>401976</v>
      </c>
      <c r="GD25" s="327">
        <v>279440</v>
      </c>
      <c r="GE25" s="327">
        <v>139664</v>
      </c>
      <c r="GF25" s="328">
        <v>1573176</v>
      </c>
      <c r="GG25" s="334">
        <v>1744104</v>
      </c>
      <c r="GH25" s="333">
        <v>0</v>
      </c>
      <c r="GI25" s="327">
        <v>0</v>
      </c>
      <c r="GJ25" s="331">
        <v>0</v>
      </c>
      <c r="GK25" s="332">
        <v>0</v>
      </c>
      <c r="GL25" s="327">
        <v>0</v>
      </c>
      <c r="GM25" s="327">
        <v>32800</v>
      </c>
      <c r="GN25" s="327">
        <v>0</v>
      </c>
      <c r="GO25" s="327">
        <v>28160</v>
      </c>
      <c r="GP25" s="327">
        <v>0</v>
      </c>
      <c r="GQ25" s="328">
        <v>60960</v>
      </c>
      <c r="GR25" s="330">
        <v>60960</v>
      </c>
      <c r="GS25" s="326">
        <v>0</v>
      </c>
      <c r="GT25" s="327">
        <v>0</v>
      </c>
      <c r="GU25" s="328">
        <v>0</v>
      </c>
      <c r="GV25" s="326">
        <v>0</v>
      </c>
      <c r="GW25" s="327">
        <v>464800</v>
      </c>
      <c r="GX25" s="327">
        <v>70080</v>
      </c>
      <c r="GY25" s="327">
        <v>0</v>
      </c>
      <c r="GZ25" s="327">
        <v>0</v>
      </c>
      <c r="HA25" s="327">
        <v>174960</v>
      </c>
      <c r="HB25" s="331">
        <v>709840</v>
      </c>
      <c r="HC25" s="330">
        <v>709840</v>
      </c>
      <c r="HD25" s="326">
        <v>52901</v>
      </c>
      <c r="HE25" s="327">
        <v>188782</v>
      </c>
      <c r="HF25" s="331">
        <v>241683</v>
      </c>
      <c r="HG25" s="332">
        <v>0</v>
      </c>
      <c r="HH25" s="327">
        <v>1115957</v>
      </c>
      <c r="HI25" s="327">
        <v>0</v>
      </c>
      <c r="HJ25" s="327">
        <v>2519482</v>
      </c>
      <c r="HK25" s="327">
        <v>1432142</v>
      </c>
      <c r="HL25" s="327">
        <v>474046</v>
      </c>
      <c r="HM25" s="328">
        <v>5541627</v>
      </c>
      <c r="HN25" s="329">
        <v>5783310</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501976</v>
      </c>
      <c r="IE25" s="339">
        <v>1280338</v>
      </c>
      <c r="IF25" s="337">
        <v>1262488</v>
      </c>
      <c r="IG25" s="336">
        <v>358405</v>
      </c>
      <c r="IH25" s="337">
        <v>0</v>
      </c>
      <c r="II25" s="340">
        <v>3403207</v>
      </c>
      <c r="IJ25" s="341">
        <v>3403207</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501976</v>
      </c>
      <c r="JL25" s="345">
        <v>792253</v>
      </c>
      <c r="JM25" s="345">
        <v>248405</v>
      </c>
      <c r="JN25" s="345">
        <v>71267</v>
      </c>
      <c r="JO25" s="345">
        <v>0</v>
      </c>
      <c r="JP25" s="349">
        <v>1613901</v>
      </c>
      <c r="JQ25" s="347">
        <v>1613901</v>
      </c>
      <c r="JR25" s="348">
        <v>0</v>
      </c>
      <c r="JS25" s="345">
        <v>0</v>
      </c>
      <c r="JT25" s="346">
        <v>0</v>
      </c>
      <c r="JU25" s="351">
        <v>0</v>
      </c>
      <c r="JV25" s="345">
        <v>0</v>
      </c>
      <c r="JW25" s="345">
        <v>0</v>
      </c>
      <c r="JX25" s="345">
        <v>0</v>
      </c>
      <c r="JY25" s="345">
        <v>21430</v>
      </c>
      <c r="JZ25" s="345">
        <v>0</v>
      </c>
      <c r="KA25" s="349">
        <v>21430</v>
      </c>
      <c r="KB25" s="347">
        <v>21430</v>
      </c>
      <c r="KC25" s="352">
        <v>0</v>
      </c>
      <c r="KD25" s="353">
        <v>0</v>
      </c>
      <c r="KE25" s="349">
        <v>0</v>
      </c>
      <c r="KF25" s="351">
        <v>0</v>
      </c>
      <c r="KG25" s="345">
        <v>0</v>
      </c>
      <c r="KH25" s="345">
        <v>0</v>
      </c>
      <c r="KI25" s="345">
        <v>245103</v>
      </c>
      <c r="KJ25" s="345">
        <v>0</v>
      </c>
      <c r="KK25" s="345">
        <v>0</v>
      </c>
      <c r="KL25" s="349">
        <v>245103</v>
      </c>
      <c r="KM25" s="354">
        <v>245103</v>
      </c>
      <c r="KN25" s="342">
        <v>0</v>
      </c>
      <c r="KO25" s="343">
        <v>0</v>
      </c>
      <c r="KP25" s="344">
        <v>0</v>
      </c>
      <c r="KQ25" s="404">
        <v>0</v>
      </c>
      <c r="KR25" s="345">
        <v>0</v>
      </c>
      <c r="KS25" s="345">
        <v>488085</v>
      </c>
      <c r="KT25" s="345">
        <v>768980</v>
      </c>
      <c r="KU25" s="345">
        <v>265708</v>
      </c>
      <c r="KV25" s="345">
        <v>0</v>
      </c>
      <c r="KW25" s="349">
        <v>1522773</v>
      </c>
      <c r="KX25" s="347">
        <v>1522773</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63892</v>
      </c>
      <c r="MK25" s="345">
        <v>339455</v>
      </c>
      <c r="ML25" s="345">
        <v>1051060</v>
      </c>
      <c r="MM25" s="345">
        <v>3168843</v>
      </c>
      <c r="MN25" s="345">
        <v>2010727</v>
      </c>
      <c r="MO25" s="349">
        <v>6633977</v>
      </c>
      <c r="MP25" s="354">
        <v>6633977</v>
      </c>
      <c r="MQ25" s="348">
        <v>0</v>
      </c>
      <c r="MR25" s="345">
        <v>0</v>
      </c>
      <c r="MS25" s="349">
        <v>0</v>
      </c>
      <c r="MT25" s="404">
        <v>0</v>
      </c>
      <c r="MU25" s="345">
        <v>0</v>
      </c>
      <c r="MV25" s="345">
        <v>339455</v>
      </c>
      <c r="MW25" s="345">
        <v>1051060</v>
      </c>
      <c r="MX25" s="345">
        <v>2267122</v>
      </c>
      <c r="MY25" s="345">
        <v>2010727</v>
      </c>
      <c r="MZ25" s="349">
        <v>5668364</v>
      </c>
      <c r="NA25" s="354">
        <v>5668364</v>
      </c>
      <c r="NB25" s="348">
        <v>0</v>
      </c>
      <c r="NC25" s="345">
        <v>0</v>
      </c>
      <c r="ND25" s="349">
        <v>0</v>
      </c>
      <c r="NE25" s="404">
        <v>0</v>
      </c>
      <c r="NF25" s="345">
        <v>63892</v>
      </c>
      <c r="NG25" s="345">
        <v>0</v>
      </c>
      <c r="NH25" s="345">
        <v>0</v>
      </c>
      <c r="NI25" s="345">
        <v>901721</v>
      </c>
      <c r="NJ25" s="345">
        <v>0</v>
      </c>
      <c r="NK25" s="349">
        <v>965613</v>
      </c>
      <c r="NL25" s="347">
        <v>965613</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273037</v>
      </c>
      <c r="OJ25" s="345">
        <v>576008</v>
      </c>
      <c r="OK25" s="346">
        <v>849045</v>
      </c>
      <c r="OL25" s="351">
        <v>0</v>
      </c>
      <c r="OM25" s="345">
        <v>6804510</v>
      </c>
      <c r="ON25" s="345">
        <v>5507264</v>
      </c>
      <c r="OO25" s="345">
        <v>9047799</v>
      </c>
      <c r="OP25" s="345">
        <v>7400941</v>
      </c>
      <c r="OQ25" s="345">
        <v>3719135</v>
      </c>
      <c r="OR25" s="349">
        <v>32479649</v>
      </c>
      <c r="OS25" s="354">
        <v>33328694</v>
      </c>
    </row>
    <row r="26" spans="2:409" s="70" customFormat="1" ht="21" customHeight="1" x14ac:dyDescent="0.2">
      <c r="B26" s="410" t="s">
        <v>21</v>
      </c>
      <c r="C26" s="326">
        <v>468845</v>
      </c>
      <c r="D26" s="327">
        <v>403726</v>
      </c>
      <c r="E26" s="328">
        <v>872571</v>
      </c>
      <c r="F26" s="329">
        <v>0</v>
      </c>
      <c r="G26" s="327">
        <v>3463246</v>
      </c>
      <c r="H26" s="327">
        <v>4502354</v>
      </c>
      <c r="I26" s="327">
        <v>2288808</v>
      </c>
      <c r="J26" s="327">
        <v>3705862</v>
      </c>
      <c r="K26" s="327">
        <v>3168646</v>
      </c>
      <c r="L26" s="367">
        <v>17128916</v>
      </c>
      <c r="M26" s="330">
        <v>18001487</v>
      </c>
      <c r="N26" s="326">
        <v>162964</v>
      </c>
      <c r="O26" s="327">
        <v>126196</v>
      </c>
      <c r="P26" s="328">
        <v>289160</v>
      </c>
      <c r="Q26" s="326">
        <v>0</v>
      </c>
      <c r="R26" s="327">
        <v>1234631</v>
      </c>
      <c r="S26" s="327">
        <v>1606290</v>
      </c>
      <c r="T26" s="327">
        <v>678859</v>
      </c>
      <c r="U26" s="327">
        <v>1282945</v>
      </c>
      <c r="V26" s="327">
        <v>2184530</v>
      </c>
      <c r="W26" s="328">
        <v>6987255</v>
      </c>
      <c r="X26" s="330">
        <v>7276415</v>
      </c>
      <c r="Y26" s="326">
        <v>0</v>
      </c>
      <c r="Z26" s="327">
        <v>0</v>
      </c>
      <c r="AA26" s="328">
        <v>0</v>
      </c>
      <c r="AB26" s="326">
        <v>0</v>
      </c>
      <c r="AC26" s="327">
        <v>440214</v>
      </c>
      <c r="AD26" s="327">
        <v>576040</v>
      </c>
      <c r="AE26" s="327">
        <v>288812</v>
      </c>
      <c r="AF26" s="327">
        <v>471183</v>
      </c>
      <c r="AG26" s="327">
        <v>1643847</v>
      </c>
      <c r="AH26" s="328">
        <v>3420096</v>
      </c>
      <c r="AI26" s="330">
        <v>3420096</v>
      </c>
      <c r="AJ26" s="326">
        <v>0</v>
      </c>
      <c r="AK26" s="327">
        <v>0</v>
      </c>
      <c r="AL26" s="328">
        <v>0</v>
      </c>
      <c r="AM26" s="326">
        <v>0</v>
      </c>
      <c r="AN26" s="327">
        <v>0</v>
      </c>
      <c r="AO26" s="327">
        <v>0</v>
      </c>
      <c r="AP26" s="327">
        <v>0</v>
      </c>
      <c r="AQ26" s="327">
        <v>47422</v>
      </c>
      <c r="AR26" s="327">
        <v>95464</v>
      </c>
      <c r="AS26" s="328">
        <v>142886</v>
      </c>
      <c r="AT26" s="330">
        <v>142886</v>
      </c>
      <c r="AU26" s="326">
        <v>52804</v>
      </c>
      <c r="AV26" s="327">
        <v>90519</v>
      </c>
      <c r="AW26" s="328">
        <v>143323</v>
      </c>
      <c r="AX26" s="326">
        <v>0</v>
      </c>
      <c r="AY26" s="327">
        <v>562865</v>
      </c>
      <c r="AZ26" s="327">
        <v>676758</v>
      </c>
      <c r="BA26" s="327">
        <v>260335</v>
      </c>
      <c r="BB26" s="327">
        <v>534044</v>
      </c>
      <c r="BC26" s="327">
        <v>268391</v>
      </c>
      <c r="BD26" s="328">
        <v>2302393</v>
      </c>
      <c r="BE26" s="330">
        <v>2445716</v>
      </c>
      <c r="BF26" s="326">
        <v>72632</v>
      </c>
      <c r="BG26" s="327">
        <v>20525</v>
      </c>
      <c r="BH26" s="331">
        <v>93157</v>
      </c>
      <c r="BI26" s="332">
        <v>0</v>
      </c>
      <c r="BJ26" s="327">
        <v>37752</v>
      </c>
      <c r="BK26" s="327">
        <v>85916</v>
      </c>
      <c r="BL26" s="327">
        <v>0</v>
      </c>
      <c r="BM26" s="327">
        <v>0</v>
      </c>
      <c r="BN26" s="327">
        <v>48132</v>
      </c>
      <c r="BO26" s="328">
        <v>171800</v>
      </c>
      <c r="BP26" s="330">
        <v>264957</v>
      </c>
      <c r="BQ26" s="326">
        <v>37528</v>
      </c>
      <c r="BR26" s="327">
        <v>15152</v>
      </c>
      <c r="BS26" s="328">
        <v>52680</v>
      </c>
      <c r="BT26" s="326">
        <v>0</v>
      </c>
      <c r="BU26" s="327">
        <v>193800</v>
      </c>
      <c r="BV26" s="327">
        <v>267576</v>
      </c>
      <c r="BW26" s="327">
        <v>129712</v>
      </c>
      <c r="BX26" s="327">
        <v>230296</v>
      </c>
      <c r="BY26" s="327">
        <v>128696</v>
      </c>
      <c r="BZ26" s="328">
        <v>950080</v>
      </c>
      <c r="CA26" s="330">
        <v>1002760</v>
      </c>
      <c r="CB26" s="326">
        <v>38889</v>
      </c>
      <c r="CC26" s="327">
        <v>57686</v>
      </c>
      <c r="CD26" s="328">
        <v>96575</v>
      </c>
      <c r="CE26" s="326">
        <v>0</v>
      </c>
      <c r="CF26" s="327">
        <v>989069</v>
      </c>
      <c r="CG26" s="327">
        <v>1118514</v>
      </c>
      <c r="CH26" s="327">
        <v>723137</v>
      </c>
      <c r="CI26" s="327">
        <v>421622</v>
      </c>
      <c r="CJ26" s="327">
        <v>129127</v>
      </c>
      <c r="CK26" s="328">
        <v>3381469</v>
      </c>
      <c r="CL26" s="330">
        <v>3478044</v>
      </c>
      <c r="CM26" s="326">
        <v>0</v>
      </c>
      <c r="CN26" s="327">
        <v>0</v>
      </c>
      <c r="CO26" s="328">
        <v>0</v>
      </c>
      <c r="CP26" s="332">
        <v>0</v>
      </c>
      <c r="CQ26" s="327">
        <v>711297</v>
      </c>
      <c r="CR26" s="327">
        <v>850504</v>
      </c>
      <c r="CS26" s="327">
        <v>540766</v>
      </c>
      <c r="CT26" s="327">
        <v>386530</v>
      </c>
      <c r="CU26" s="327">
        <v>129127</v>
      </c>
      <c r="CV26" s="328">
        <v>2618224</v>
      </c>
      <c r="CW26" s="330">
        <v>2618224</v>
      </c>
      <c r="CX26" s="326">
        <v>38889</v>
      </c>
      <c r="CY26" s="327">
        <v>57686</v>
      </c>
      <c r="CZ26" s="328">
        <v>96575</v>
      </c>
      <c r="DA26" s="326">
        <v>0</v>
      </c>
      <c r="DB26" s="327">
        <v>277772</v>
      </c>
      <c r="DC26" s="327">
        <v>268010</v>
      </c>
      <c r="DD26" s="327">
        <v>182371</v>
      </c>
      <c r="DE26" s="327">
        <v>35092</v>
      </c>
      <c r="DF26" s="327">
        <v>0</v>
      </c>
      <c r="DG26" s="328">
        <v>763245</v>
      </c>
      <c r="DH26" s="330">
        <v>859820</v>
      </c>
      <c r="DI26" s="326">
        <v>0</v>
      </c>
      <c r="DJ26" s="327">
        <v>35320</v>
      </c>
      <c r="DK26" s="331">
        <v>35320</v>
      </c>
      <c r="DL26" s="332">
        <v>0</v>
      </c>
      <c r="DM26" s="327">
        <v>137646</v>
      </c>
      <c r="DN26" s="327">
        <v>102848</v>
      </c>
      <c r="DO26" s="327">
        <v>155379</v>
      </c>
      <c r="DP26" s="327">
        <v>150684</v>
      </c>
      <c r="DQ26" s="327">
        <v>321672</v>
      </c>
      <c r="DR26" s="328">
        <v>868229</v>
      </c>
      <c r="DS26" s="330">
        <v>903549</v>
      </c>
      <c r="DT26" s="326">
        <v>0</v>
      </c>
      <c r="DU26" s="327">
        <v>35320</v>
      </c>
      <c r="DV26" s="328">
        <v>35320</v>
      </c>
      <c r="DW26" s="326">
        <v>0</v>
      </c>
      <c r="DX26" s="327">
        <v>137646</v>
      </c>
      <c r="DY26" s="327">
        <v>102848</v>
      </c>
      <c r="DZ26" s="327">
        <v>155379</v>
      </c>
      <c r="EA26" s="327">
        <v>150684</v>
      </c>
      <c r="EB26" s="327">
        <v>321672</v>
      </c>
      <c r="EC26" s="328">
        <v>868229</v>
      </c>
      <c r="ED26" s="330">
        <v>903549</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66992</v>
      </c>
      <c r="FM26" s="327">
        <v>96144</v>
      </c>
      <c r="FN26" s="328">
        <v>363136</v>
      </c>
      <c r="FO26" s="326">
        <v>0</v>
      </c>
      <c r="FP26" s="327">
        <v>113360</v>
      </c>
      <c r="FQ26" s="327">
        <v>438880</v>
      </c>
      <c r="FR26" s="327">
        <v>333824</v>
      </c>
      <c r="FS26" s="327">
        <v>335424</v>
      </c>
      <c r="FT26" s="327">
        <v>179792</v>
      </c>
      <c r="FU26" s="328">
        <v>1401280</v>
      </c>
      <c r="FV26" s="330">
        <v>1764416</v>
      </c>
      <c r="FW26" s="333">
        <v>69232</v>
      </c>
      <c r="FX26" s="327">
        <v>96144</v>
      </c>
      <c r="FY26" s="331">
        <v>165376</v>
      </c>
      <c r="FZ26" s="332">
        <v>0</v>
      </c>
      <c r="GA26" s="327">
        <v>113360</v>
      </c>
      <c r="GB26" s="327">
        <v>420400</v>
      </c>
      <c r="GC26" s="327">
        <v>333824</v>
      </c>
      <c r="GD26" s="327">
        <v>287200</v>
      </c>
      <c r="GE26" s="327">
        <v>179792</v>
      </c>
      <c r="GF26" s="328">
        <v>1334576</v>
      </c>
      <c r="GG26" s="334">
        <v>1499952</v>
      </c>
      <c r="GH26" s="333">
        <v>77760</v>
      </c>
      <c r="GI26" s="327">
        <v>0</v>
      </c>
      <c r="GJ26" s="331">
        <v>77760</v>
      </c>
      <c r="GK26" s="332">
        <v>0</v>
      </c>
      <c r="GL26" s="327">
        <v>0</v>
      </c>
      <c r="GM26" s="327">
        <v>18480</v>
      </c>
      <c r="GN26" s="327">
        <v>0</v>
      </c>
      <c r="GO26" s="327">
        <v>25344</v>
      </c>
      <c r="GP26" s="327">
        <v>0</v>
      </c>
      <c r="GQ26" s="328">
        <v>43824</v>
      </c>
      <c r="GR26" s="330">
        <v>121584</v>
      </c>
      <c r="GS26" s="326">
        <v>120000</v>
      </c>
      <c r="GT26" s="327">
        <v>0</v>
      </c>
      <c r="GU26" s="328">
        <v>120000</v>
      </c>
      <c r="GV26" s="326">
        <v>0</v>
      </c>
      <c r="GW26" s="327">
        <v>0</v>
      </c>
      <c r="GX26" s="327">
        <v>0</v>
      </c>
      <c r="GY26" s="327">
        <v>0</v>
      </c>
      <c r="GZ26" s="327">
        <v>22880</v>
      </c>
      <c r="HA26" s="327">
        <v>0</v>
      </c>
      <c r="HB26" s="331">
        <v>22880</v>
      </c>
      <c r="HC26" s="330">
        <v>142880</v>
      </c>
      <c r="HD26" s="326">
        <v>0</v>
      </c>
      <c r="HE26" s="327">
        <v>88380</v>
      </c>
      <c r="HF26" s="331">
        <v>88380</v>
      </c>
      <c r="HG26" s="332">
        <v>0</v>
      </c>
      <c r="HH26" s="327">
        <v>988540</v>
      </c>
      <c r="HI26" s="327">
        <v>1235822</v>
      </c>
      <c r="HJ26" s="327">
        <v>397609</v>
      </c>
      <c r="HK26" s="327">
        <v>1515187</v>
      </c>
      <c r="HL26" s="327">
        <v>353525</v>
      </c>
      <c r="HM26" s="328">
        <v>4490683</v>
      </c>
      <c r="HN26" s="329">
        <v>4579063</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920870</v>
      </c>
      <c r="IE26" s="357">
        <v>719319</v>
      </c>
      <c r="IF26" s="358">
        <v>970654</v>
      </c>
      <c r="IG26" s="356">
        <v>369585</v>
      </c>
      <c r="IH26" s="358">
        <v>0</v>
      </c>
      <c r="II26" s="359">
        <v>2980428</v>
      </c>
      <c r="IJ26" s="358">
        <v>2980428</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683731</v>
      </c>
      <c r="JL26" s="345">
        <v>222286</v>
      </c>
      <c r="JM26" s="345">
        <v>250538</v>
      </c>
      <c r="JN26" s="345">
        <v>110877</v>
      </c>
      <c r="JO26" s="345">
        <v>0</v>
      </c>
      <c r="JP26" s="349">
        <v>1267432</v>
      </c>
      <c r="JQ26" s="347">
        <v>1267432</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468891</v>
      </c>
      <c r="KJ26" s="345">
        <v>0</v>
      </c>
      <c r="KK26" s="345">
        <v>0</v>
      </c>
      <c r="KL26" s="349">
        <v>468891</v>
      </c>
      <c r="KM26" s="354">
        <v>468891</v>
      </c>
      <c r="KN26" s="342">
        <v>0</v>
      </c>
      <c r="KO26" s="343">
        <v>0</v>
      </c>
      <c r="KP26" s="344">
        <v>0</v>
      </c>
      <c r="KQ26" s="404">
        <v>0</v>
      </c>
      <c r="KR26" s="345">
        <v>237139</v>
      </c>
      <c r="KS26" s="345">
        <v>497033</v>
      </c>
      <c r="KT26" s="345">
        <v>251225</v>
      </c>
      <c r="KU26" s="345">
        <v>258708</v>
      </c>
      <c r="KV26" s="345">
        <v>0</v>
      </c>
      <c r="KW26" s="349">
        <v>1244105</v>
      </c>
      <c r="KX26" s="347">
        <v>1244105</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275700</v>
      </c>
      <c r="ML26" s="345">
        <v>2430851</v>
      </c>
      <c r="MM26" s="345">
        <v>1120719</v>
      </c>
      <c r="MN26" s="345">
        <v>2588293</v>
      </c>
      <c r="MO26" s="349">
        <v>6415563</v>
      </c>
      <c r="MP26" s="354">
        <v>6415563</v>
      </c>
      <c r="MQ26" s="348">
        <v>0</v>
      </c>
      <c r="MR26" s="345">
        <v>0</v>
      </c>
      <c r="MS26" s="349">
        <v>0</v>
      </c>
      <c r="MT26" s="404">
        <v>0</v>
      </c>
      <c r="MU26" s="345">
        <v>0</v>
      </c>
      <c r="MV26" s="345">
        <v>0</v>
      </c>
      <c r="MW26" s="345">
        <v>1514266</v>
      </c>
      <c r="MX26" s="345">
        <v>1120719</v>
      </c>
      <c r="MY26" s="345">
        <v>2588293</v>
      </c>
      <c r="MZ26" s="349">
        <v>5223278</v>
      </c>
      <c r="NA26" s="354">
        <v>5223278</v>
      </c>
      <c r="NB26" s="348">
        <v>0</v>
      </c>
      <c r="NC26" s="345">
        <v>0</v>
      </c>
      <c r="ND26" s="349">
        <v>0</v>
      </c>
      <c r="NE26" s="404">
        <v>0</v>
      </c>
      <c r="NF26" s="345">
        <v>0</v>
      </c>
      <c r="NG26" s="345">
        <v>275700</v>
      </c>
      <c r="NH26" s="345">
        <v>916585</v>
      </c>
      <c r="NI26" s="345">
        <v>0</v>
      </c>
      <c r="NJ26" s="345">
        <v>0</v>
      </c>
      <c r="NK26" s="349">
        <v>1192285</v>
      </c>
      <c r="NL26" s="347">
        <v>1192285</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0</v>
      </c>
      <c r="OG26" s="349">
        <v>0</v>
      </c>
      <c r="OH26" s="350">
        <v>0</v>
      </c>
      <c r="OI26" s="348">
        <v>468845</v>
      </c>
      <c r="OJ26" s="345">
        <v>403726</v>
      </c>
      <c r="OK26" s="346">
        <v>872571</v>
      </c>
      <c r="OL26" s="351">
        <v>0</v>
      </c>
      <c r="OM26" s="345">
        <v>4384116</v>
      </c>
      <c r="ON26" s="345">
        <v>5497373</v>
      </c>
      <c r="OO26" s="345">
        <v>5690313</v>
      </c>
      <c r="OP26" s="345">
        <v>5196166</v>
      </c>
      <c r="OQ26" s="345">
        <v>5756939</v>
      </c>
      <c r="OR26" s="349">
        <v>26524907</v>
      </c>
      <c r="OS26" s="354">
        <v>27397478</v>
      </c>
    </row>
    <row r="27" spans="2:409" s="70" customFormat="1" ht="21" customHeight="1" x14ac:dyDescent="0.2">
      <c r="B27" s="410" t="s">
        <v>22</v>
      </c>
      <c r="C27" s="326">
        <v>70062</v>
      </c>
      <c r="D27" s="327">
        <v>187056</v>
      </c>
      <c r="E27" s="328">
        <v>257118</v>
      </c>
      <c r="F27" s="329">
        <v>0</v>
      </c>
      <c r="G27" s="327">
        <v>2517950</v>
      </c>
      <c r="H27" s="327">
        <v>1149147</v>
      </c>
      <c r="I27" s="327">
        <v>1745756</v>
      </c>
      <c r="J27" s="327">
        <v>2185999</v>
      </c>
      <c r="K27" s="327">
        <v>474382</v>
      </c>
      <c r="L27" s="367">
        <v>8073234</v>
      </c>
      <c r="M27" s="330">
        <v>8330352</v>
      </c>
      <c r="N27" s="326">
        <v>43406</v>
      </c>
      <c r="O27" s="327">
        <v>50012</v>
      </c>
      <c r="P27" s="328">
        <v>93418</v>
      </c>
      <c r="Q27" s="326">
        <v>0</v>
      </c>
      <c r="R27" s="327">
        <v>451782</v>
      </c>
      <c r="S27" s="327">
        <v>392884</v>
      </c>
      <c r="T27" s="327">
        <v>235790</v>
      </c>
      <c r="U27" s="327">
        <v>359410</v>
      </c>
      <c r="V27" s="327">
        <v>280997</v>
      </c>
      <c r="W27" s="328">
        <v>1720863</v>
      </c>
      <c r="X27" s="330">
        <v>1814281</v>
      </c>
      <c r="Y27" s="326">
        <v>0</v>
      </c>
      <c r="Z27" s="327">
        <v>0</v>
      </c>
      <c r="AA27" s="328">
        <v>0</v>
      </c>
      <c r="AB27" s="326">
        <v>0</v>
      </c>
      <c r="AC27" s="327">
        <v>266968</v>
      </c>
      <c r="AD27" s="327">
        <v>96512</v>
      </c>
      <c r="AE27" s="327">
        <v>64194</v>
      </c>
      <c r="AF27" s="327">
        <v>133775</v>
      </c>
      <c r="AG27" s="327">
        <v>155193</v>
      </c>
      <c r="AH27" s="328">
        <v>716642</v>
      </c>
      <c r="AI27" s="330">
        <v>716642</v>
      </c>
      <c r="AJ27" s="326">
        <v>0</v>
      </c>
      <c r="AK27" s="327">
        <v>0</v>
      </c>
      <c r="AL27" s="328">
        <v>0</v>
      </c>
      <c r="AM27" s="326">
        <v>0</v>
      </c>
      <c r="AN27" s="327">
        <v>0</v>
      </c>
      <c r="AO27" s="327">
        <v>0</v>
      </c>
      <c r="AP27" s="327">
        <v>0</v>
      </c>
      <c r="AQ27" s="327">
        <v>0</v>
      </c>
      <c r="AR27" s="327">
        <v>0</v>
      </c>
      <c r="AS27" s="328">
        <v>0</v>
      </c>
      <c r="AT27" s="330">
        <v>0</v>
      </c>
      <c r="AU27" s="326">
        <v>0</v>
      </c>
      <c r="AV27" s="327">
        <v>50012</v>
      </c>
      <c r="AW27" s="328">
        <v>50012</v>
      </c>
      <c r="AX27" s="326">
        <v>0</v>
      </c>
      <c r="AY27" s="327">
        <v>90734</v>
      </c>
      <c r="AZ27" s="327">
        <v>209608</v>
      </c>
      <c r="BA27" s="327">
        <v>108692</v>
      </c>
      <c r="BB27" s="327">
        <v>88715</v>
      </c>
      <c r="BC27" s="327">
        <v>110700</v>
      </c>
      <c r="BD27" s="328">
        <v>608449</v>
      </c>
      <c r="BE27" s="330">
        <v>658461</v>
      </c>
      <c r="BF27" s="326">
        <v>30334</v>
      </c>
      <c r="BG27" s="327">
        <v>0</v>
      </c>
      <c r="BH27" s="331">
        <v>30334</v>
      </c>
      <c r="BI27" s="332">
        <v>0</v>
      </c>
      <c r="BJ27" s="327">
        <v>0</v>
      </c>
      <c r="BK27" s="327">
        <v>62388</v>
      </c>
      <c r="BL27" s="327">
        <v>0</v>
      </c>
      <c r="BM27" s="327">
        <v>0</v>
      </c>
      <c r="BN27" s="327">
        <v>0</v>
      </c>
      <c r="BO27" s="328">
        <v>62388</v>
      </c>
      <c r="BP27" s="330">
        <v>92722</v>
      </c>
      <c r="BQ27" s="326">
        <v>13072</v>
      </c>
      <c r="BR27" s="327">
        <v>0</v>
      </c>
      <c r="BS27" s="328">
        <v>13072</v>
      </c>
      <c r="BT27" s="326">
        <v>0</v>
      </c>
      <c r="BU27" s="327">
        <v>94080</v>
      </c>
      <c r="BV27" s="327">
        <v>24376</v>
      </c>
      <c r="BW27" s="327">
        <v>62904</v>
      </c>
      <c r="BX27" s="327">
        <v>136920</v>
      </c>
      <c r="BY27" s="327">
        <v>15104</v>
      </c>
      <c r="BZ27" s="328">
        <v>333384</v>
      </c>
      <c r="CA27" s="330">
        <v>346456</v>
      </c>
      <c r="CB27" s="326">
        <v>20816</v>
      </c>
      <c r="CC27" s="327">
        <v>0</v>
      </c>
      <c r="CD27" s="328">
        <v>20816</v>
      </c>
      <c r="CE27" s="326">
        <v>0</v>
      </c>
      <c r="CF27" s="327">
        <v>838058</v>
      </c>
      <c r="CG27" s="327">
        <v>451238</v>
      </c>
      <c r="CH27" s="327">
        <v>711969</v>
      </c>
      <c r="CI27" s="327">
        <v>125782</v>
      </c>
      <c r="CJ27" s="327">
        <v>92025</v>
      </c>
      <c r="CK27" s="328">
        <v>2219072</v>
      </c>
      <c r="CL27" s="330">
        <v>2239888</v>
      </c>
      <c r="CM27" s="326">
        <v>0</v>
      </c>
      <c r="CN27" s="327">
        <v>0</v>
      </c>
      <c r="CO27" s="328">
        <v>0</v>
      </c>
      <c r="CP27" s="332">
        <v>0</v>
      </c>
      <c r="CQ27" s="327">
        <v>654056</v>
      </c>
      <c r="CR27" s="327">
        <v>328602</v>
      </c>
      <c r="CS27" s="327">
        <v>711969</v>
      </c>
      <c r="CT27" s="327">
        <v>0</v>
      </c>
      <c r="CU27" s="327">
        <v>0</v>
      </c>
      <c r="CV27" s="328">
        <v>1694627</v>
      </c>
      <c r="CW27" s="330">
        <v>1694627</v>
      </c>
      <c r="CX27" s="326">
        <v>20816</v>
      </c>
      <c r="CY27" s="327">
        <v>0</v>
      </c>
      <c r="CZ27" s="328">
        <v>20816</v>
      </c>
      <c r="DA27" s="326">
        <v>0</v>
      </c>
      <c r="DB27" s="327">
        <v>184002</v>
      </c>
      <c r="DC27" s="327">
        <v>122636</v>
      </c>
      <c r="DD27" s="327">
        <v>0</v>
      </c>
      <c r="DE27" s="327">
        <v>125782</v>
      </c>
      <c r="DF27" s="327">
        <v>92025</v>
      </c>
      <c r="DG27" s="328">
        <v>524445</v>
      </c>
      <c r="DH27" s="330">
        <v>545261</v>
      </c>
      <c r="DI27" s="326">
        <v>0</v>
      </c>
      <c r="DJ27" s="327">
        <v>0</v>
      </c>
      <c r="DK27" s="331">
        <v>0</v>
      </c>
      <c r="DL27" s="332">
        <v>0</v>
      </c>
      <c r="DM27" s="327">
        <v>0</v>
      </c>
      <c r="DN27" s="327">
        <v>41728</v>
      </c>
      <c r="DO27" s="327">
        <v>19588</v>
      </c>
      <c r="DP27" s="327">
        <v>358334</v>
      </c>
      <c r="DQ27" s="327">
        <v>0</v>
      </c>
      <c r="DR27" s="328">
        <v>419650</v>
      </c>
      <c r="DS27" s="330">
        <v>419650</v>
      </c>
      <c r="DT27" s="326">
        <v>0</v>
      </c>
      <c r="DU27" s="327">
        <v>0</v>
      </c>
      <c r="DV27" s="328">
        <v>0</v>
      </c>
      <c r="DW27" s="326">
        <v>0</v>
      </c>
      <c r="DX27" s="327">
        <v>0</v>
      </c>
      <c r="DY27" s="327">
        <v>24424</v>
      </c>
      <c r="DZ27" s="327">
        <v>19588</v>
      </c>
      <c r="EA27" s="327">
        <v>358334</v>
      </c>
      <c r="EB27" s="327">
        <v>0</v>
      </c>
      <c r="EC27" s="328">
        <v>402346</v>
      </c>
      <c r="ED27" s="330">
        <v>402346</v>
      </c>
      <c r="EE27" s="326">
        <v>0</v>
      </c>
      <c r="EF27" s="331">
        <v>0</v>
      </c>
      <c r="EG27" s="328">
        <v>0</v>
      </c>
      <c r="EH27" s="326">
        <v>0</v>
      </c>
      <c r="EI27" s="327">
        <v>0</v>
      </c>
      <c r="EJ27" s="327">
        <v>17304</v>
      </c>
      <c r="EK27" s="327">
        <v>0</v>
      </c>
      <c r="EL27" s="327">
        <v>0</v>
      </c>
      <c r="EM27" s="327">
        <v>0</v>
      </c>
      <c r="EN27" s="331">
        <v>17304</v>
      </c>
      <c r="EO27" s="330">
        <v>17304</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5840</v>
      </c>
      <c r="FM27" s="327">
        <v>76544</v>
      </c>
      <c r="FN27" s="328">
        <v>82384</v>
      </c>
      <c r="FO27" s="326">
        <v>0</v>
      </c>
      <c r="FP27" s="327">
        <v>270304</v>
      </c>
      <c r="FQ27" s="327">
        <v>176832</v>
      </c>
      <c r="FR27" s="327">
        <v>192008</v>
      </c>
      <c r="FS27" s="327">
        <v>56000</v>
      </c>
      <c r="FT27" s="327">
        <v>101360</v>
      </c>
      <c r="FU27" s="328">
        <v>796504</v>
      </c>
      <c r="FV27" s="330">
        <v>878888</v>
      </c>
      <c r="FW27" s="333">
        <v>5840</v>
      </c>
      <c r="FX27" s="327">
        <v>23424</v>
      </c>
      <c r="FY27" s="331">
        <v>29264</v>
      </c>
      <c r="FZ27" s="332">
        <v>0</v>
      </c>
      <c r="GA27" s="327">
        <v>113984</v>
      </c>
      <c r="GB27" s="327">
        <v>176832</v>
      </c>
      <c r="GC27" s="327">
        <v>181448</v>
      </c>
      <c r="GD27" s="327">
        <v>56000</v>
      </c>
      <c r="GE27" s="327">
        <v>101360</v>
      </c>
      <c r="GF27" s="328">
        <v>629624</v>
      </c>
      <c r="GG27" s="334">
        <v>658888</v>
      </c>
      <c r="GH27" s="333">
        <v>0</v>
      </c>
      <c r="GI27" s="327">
        <v>0</v>
      </c>
      <c r="GJ27" s="331">
        <v>0</v>
      </c>
      <c r="GK27" s="332">
        <v>0</v>
      </c>
      <c r="GL27" s="327">
        <v>0</v>
      </c>
      <c r="GM27" s="327">
        <v>0</v>
      </c>
      <c r="GN27" s="327">
        <v>0</v>
      </c>
      <c r="GO27" s="327">
        <v>0</v>
      </c>
      <c r="GP27" s="327">
        <v>0</v>
      </c>
      <c r="GQ27" s="328">
        <v>0</v>
      </c>
      <c r="GR27" s="330">
        <v>0</v>
      </c>
      <c r="GS27" s="326">
        <v>0</v>
      </c>
      <c r="GT27" s="327">
        <v>53120</v>
      </c>
      <c r="GU27" s="328">
        <v>53120</v>
      </c>
      <c r="GV27" s="326">
        <v>0</v>
      </c>
      <c r="GW27" s="327">
        <v>156320</v>
      </c>
      <c r="GX27" s="327">
        <v>0</v>
      </c>
      <c r="GY27" s="327">
        <v>10560</v>
      </c>
      <c r="GZ27" s="327">
        <v>0</v>
      </c>
      <c r="HA27" s="327">
        <v>0</v>
      </c>
      <c r="HB27" s="331">
        <v>166880</v>
      </c>
      <c r="HC27" s="330">
        <v>220000</v>
      </c>
      <c r="HD27" s="326">
        <v>0</v>
      </c>
      <c r="HE27" s="327">
        <v>60500</v>
      </c>
      <c r="HF27" s="331">
        <v>60500</v>
      </c>
      <c r="HG27" s="332">
        <v>0</v>
      </c>
      <c r="HH27" s="327">
        <v>957806</v>
      </c>
      <c r="HI27" s="327">
        <v>86465</v>
      </c>
      <c r="HJ27" s="327">
        <v>586401</v>
      </c>
      <c r="HK27" s="327">
        <v>1286473</v>
      </c>
      <c r="HL27" s="327">
        <v>0</v>
      </c>
      <c r="HM27" s="328">
        <v>2917145</v>
      </c>
      <c r="HN27" s="329">
        <v>2977645</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539403</v>
      </c>
      <c r="IE27" s="339">
        <v>667742</v>
      </c>
      <c r="IF27" s="337">
        <v>1559413</v>
      </c>
      <c r="IG27" s="336">
        <v>1705713</v>
      </c>
      <c r="IH27" s="337">
        <v>231872</v>
      </c>
      <c r="II27" s="340">
        <v>4704143</v>
      </c>
      <c r="IJ27" s="341">
        <v>4704143</v>
      </c>
      <c r="IK27" s="342">
        <v>0</v>
      </c>
      <c r="IL27" s="343">
        <v>0</v>
      </c>
      <c r="IM27" s="344">
        <v>0</v>
      </c>
      <c r="IN27" s="404">
        <v>0</v>
      </c>
      <c r="IO27" s="345">
        <v>0</v>
      </c>
      <c r="IP27" s="345">
        <v>109160</v>
      </c>
      <c r="IQ27" s="345">
        <v>151112</v>
      </c>
      <c r="IR27" s="345">
        <v>0</v>
      </c>
      <c r="IS27" s="345">
        <v>0</v>
      </c>
      <c r="IT27" s="346">
        <v>260272</v>
      </c>
      <c r="IU27" s="347">
        <v>260272</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196785</v>
      </c>
      <c r="JL27" s="345">
        <v>132717</v>
      </c>
      <c r="JM27" s="345">
        <v>20572</v>
      </c>
      <c r="JN27" s="345">
        <v>97724</v>
      </c>
      <c r="JO27" s="345">
        <v>231872</v>
      </c>
      <c r="JP27" s="349">
        <v>679670</v>
      </c>
      <c r="JQ27" s="347">
        <v>679670</v>
      </c>
      <c r="JR27" s="348">
        <v>0</v>
      </c>
      <c r="JS27" s="345">
        <v>0</v>
      </c>
      <c r="JT27" s="346">
        <v>0</v>
      </c>
      <c r="JU27" s="351">
        <v>0</v>
      </c>
      <c r="JV27" s="345">
        <v>3799</v>
      </c>
      <c r="JW27" s="345">
        <v>0</v>
      </c>
      <c r="JX27" s="345">
        <v>105637</v>
      </c>
      <c r="JY27" s="345">
        <v>0</v>
      </c>
      <c r="JZ27" s="345">
        <v>0</v>
      </c>
      <c r="KA27" s="349">
        <v>109436</v>
      </c>
      <c r="KB27" s="347">
        <v>109436</v>
      </c>
      <c r="KC27" s="352">
        <v>0</v>
      </c>
      <c r="KD27" s="353">
        <v>0</v>
      </c>
      <c r="KE27" s="349">
        <v>0</v>
      </c>
      <c r="KF27" s="351">
        <v>0</v>
      </c>
      <c r="KG27" s="345">
        <v>111959</v>
      </c>
      <c r="KH27" s="345">
        <v>176876</v>
      </c>
      <c r="KI27" s="345">
        <v>700434</v>
      </c>
      <c r="KJ27" s="345">
        <v>0</v>
      </c>
      <c r="KK27" s="345">
        <v>0</v>
      </c>
      <c r="KL27" s="349">
        <v>989269</v>
      </c>
      <c r="KM27" s="354">
        <v>989269</v>
      </c>
      <c r="KN27" s="342">
        <v>0</v>
      </c>
      <c r="KO27" s="343">
        <v>0</v>
      </c>
      <c r="KP27" s="344">
        <v>0</v>
      </c>
      <c r="KQ27" s="404">
        <v>0</v>
      </c>
      <c r="KR27" s="345">
        <v>226860</v>
      </c>
      <c r="KS27" s="345">
        <v>248989</v>
      </c>
      <c r="KT27" s="345">
        <v>329165</v>
      </c>
      <c r="KU27" s="345">
        <v>505765</v>
      </c>
      <c r="KV27" s="345">
        <v>0</v>
      </c>
      <c r="KW27" s="349">
        <v>1310779</v>
      </c>
      <c r="KX27" s="347">
        <v>1310779</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252493</v>
      </c>
      <c r="LQ27" s="345">
        <v>1102224</v>
      </c>
      <c r="LR27" s="345">
        <v>0</v>
      </c>
      <c r="LS27" s="349">
        <v>1354717</v>
      </c>
      <c r="LT27" s="347">
        <v>1354717</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535083</v>
      </c>
      <c r="ML27" s="345">
        <v>1620913</v>
      </c>
      <c r="MM27" s="345">
        <v>1720105</v>
      </c>
      <c r="MN27" s="345">
        <v>1140673</v>
      </c>
      <c r="MO27" s="349">
        <v>5016774</v>
      </c>
      <c r="MP27" s="354">
        <v>5016774</v>
      </c>
      <c r="MQ27" s="348">
        <v>0</v>
      </c>
      <c r="MR27" s="345">
        <v>0</v>
      </c>
      <c r="MS27" s="349">
        <v>0</v>
      </c>
      <c r="MT27" s="404">
        <v>0</v>
      </c>
      <c r="MU27" s="345">
        <v>0</v>
      </c>
      <c r="MV27" s="345">
        <v>0</v>
      </c>
      <c r="MW27" s="345">
        <v>999298</v>
      </c>
      <c r="MX27" s="345">
        <v>785712</v>
      </c>
      <c r="MY27" s="345">
        <v>820327</v>
      </c>
      <c r="MZ27" s="349">
        <v>2605337</v>
      </c>
      <c r="NA27" s="354">
        <v>2605337</v>
      </c>
      <c r="NB27" s="348">
        <v>0</v>
      </c>
      <c r="NC27" s="345">
        <v>0</v>
      </c>
      <c r="ND27" s="349">
        <v>0</v>
      </c>
      <c r="NE27" s="404">
        <v>0</v>
      </c>
      <c r="NF27" s="345">
        <v>0</v>
      </c>
      <c r="NG27" s="345">
        <v>535083</v>
      </c>
      <c r="NH27" s="345">
        <v>621615</v>
      </c>
      <c r="NI27" s="345">
        <v>609221</v>
      </c>
      <c r="NJ27" s="345">
        <v>320346</v>
      </c>
      <c r="NK27" s="349">
        <v>2086265</v>
      </c>
      <c r="NL27" s="347">
        <v>2086265</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25172</v>
      </c>
      <c r="OF27" s="345">
        <v>0</v>
      </c>
      <c r="OG27" s="349">
        <v>325172</v>
      </c>
      <c r="OH27" s="350">
        <v>325172</v>
      </c>
      <c r="OI27" s="348">
        <v>70062</v>
      </c>
      <c r="OJ27" s="345">
        <v>187056</v>
      </c>
      <c r="OK27" s="346">
        <v>257118</v>
      </c>
      <c r="OL27" s="351">
        <v>0</v>
      </c>
      <c r="OM27" s="345">
        <v>3057353</v>
      </c>
      <c r="ON27" s="345">
        <v>2351972</v>
      </c>
      <c r="OO27" s="345">
        <v>4926082</v>
      </c>
      <c r="OP27" s="345">
        <v>5611817</v>
      </c>
      <c r="OQ27" s="345">
        <v>1846927</v>
      </c>
      <c r="OR27" s="349">
        <v>17794151</v>
      </c>
      <c r="OS27" s="354">
        <v>18051269</v>
      </c>
    </row>
    <row r="28" spans="2:409" s="70" customFormat="1" ht="21" customHeight="1" x14ac:dyDescent="0.2">
      <c r="B28" s="410" t="s">
        <v>23</v>
      </c>
      <c r="C28" s="326">
        <v>344633</v>
      </c>
      <c r="D28" s="327">
        <v>418590</v>
      </c>
      <c r="E28" s="328">
        <v>763223</v>
      </c>
      <c r="F28" s="329">
        <v>0</v>
      </c>
      <c r="G28" s="327">
        <v>1949847</v>
      </c>
      <c r="H28" s="327">
        <v>1886448</v>
      </c>
      <c r="I28" s="327">
        <v>1340185</v>
      </c>
      <c r="J28" s="327">
        <v>2053953</v>
      </c>
      <c r="K28" s="327">
        <v>998941</v>
      </c>
      <c r="L28" s="367">
        <v>8229374</v>
      </c>
      <c r="M28" s="330">
        <v>8992597</v>
      </c>
      <c r="N28" s="326">
        <v>156238</v>
      </c>
      <c r="O28" s="327">
        <v>102662</v>
      </c>
      <c r="P28" s="328">
        <v>258900</v>
      </c>
      <c r="Q28" s="326">
        <v>0</v>
      </c>
      <c r="R28" s="327">
        <v>577491</v>
      </c>
      <c r="S28" s="327">
        <v>734431</v>
      </c>
      <c r="T28" s="327">
        <v>403084</v>
      </c>
      <c r="U28" s="327">
        <v>1218160</v>
      </c>
      <c r="V28" s="327">
        <v>102467</v>
      </c>
      <c r="W28" s="328">
        <v>3035633</v>
      </c>
      <c r="X28" s="330">
        <v>3294533</v>
      </c>
      <c r="Y28" s="326">
        <v>0</v>
      </c>
      <c r="Z28" s="327">
        <v>0</v>
      </c>
      <c r="AA28" s="328">
        <v>0</v>
      </c>
      <c r="AB28" s="326">
        <v>0</v>
      </c>
      <c r="AC28" s="327">
        <v>264800</v>
      </c>
      <c r="AD28" s="327">
        <v>244901</v>
      </c>
      <c r="AE28" s="327">
        <v>256196</v>
      </c>
      <c r="AF28" s="327">
        <v>779404</v>
      </c>
      <c r="AG28" s="327">
        <v>0</v>
      </c>
      <c r="AH28" s="328">
        <v>1545301</v>
      </c>
      <c r="AI28" s="330">
        <v>1545301</v>
      </c>
      <c r="AJ28" s="326">
        <v>0</v>
      </c>
      <c r="AK28" s="327">
        <v>0</v>
      </c>
      <c r="AL28" s="328">
        <v>0</v>
      </c>
      <c r="AM28" s="326">
        <v>0</v>
      </c>
      <c r="AN28" s="327">
        <v>0</v>
      </c>
      <c r="AO28" s="327">
        <v>58464</v>
      </c>
      <c r="AP28" s="327">
        <v>0</v>
      </c>
      <c r="AQ28" s="327">
        <v>48042</v>
      </c>
      <c r="AR28" s="327">
        <v>0</v>
      </c>
      <c r="AS28" s="328">
        <v>106506</v>
      </c>
      <c r="AT28" s="330">
        <v>106506</v>
      </c>
      <c r="AU28" s="326">
        <v>108150</v>
      </c>
      <c r="AV28" s="327">
        <v>79581</v>
      </c>
      <c r="AW28" s="328">
        <v>187731</v>
      </c>
      <c r="AX28" s="326">
        <v>0</v>
      </c>
      <c r="AY28" s="327">
        <v>144611</v>
      </c>
      <c r="AZ28" s="327">
        <v>315634</v>
      </c>
      <c r="BA28" s="327">
        <v>48288</v>
      </c>
      <c r="BB28" s="327">
        <v>179121</v>
      </c>
      <c r="BC28" s="327">
        <v>19003</v>
      </c>
      <c r="BD28" s="328">
        <v>706657</v>
      </c>
      <c r="BE28" s="330">
        <v>894388</v>
      </c>
      <c r="BF28" s="326">
        <v>0</v>
      </c>
      <c r="BG28" s="327">
        <v>18297</v>
      </c>
      <c r="BH28" s="331">
        <v>18297</v>
      </c>
      <c r="BI28" s="332">
        <v>0</v>
      </c>
      <c r="BJ28" s="327">
        <v>0</v>
      </c>
      <c r="BK28" s="327">
        <v>0</v>
      </c>
      <c r="BL28" s="327">
        <v>0</v>
      </c>
      <c r="BM28" s="327">
        <v>35305</v>
      </c>
      <c r="BN28" s="327">
        <v>0</v>
      </c>
      <c r="BO28" s="328">
        <v>35305</v>
      </c>
      <c r="BP28" s="330">
        <v>53602</v>
      </c>
      <c r="BQ28" s="326">
        <v>48088</v>
      </c>
      <c r="BR28" s="327">
        <v>4784</v>
      </c>
      <c r="BS28" s="328">
        <v>52872</v>
      </c>
      <c r="BT28" s="326">
        <v>0</v>
      </c>
      <c r="BU28" s="327">
        <v>168080</v>
      </c>
      <c r="BV28" s="327">
        <v>115432</v>
      </c>
      <c r="BW28" s="327">
        <v>98600</v>
      </c>
      <c r="BX28" s="327">
        <v>176288</v>
      </c>
      <c r="BY28" s="327">
        <v>83464</v>
      </c>
      <c r="BZ28" s="328">
        <v>641864</v>
      </c>
      <c r="CA28" s="330">
        <v>694736</v>
      </c>
      <c r="CB28" s="326">
        <v>0</v>
      </c>
      <c r="CC28" s="327">
        <v>0</v>
      </c>
      <c r="CD28" s="328">
        <v>0</v>
      </c>
      <c r="CE28" s="326">
        <v>0</v>
      </c>
      <c r="CF28" s="327">
        <v>681898</v>
      </c>
      <c r="CG28" s="327">
        <v>725226</v>
      </c>
      <c r="CH28" s="327">
        <v>424585</v>
      </c>
      <c r="CI28" s="327">
        <v>152062</v>
      </c>
      <c r="CJ28" s="327">
        <v>244965</v>
      </c>
      <c r="CK28" s="328">
        <v>2228736</v>
      </c>
      <c r="CL28" s="330">
        <v>2228736</v>
      </c>
      <c r="CM28" s="326">
        <v>0</v>
      </c>
      <c r="CN28" s="327">
        <v>0</v>
      </c>
      <c r="CO28" s="328">
        <v>0</v>
      </c>
      <c r="CP28" s="332">
        <v>0</v>
      </c>
      <c r="CQ28" s="327">
        <v>451640</v>
      </c>
      <c r="CR28" s="327">
        <v>615876</v>
      </c>
      <c r="CS28" s="327">
        <v>424585</v>
      </c>
      <c r="CT28" s="327">
        <v>0</v>
      </c>
      <c r="CU28" s="327">
        <v>244965</v>
      </c>
      <c r="CV28" s="328">
        <v>1737066</v>
      </c>
      <c r="CW28" s="330">
        <v>1737066</v>
      </c>
      <c r="CX28" s="326">
        <v>0</v>
      </c>
      <c r="CY28" s="327">
        <v>0</v>
      </c>
      <c r="CZ28" s="328">
        <v>0</v>
      </c>
      <c r="DA28" s="326">
        <v>0</v>
      </c>
      <c r="DB28" s="327">
        <v>230258</v>
      </c>
      <c r="DC28" s="327">
        <v>109350</v>
      </c>
      <c r="DD28" s="327">
        <v>0</v>
      </c>
      <c r="DE28" s="327">
        <v>152062</v>
      </c>
      <c r="DF28" s="327">
        <v>0</v>
      </c>
      <c r="DG28" s="328">
        <v>491670</v>
      </c>
      <c r="DH28" s="330">
        <v>491670</v>
      </c>
      <c r="DI28" s="326">
        <v>0</v>
      </c>
      <c r="DJ28" s="327">
        <v>0</v>
      </c>
      <c r="DK28" s="331">
        <v>0</v>
      </c>
      <c r="DL28" s="332">
        <v>0</v>
      </c>
      <c r="DM28" s="327">
        <v>30204</v>
      </c>
      <c r="DN28" s="327">
        <v>0</v>
      </c>
      <c r="DO28" s="327">
        <v>29716</v>
      </c>
      <c r="DP28" s="327">
        <v>0</v>
      </c>
      <c r="DQ28" s="327">
        <v>108427</v>
      </c>
      <c r="DR28" s="328">
        <v>168347</v>
      </c>
      <c r="DS28" s="330">
        <v>168347</v>
      </c>
      <c r="DT28" s="326">
        <v>0</v>
      </c>
      <c r="DU28" s="327">
        <v>0</v>
      </c>
      <c r="DV28" s="328">
        <v>0</v>
      </c>
      <c r="DW28" s="326">
        <v>0</v>
      </c>
      <c r="DX28" s="327">
        <v>0</v>
      </c>
      <c r="DY28" s="327">
        <v>0</v>
      </c>
      <c r="DZ28" s="327">
        <v>29716</v>
      </c>
      <c r="EA28" s="327">
        <v>0</v>
      </c>
      <c r="EB28" s="327">
        <v>108427</v>
      </c>
      <c r="EC28" s="328">
        <v>138143</v>
      </c>
      <c r="ED28" s="330">
        <v>138143</v>
      </c>
      <c r="EE28" s="326">
        <v>0</v>
      </c>
      <c r="EF28" s="331">
        <v>0</v>
      </c>
      <c r="EG28" s="328">
        <v>0</v>
      </c>
      <c r="EH28" s="326">
        <v>0</v>
      </c>
      <c r="EI28" s="327">
        <v>30204</v>
      </c>
      <c r="EJ28" s="327">
        <v>0</v>
      </c>
      <c r="EK28" s="327">
        <v>0</v>
      </c>
      <c r="EL28" s="327">
        <v>0</v>
      </c>
      <c r="EM28" s="327">
        <v>0</v>
      </c>
      <c r="EN28" s="331">
        <v>30204</v>
      </c>
      <c r="EO28" s="330">
        <v>30204</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26752</v>
      </c>
      <c r="FM28" s="327">
        <v>315928</v>
      </c>
      <c r="FN28" s="328">
        <v>342680</v>
      </c>
      <c r="FO28" s="326">
        <v>0</v>
      </c>
      <c r="FP28" s="327">
        <v>60120</v>
      </c>
      <c r="FQ28" s="327">
        <v>250032</v>
      </c>
      <c r="FR28" s="327">
        <v>81296</v>
      </c>
      <c r="FS28" s="327">
        <v>110296</v>
      </c>
      <c r="FT28" s="327">
        <v>51088</v>
      </c>
      <c r="FU28" s="328">
        <v>552832</v>
      </c>
      <c r="FV28" s="330">
        <v>895512</v>
      </c>
      <c r="FW28" s="333">
        <v>26752</v>
      </c>
      <c r="FX28" s="327">
        <v>149768</v>
      </c>
      <c r="FY28" s="331">
        <v>176520</v>
      </c>
      <c r="FZ28" s="332">
        <v>0</v>
      </c>
      <c r="GA28" s="327">
        <v>60120</v>
      </c>
      <c r="GB28" s="327">
        <v>250032</v>
      </c>
      <c r="GC28" s="327">
        <v>81296</v>
      </c>
      <c r="GD28" s="327">
        <v>110296</v>
      </c>
      <c r="GE28" s="327">
        <v>51088</v>
      </c>
      <c r="GF28" s="328">
        <v>552832</v>
      </c>
      <c r="GG28" s="334">
        <v>729352</v>
      </c>
      <c r="GH28" s="333">
        <v>0</v>
      </c>
      <c r="GI28" s="327">
        <v>0</v>
      </c>
      <c r="GJ28" s="331">
        <v>0</v>
      </c>
      <c r="GK28" s="332">
        <v>0</v>
      </c>
      <c r="GL28" s="327">
        <v>0</v>
      </c>
      <c r="GM28" s="327">
        <v>0</v>
      </c>
      <c r="GN28" s="327">
        <v>0</v>
      </c>
      <c r="GO28" s="327">
        <v>0</v>
      </c>
      <c r="GP28" s="327">
        <v>0</v>
      </c>
      <c r="GQ28" s="328">
        <v>0</v>
      </c>
      <c r="GR28" s="330">
        <v>0</v>
      </c>
      <c r="GS28" s="326">
        <v>0</v>
      </c>
      <c r="GT28" s="327">
        <v>166160</v>
      </c>
      <c r="GU28" s="328">
        <v>166160</v>
      </c>
      <c r="GV28" s="326">
        <v>0</v>
      </c>
      <c r="GW28" s="327">
        <v>0</v>
      </c>
      <c r="GX28" s="327">
        <v>0</v>
      </c>
      <c r="GY28" s="327">
        <v>0</v>
      </c>
      <c r="GZ28" s="327">
        <v>0</v>
      </c>
      <c r="HA28" s="327">
        <v>0</v>
      </c>
      <c r="HB28" s="331">
        <v>0</v>
      </c>
      <c r="HC28" s="330">
        <v>166160</v>
      </c>
      <c r="HD28" s="326">
        <v>161643</v>
      </c>
      <c r="HE28" s="327">
        <v>0</v>
      </c>
      <c r="HF28" s="331">
        <v>161643</v>
      </c>
      <c r="HG28" s="332">
        <v>0</v>
      </c>
      <c r="HH28" s="327">
        <v>600134</v>
      </c>
      <c r="HI28" s="327">
        <v>176759</v>
      </c>
      <c r="HJ28" s="327">
        <v>401504</v>
      </c>
      <c r="HK28" s="327">
        <v>573435</v>
      </c>
      <c r="HL28" s="327">
        <v>491994</v>
      </c>
      <c r="HM28" s="328">
        <v>2243826</v>
      </c>
      <c r="HN28" s="329">
        <v>2405469</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567641</v>
      </c>
      <c r="IE28" s="357">
        <v>541406</v>
      </c>
      <c r="IF28" s="358">
        <v>1244329</v>
      </c>
      <c r="IG28" s="356">
        <v>259000</v>
      </c>
      <c r="IH28" s="358">
        <v>0</v>
      </c>
      <c r="II28" s="359">
        <v>2612376</v>
      </c>
      <c r="IJ28" s="358">
        <v>2612376</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93255</v>
      </c>
      <c r="JL28" s="345">
        <v>70974</v>
      </c>
      <c r="JM28" s="345">
        <v>283176</v>
      </c>
      <c r="JN28" s="345">
        <v>0</v>
      </c>
      <c r="JO28" s="345">
        <v>0</v>
      </c>
      <c r="JP28" s="349">
        <v>447405</v>
      </c>
      <c r="JQ28" s="347">
        <v>447405</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230791</v>
      </c>
      <c r="KJ28" s="345">
        <v>0</v>
      </c>
      <c r="KK28" s="345">
        <v>0</v>
      </c>
      <c r="KL28" s="349">
        <v>230791</v>
      </c>
      <c r="KM28" s="354">
        <v>230791</v>
      </c>
      <c r="KN28" s="342">
        <v>0</v>
      </c>
      <c r="KO28" s="343">
        <v>0</v>
      </c>
      <c r="KP28" s="344">
        <v>0</v>
      </c>
      <c r="KQ28" s="404">
        <v>0</v>
      </c>
      <c r="KR28" s="345">
        <v>474386</v>
      </c>
      <c r="KS28" s="345">
        <v>470432</v>
      </c>
      <c r="KT28" s="345">
        <v>507082</v>
      </c>
      <c r="KU28" s="345">
        <v>259000</v>
      </c>
      <c r="KV28" s="345">
        <v>0</v>
      </c>
      <c r="KW28" s="349">
        <v>1710900</v>
      </c>
      <c r="KX28" s="347">
        <v>1710900</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223280</v>
      </c>
      <c r="MB28" s="345">
        <v>0</v>
      </c>
      <c r="MC28" s="345">
        <v>0</v>
      </c>
      <c r="MD28" s="349">
        <v>223280</v>
      </c>
      <c r="ME28" s="350">
        <v>223280</v>
      </c>
      <c r="MF28" s="348">
        <v>0</v>
      </c>
      <c r="MG28" s="345">
        <v>0</v>
      </c>
      <c r="MH28" s="349">
        <v>0</v>
      </c>
      <c r="MI28" s="404">
        <v>0</v>
      </c>
      <c r="MJ28" s="345">
        <v>0</v>
      </c>
      <c r="MK28" s="345">
        <v>0</v>
      </c>
      <c r="ML28" s="345">
        <v>1984644</v>
      </c>
      <c r="MM28" s="345">
        <v>2735025</v>
      </c>
      <c r="MN28" s="345">
        <v>976534</v>
      </c>
      <c r="MO28" s="349">
        <v>5696203</v>
      </c>
      <c r="MP28" s="354">
        <v>5696203</v>
      </c>
      <c r="MQ28" s="348">
        <v>0</v>
      </c>
      <c r="MR28" s="345">
        <v>0</v>
      </c>
      <c r="MS28" s="349">
        <v>0</v>
      </c>
      <c r="MT28" s="404">
        <v>0</v>
      </c>
      <c r="MU28" s="345">
        <v>0</v>
      </c>
      <c r="MV28" s="345">
        <v>0</v>
      </c>
      <c r="MW28" s="345">
        <v>1431952</v>
      </c>
      <c r="MX28" s="345">
        <v>1567608</v>
      </c>
      <c r="MY28" s="345">
        <v>360305</v>
      </c>
      <c r="MZ28" s="349">
        <v>3359865</v>
      </c>
      <c r="NA28" s="354">
        <v>3359865</v>
      </c>
      <c r="NB28" s="348">
        <v>0</v>
      </c>
      <c r="NC28" s="345">
        <v>0</v>
      </c>
      <c r="ND28" s="349">
        <v>0</v>
      </c>
      <c r="NE28" s="404">
        <v>0</v>
      </c>
      <c r="NF28" s="345">
        <v>0</v>
      </c>
      <c r="NG28" s="345">
        <v>0</v>
      </c>
      <c r="NH28" s="345">
        <v>552692</v>
      </c>
      <c r="NI28" s="345">
        <v>1167417</v>
      </c>
      <c r="NJ28" s="345">
        <v>616229</v>
      </c>
      <c r="NK28" s="349">
        <v>2336338</v>
      </c>
      <c r="NL28" s="347">
        <v>2336338</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344633</v>
      </c>
      <c r="OJ28" s="345">
        <v>418590</v>
      </c>
      <c r="OK28" s="346">
        <v>763223</v>
      </c>
      <c r="OL28" s="351">
        <v>0</v>
      </c>
      <c r="OM28" s="345">
        <v>2517488</v>
      </c>
      <c r="ON28" s="345">
        <v>2427854</v>
      </c>
      <c r="OO28" s="345">
        <v>4569158</v>
      </c>
      <c r="OP28" s="345">
        <v>5047978</v>
      </c>
      <c r="OQ28" s="345">
        <v>1975475</v>
      </c>
      <c r="OR28" s="349">
        <v>16537953</v>
      </c>
      <c r="OS28" s="354">
        <v>17301176</v>
      </c>
    </row>
    <row r="29" spans="2:409" s="70" customFormat="1" ht="21" customHeight="1" x14ac:dyDescent="0.2">
      <c r="B29" s="410" t="s">
        <v>24</v>
      </c>
      <c r="C29" s="326">
        <v>390693</v>
      </c>
      <c r="D29" s="327">
        <v>403991</v>
      </c>
      <c r="E29" s="328">
        <v>794684</v>
      </c>
      <c r="F29" s="329">
        <v>0</v>
      </c>
      <c r="G29" s="327">
        <v>2059758</v>
      </c>
      <c r="H29" s="327">
        <v>2331347</v>
      </c>
      <c r="I29" s="327">
        <v>1884307</v>
      </c>
      <c r="J29" s="327">
        <v>2081327</v>
      </c>
      <c r="K29" s="327">
        <v>1240712</v>
      </c>
      <c r="L29" s="367">
        <v>9597451</v>
      </c>
      <c r="M29" s="330">
        <v>10392135</v>
      </c>
      <c r="N29" s="326">
        <v>87095</v>
      </c>
      <c r="O29" s="327">
        <v>87575</v>
      </c>
      <c r="P29" s="328">
        <v>174670</v>
      </c>
      <c r="Q29" s="326">
        <v>0</v>
      </c>
      <c r="R29" s="327">
        <v>558248</v>
      </c>
      <c r="S29" s="327">
        <v>551611</v>
      </c>
      <c r="T29" s="327">
        <v>618897</v>
      </c>
      <c r="U29" s="327">
        <v>1123489</v>
      </c>
      <c r="V29" s="327">
        <v>628463</v>
      </c>
      <c r="W29" s="328">
        <v>3480708</v>
      </c>
      <c r="X29" s="330">
        <v>3655378</v>
      </c>
      <c r="Y29" s="326">
        <v>0</v>
      </c>
      <c r="Z29" s="327">
        <v>0</v>
      </c>
      <c r="AA29" s="328">
        <v>0</v>
      </c>
      <c r="AB29" s="326">
        <v>0</v>
      </c>
      <c r="AC29" s="327">
        <v>64378</v>
      </c>
      <c r="AD29" s="327">
        <v>240584</v>
      </c>
      <c r="AE29" s="327">
        <v>252353</v>
      </c>
      <c r="AF29" s="327">
        <v>618172</v>
      </c>
      <c r="AG29" s="327">
        <v>512058</v>
      </c>
      <c r="AH29" s="328">
        <v>1687545</v>
      </c>
      <c r="AI29" s="330">
        <v>1687545</v>
      </c>
      <c r="AJ29" s="326">
        <v>0</v>
      </c>
      <c r="AK29" s="327">
        <v>0</v>
      </c>
      <c r="AL29" s="328">
        <v>0</v>
      </c>
      <c r="AM29" s="326">
        <v>0</v>
      </c>
      <c r="AN29" s="327">
        <v>0</v>
      </c>
      <c r="AO29" s="327">
        <v>0</v>
      </c>
      <c r="AP29" s="327">
        <v>0</v>
      </c>
      <c r="AQ29" s="327">
        <v>193100</v>
      </c>
      <c r="AR29" s="327">
        <v>48973</v>
      </c>
      <c r="AS29" s="328">
        <v>242073</v>
      </c>
      <c r="AT29" s="330">
        <v>242073</v>
      </c>
      <c r="AU29" s="326">
        <v>21639</v>
      </c>
      <c r="AV29" s="327">
        <v>78007</v>
      </c>
      <c r="AW29" s="328">
        <v>99646</v>
      </c>
      <c r="AX29" s="326">
        <v>0</v>
      </c>
      <c r="AY29" s="327">
        <v>317872</v>
      </c>
      <c r="AZ29" s="327">
        <v>174823</v>
      </c>
      <c r="BA29" s="327">
        <v>227152</v>
      </c>
      <c r="BB29" s="327">
        <v>202505</v>
      </c>
      <c r="BC29" s="327">
        <v>0</v>
      </c>
      <c r="BD29" s="328">
        <v>922352</v>
      </c>
      <c r="BE29" s="330">
        <v>1021998</v>
      </c>
      <c r="BF29" s="326">
        <v>0</v>
      </c>
      <c r="BG29" s="327">
        <v>0</v>
      </c>
      <c r="BH29" s="331">
        <v>0</v>
      </c>
      <c r="BI29" s="332">
        <v>0</v>
      </c>
      <c r="BJ29" s="327">
        <v>36550</v>
      </c>
      <c r="BK29" s="327">
        <v>44004</v>
      </c>
      <c r="BL29" s="327">
        <v>0</v>
      </c>
      <c r="BM29" s="327">
        <v>0</v>
      </c>
      <c r="BN29" s="327">
        <v>0</v>
      </c>
      <c r="BO29" s="328">
        <v>80554</v>
      </c>
      <c r="BP29" s="330">
        <v>80554</v>
      </c>
      <c r="BQ29" s="326">
        <v>65456</v>
      </c>
      <c r="BR29" s="327">
        <v>9568</v>
      </c>
      <c r="BS29" s="328">
        <v>75024</v>
      </c>
      <c r="BT29" s="326">
        <v>0</v>
      </c>
      <c r="BU29" s="327">
        <v>139448</v>
      </c>
      <c r="BV29" s="327">
        <v>92200</v>
      </c>
      <c r="BW29" s="327">
        <v>139392</v>
      </c>
      <c r="BX29" s="327">
        <v>109712</v>
      </c>
      <c r="BY29" s="327">
        <v>67432</v>
      </c>
      <c r="BZ29" s="328">
        <v>548184</v>
      </c>
      <c r="CA29" s="330">
        <v>623208</v>
      </c>
      <c r="CB29" s="326">
        <v>20289</v>
      </c>
      <c r="CC29" s="327">
        <v>117136</v>
      </c>
      <c r="CD29" s="328">
        <v>137425</v>
      </c>
      <c r="CE29" s="326">
        <v>0</v>
      </c>
      <c r="CF29" s="327">
        <v>670066</v>
      </c>
      <c r="CG29" s="327">
        <v>1052965</v>
      </c>
      <c r="CH29" s="327">
        <v>484257</v>
      </c>
      <c r="CI29" s="327">
        <v>188512</v>
      </c>
      <c r="CJ29" s="327">
        <v>95254</v>
      </c>
      <c r="CK29" s="328">
        <v>2491054</v>
      </c>
      <c r="CL29" s="330">
        <v>2628479</v>
      </c>
      <c r="CM29" s="326">
        <v>0</v>
      </c>
      <c r="CN29" s="327">
        <v>0</v>
      </c>
      <c r="CO29" s="328">
        <v>0</v>
      </c>
      <c r="CP29" s="332">
        <v>0</v>
      </c>
      <c r="CQ29" s="327">
        <v>615004</v>
      </c>
      <c r="CR29" s="327">
        <v>657051</v>
      </c>
      <c r="CS29" s="327">
        <v>216154</v>
      </c>
      <c r="CT29" s="327">
        <v>37252</v>
      </c>
      <c r="CU29" s="327">
        <v>88916</v>
      </c>
      <c r="CV29" s="328">
        <v>1614377</v>
      </c>
      <c r="CW29" s="330">
        <v>1614377</v>
      </c>
      <c r="CX29" s="326">
        <v>20289</v>
      </c>
      <c r="CY29" s="327">
        <v>117136</v>
      </c>
      <c r="CZ29" s="328">
        <v>137425</v>
      </c>
      <c r="DA29" s="326">
        <v>0</v>
      </c>
      <c r="DB29" s="327">
        <v>55062</v>
      </c>
      <c r="DC29" s="327">
        <v>395914</v>
      </c>
      <c r="DD29" s="327">
        <v>268103</v>
      </c>
      <c r="DE29" s="327">
        <v>151260</v>
      </c>
      <c r="DF29" s="327">
        <v>6338</v>
      </c>
      <c r="DG29" s="328">
        <v>876677</v>
      </c>
      <c r="DH29" s="330">
        <v>1014102</v>
      </c>
      <c r="DI29" s="326">
        <v>0</v>
      </c>
      <c r="DJ29" s="327">
        <v>0</v>
      </c>
      <c r="DK29" s="331">
        <v>0</v>
      </c>
      <c r="DL29" s="332">
        <v>0</v>
      </c>
      <c r="DM29" s="327">
        <v>36780</v>
      </c>
      <c r="DN29" s="327">
        <v>369556</v>
      </c>
      <c r="DO29" s="327">
        <v>20534</v>
      </c>
      <c r="DP29" s="327">
        <v>362140</v>
      </c>
      <c r="DQ29" s="327">
        <v>0</v>
      </c>
      <c r="DR29" s="328">
        <v>789010</v>
      </c>
      <c r="DS29" s="330">
        <v>789010</v>
      </c>
      <c r="DT29" s="326">
        <v>0</v>
      </c>
      <c r="DU29" s="327">
        <v>0</v>
      </c>
      <c r="DV29" s="328">
        <v>0</v>
      </c>
      <c r="DW29" s="326">
        <v>0</v>
      </c>
      <c r="DX29" s="327">
        <v>0</v>
      </c>
      <c r="DY29" s="327">
        <v>369556</v>
      </c>
      <c r="DZ29" s="327">
        <v>20534</v>
      </c>
      <c r="EA29" s="327">
        <v>362140</v>
      </c>
      <c r="EB29" s="327">
        <v>0</v>
      </c>
      <c r="EC29" s="328">
        <v>752230</v>
      </c>
      <c r="ED29" s="330">
        <v>752230</v>
      </c>
      <c r="EE29" s="326">
        <v>0</v>
      </c>
      <c r="EF29" s="331">
        <v>0</v>
      </c>
      <c r="EG29" s="328">
        <v>0</v>
      </c>
      <c r="EH29" s="326">
        <v>0</v>
      </c>
      <c r="EI29" s="327">
        <v>36780</v>
      </c>
      <c r="EJ29" s="327">
        <v>0</v>
      </c>
      <c r="EK29" s="327">
        <v>0</v>
      </c>
      <c r="EL29" s="327">
        <v>0</v>
      </c>
      <c r="EM29" s="327">
        <v>0</v>
      </c>
      <c r="EN29" s="331">
        <v>36780</v>
      </c>
      <c r="EO29" s="330">
        <v>3678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123192</v>
      </c>
      <c r="FM29" s="327">
        <v>199280</v>
      </c>
      <c r="FN29" s="328">
        <v>322472</v>
      </c>
      <c r="FO29" s="326">
        <v>0</v>
      </c>
      <c r="FP29" s="327">
        <v>109752</v>
      </c>
      <c r="FQ29" s="327">
        <v>202547</v>
      </c>
      <c r="FR29" s="327">
        <v>144864</v>
      </c>
      <c r="FS29" s="327">
        <v>187448</v>
      </c>
      <c r="FT29" s="327">
        <v>37024</v>
      </c>
      <c r="FU29" s="328">
        <v>681635</v>
      </c>
      <c r="FV29" s="330">
        <v>1004107</v>
      </c>
      <c r="FW29" s="333">
        <v>47192</v>
      </c>
      <c r="FX29" s="327">
        <v>20080</v>
      </c>
      <c r="FY29" s="331">
        <v>67272</v>
      </c>
      <c r="FZ29" s="332">
        <v>0</v>
      </c>
      <c r="GA29" s="327">
        <v>65752</v>
      </c>
      <c r="GB29" s="327">
        <v>186144</v>
      </c>
      <c r="GC29" s="327">
        <v>130344</v>
      </c>
      <c r="GD29" s="327">
        <v>148728</v>
      </c>
      <c r="GE29" s="327">
        <v>37024</v>
      </c>
      <c r="GF29" s="328">
        <v>567992</v>
      </c>
      <c r="GG29" s="334">
        <v>635264</v>
      </c>
      <c r="GH29" s="333">
        <v>0</v>
      </c>
      <c r="GI29" s="327">
        <v>0</v>
      </c>
      <c r="GJ29" s="331">
        <v>0</v>
      </c>
      <c r="GK29" s="332">
        <v>0</v>
      </c>
      <c r="GL29" s="327">
        <v>0</v>
      </c>
      <c r="GM29" s="327">
        <v>16403</v>
      </c>
      <c r="GN29" s="327">
        <v>14520</v>
      </c>
      <c r="GO29" s="327">
        <v>0</v>
      </c>
      <c r="GP29" s="327">
        <v>0</v>
      </c>
      <c r="GQ29" s="328">
        <v>30923</v>
      </c>
      <c r="GR29" s="330">
        <v>30923</v>
      </c>
      <c r="GS29" s="326">
        <v>76000</v>
      </c>
      <c r="GT29" s="327">
        <v>179200</v>
      </c>
      <c r="GU29" s="328">
        <v>255200</v>
      </c>
      <c r="GV29" s="326">
        <v>0</v>
      </c>
      <c r="GW29" s="327">
        <v>44000</v>
      </c>
      <c r="GX29" s="327">
        <v>0</v>
      </c>
      <c r="GY29" s="327">
        <v>0</v>
      </c>
      <c r="GZ29" s="327">
        <v>38720</v>
      </c>
      <c r="HA29" s="327">
        <v>0</v>
      </c>
      <c r="HB29" s="331">
        <v>82720</v>
      </c>
      <c r="HC29" s="330">
        <v>337920</v>
      </c>
      <c r="HD29" s="326">
        <v>160117</v>
      </c>
      <c r="HE29" s="327">
        <v>0</v>
      </c>
      <c r="HF29" s="331">
        <v>160117</v>
      </c>
      <c r="HG29" s="332">
        <v>0</v>
      </c>
      <c r="HH29" s="327">
        <v>684912</v>
      </c>
      <c r="HI29" s="327">
        <v>154668</v>
      </c>
      <c r="HJ29" s="327">
        <v>615755</v>
      </c>
      <c r="HK29" s="327">
        <v>219738</v>
      </c>
      <c r="HL29" s="327">
        <v>479971</v>
      </c>
      <c r="HM29" s="328">
        <v>2155044</v>
      </c>
      <c r="HN29" s="329">
        <v>2315161</v>
      </c>
      <c r="HO29" s="333">
        <v>0</v>
      </c>
      <c r="HP29" s="327">
        <v>0</v>
      </c>
      <c r="HQ29" s="328">
        <v>0</v>
      </c>
      <c r="HR29" s="326">
        <v>0</v>
      </c>
      <c r="HS29" s="327">
        <v>0</v>
      </c>
      <c r="HT29" s="327">
        <v>0</v>
      </c>
      <c r="HU29" s="327">
        <v>0</v>
      </c>
      <c r="HV29" s="327">
        <v>0</v>
      </c>
      <c r="HW29" s="327">
        <v>0</v>
      </c>
      <c r="HX29" s="331">
        <v>0</v>
      </c>
      <c r="HY29" s="330">
        <v>0</v>
      </c>
      <c r="HZ29" s="335">
        <v>45060</v>
      </c>
      <c r="IA29" s="336">
        <v>0</v>
      </c>
      <c r="IB29" s="337">
        <v>45060</v>
      </c>
      <c r="IC29" s="338">
        <v>0</v>
      </c>
      <c r="ID29" s="336">
        <v>47282</v>
      </c>
      <c r="IE29" s="339">
        <v>202260</v>
      </c>
      <c r="IF29" s="337">
        <v>743486</v>
      </c>
      <c r="IG29" s="336">
        <v>202768</v>
      </c>
      <c r="IH29" s="337">
        <v>0</v>
      </c>
      <c r="II29" s="340">
        <v>1195796</v>
      </c>
      <c r="IJ29" s="341">
        <v>1240856</v>
      </c>
      <c r="IK29" s="342">
        <v>0</v>
      </c>
      <c r="IL29" s="343">
        <v>0</v>
      </c>
      <c r="IM29" s="344">
        <v>0</v>
      </c>
      <c r="IN29" s="404">
        <v>0</v>
      </c>
      <c r="IO29" s="345">
        <v>0</v>
      </c>
      <c r="IP29" s="345">
        <v>0</v>
      </c>
      <c r="IQ29" s="345">
        <v>0</v>
      </c>
      <c r="IR29" s="345">
        <v>202768</v>
      </c>
      <c r="IS29" s="345">
        <v>0</v>
      </c>
      <c r="IT29" s="346">
        <v>202768</v>
      </c>
      <c r="IU29" s="347">
        <v>202768</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47282</v>
      </c>
      <c r="JL29" s="345">
        <v>98036</v>
      </c>
      <c r="JM29" s="345">
        <v>112173</v>
      </c>
      <c r="JN29" s="345">
        <v>0</v>
      </c>
      <c r="JO29" s="345">
        <v>0</v>
      </c>
      <c r="JP29" s="349">
        <v>257491</v>
      </c>
      <c r="JQ29" s="347">
        <v>257491</v>
      </c>
      <c r="JR29" s="348">
        <v>0</v>
      </c>
      <c r="JS29" s="345">
        <v>0</v>
      </c>
      <c r="JT29" s="346">
        <v>0</v>
      </c>
      <c r="JU29" s="351">
        <v>0</v>
      </c>
      <c r="JV29" s="345">
        <v>0</v>
      </c>
      <c r="JW29" s="345">
        <v>0</v>
      </c>
      <c r="JX29" s="345">
        <v>145615</v>
      </c>
      <c r="JY29" s="345">
        <v>0</v>
      </c>
      <c r="JZ29" s="345">
        <v>0</v>
      </c>
      <c r="KA29" s="349">
        <v>145615</v>
      </c>
      <c r="KB29" s="347">
        <v>145615</v>
      </c>
      <c r="KC29" s="352">
        <v>45060</v>
      </c>
      <c r="KD29" s="353">
        <v>0</v>
      </c>
      <c r="KE29" s="349">
        <v>45060</v>
      </c>
      <c r="KF29" s="351">
        <v>0</v>
      </c>
      <c r="KG29" s="345">
        <v>0</v>
      </c>
      <c r="KH29" s="345">
        <v>104224</v>
      </c>
      <c r="KI29" s="345">
        <v>0</v>
      </c>
      <c r="KJ29" s="345">
        <v>0</v>
      </c>
      <c r="KK29" s="345">
        <v>0</v>
      </c>
      <c r="KL29" s="349">
        <v>104224</v>
      </c>
      <c r="KM29" s="354">
        <v>149284</v>
      </c>
      <c r="KN29" s="342">
        <v>0</v>
      </c>
      <c r="KO29" s="343">
        <v>0</v>
      </c>
      <c r="KP29" s="344">
        <v>0</v>
      </c>
      <c r="KQ29" s="404">
        <v>0</v>
      </c>
      <c r="KR29" s="345">
        <v>0</v>
      </c>
      <c r="KS29" s="345">
        <v>0</v>
      </c>
      <c r="KT29" s="345">
        <v>485698</v>
      </c>
      <c r="KU29" s="345">
        <v>0</v>
      </c>
      <c r="KV29" s="345">
        <v>0</v>
      </c>
      <c r="KW29" s="349">
        <v>485698</v>
      </c>
      <c r="KX29" s="347">
        <v>485698</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35910</v>
      </c>
      <c r="MK29" s="345">
        <v>254645</v>
      </c>
      <c r="ML29" s="345">
        <v>1355314</v>
      </c>
      <c r="MM29" s="345">
        <v>2449493</v>
      </c>
      <c r="MN29" s="345">
        <v>859794</v>
      </c>
      <c r="MO29" s="349">
        <v>5155156</v>
      </c>
      <c r="MP29" s="354">
        <v>5155156</v>
      </c>
      <c r="MQ29" s="348">
        <v>0</v>
      </c>
      <c r="MR29" s="345">
        <v>0</v>
      </c>
      <c r="MS29" s="349">
        <v>0</v>
      </c>
      <c r="MT29" s="404">
        <v>0</v>
      </c>
      <c r="MU29" s="345">
        <v>0</v>
      </c>
      <c r="MV29" s="345">
        <v>0</v>
      </c>
      <c r="MW29" s="345">
        <v>245884</v>
      </c>
      <c r="MX29" s="345">
        <v>1612145</v>
      </c>
      <c r="MY29" s="345">
        <v>859794</v>
      </c>
      <c r="MZ29" s="349">
        <v>2717823</v>
      </c>
      <c r="NA29" s="354">
        <v>2717823</v>
      </c>
      <c r="NB29" s="348">
        <v>0</v>
      </c>
      <c r="NC29" s="345">
        <v>0</v>
      </c>
      <c r="ND29" s="349">
        <v>0</v>
      </c>
      <c r="NE29" s="404">
        <v>0</v>
      </c>
      <c r="NF29" s="345">
        <v>235910</v>
      </c>
      <c r="NG29" s="345">
        <v>254645</v>
      </c>
      <c r="NH29" s="345">
        <v>1109430</v>
      </c>
      <c r="NI29" s="345">
        <v>837348</v>
      </c>
      <c r="NJ29" s="345">
        <v>0</v>
      </c>
      <c r="NK29" s="349">
        <v>2437333</v>
      </c>
      <c r="NL29" s="347">
        <v>2437333</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435753</v>
      </c>
      <c r="OJ29" s="345">
        <v>403991</v>
      </c>
      <c r="OK29" s="346">
        <v>839744</v>
      </c>
      <c r="OL29" s="351">
        <v>0</v>
      </c>
      <c r="OM29" s="345">
        <v>2342950</v>
      </c>
      <c r="ON29" s="345">
        <v>2788252</v>
      </c>
      <c r="OO29" s="345">
        <v>3983107</v>
      </c>
      <c r="OP29" s="345">
        <v>4733588</v>
      </c>
      <c r="OQ29" s="345">
        <v>2100506</v>
      </c>
      <c r="OR29" s="349">
        <v>15948403</v>
      </c>
      <c r="OS29" s="354">
        <v>16788147</v>
      </c>
    </row>
    <row r="30" spans="2:409" s="70" customFormat="1" ht="21" customHeight="1" x14ac:dyDescent="0.2">
      <c r="B30" s="410" t="s">
        <v>25</v>
      </c>
      <c r="C30" s="326">
        <v>28904</v>
      </c>
      <c r="D30" s="327">
        <v>176798</v>
      </c>
      <c r="E30" s="328">
        <v>205702</v>
      </c>
      <c r="F30" s="329">
        <v>0</v>
      </c>
      <c r="G30" s="327">
        <v>1932460</v>
      </c>
      <c r="H30" s="327">
        <v>1791470</v>
      </c>
      <c r="I30" s="327">
        <v>888930</v>
      </c>
      <c r="J30" s="327">
        <v>1180145</v>
      </c>
      <c r="K30" s="327">
        <v>-411</v>
      </c>
      <c r="L30" s="367">
        <v>5792594</v>
      </c>
      <c r="M30" s="330">
        <v>5998296</v>
      </c>
      <c r="N30" s="326">
        <v>9800</v>
      </c>
      <c r="O30" s="327">
        <v>96147</v>
      </c>
      <c r="P30" s="328">
        <v>105947</v>
      </c>
      <c r="Q30" s="326">
        <v>0</v>
      </c>
      <c r="R30" s="327">
        <v>483659</v>
      </c>
      <c r="S30" s="327">
        <v>856071</v>
      </c>
      <c r="T30" s="327">
        <v>226426</v>
      </c>
      <c r="U30" s="327">
        <v>284542</v>
      </c>
      <c r="V30" s="327">
        <v>0</v>
      </c>
      <c r="W30" s="328">
        <v>1850698</v>
      </c>
      <c r="X30" s="330">
        <v>1956645</v>
      </c>
      <c r="Y30" s="326">
        <v>0</v>
      </c>
      <c r="Z30" s="327">
        <v>0</v>
      </c>
      <c r="AA30" s="328">
        <v>0</v>
      </c>
      <c r="AB30" s="326">
        <v>0</v>
      </c>
      <c r="AC30" s="327">
        <v>304870</v>
      </c>
      <c r="AD30" s="327">
        <v>310724</v>
      </c>
      <c r="AE30" s="327">
        <v>13139</v>
      </c>
      <c r="AF30" s="327">
        <v>51229</v>
      </c>
      <c r="AG30" s="327">
        <v>0</v>
      </c>
      <c r="AH30" s="328">
        <v>679962</v>
      </c>
      <c r="AI30" s="330">
        <v>679962</v>
      </c>
      <c r="AJ30" s="326">
        <v>0</v>
      </c>
      <c r="AK30" s="327">
        <v>0</v>
      </c>
      <c r="AL30" s="328">
        <v>0</v>
      </c>
      <c r="AM30" s="326">
        <v>0</v>
      </c>
      <c r="AN30" s="327">
        <v>0</v>
      </c>
      <c r="AO30" s="327">
        <v>0</v>
      </c>
      <c r="AP30" s="327">
        <v>47422</v>
      </c>
      <c r="AQ30" s="327">
        <v>23711</v>
      </c>
      <c r="AR30" s="327">
        <v>0</v>
      </c>
      <c r="AS30" s="328">
        <v>71133</v>
      </c>
      <c r="AT30" s="330">
        <v>71133</v>
      </c>
      <c r="AU30" s="326">
        <v>7720</v>
      </c>
      <c r="AV30" s="327">
        <v>21733</v>
      </c>
      <c r="AW30" s="328">
        <v>29453</v>
      </c>
      <c r="AX30" s="326">
        <v>0</v>
      </c>
      <c r="AY30" s="327">
        <v>90581</v>
      </c>
      <c r="AZ30" s="327">
        <v>375433</v>
      </c>
      <c r="BA30" s="327">
        <v>136641</v>
      </c>
      <c r="BB30" s="327">
        <v>171890</v>
      </c>
      <c r="BC30" s="327">
        <v>0</v>
      </c>
      <c r="BD30" s="328">
        <v>774545</v>
      </c>
      <c r="BE30" s="330">
        <v>803998</v>
      </c>
      <c r="BF30" s="326">
        <v>0</v>
      </c>
      <c r="BG30" s="327">
        <v>67382</v>
      </c>
      <c r="BH30" s="331">
        <v>67382</v>
      </c>
      <c r="BI30" s="332">
        <v>0</v>
      </c>
      <c r="BJ30" s="327">
        <v>0</v>
      </c>
      <c r="BK30" s="327">
        <v>143402</v>
      </c>
      <c r="BL30" s="327">
        <v>0</v>
      </c>
      <c r="BM30" s="327">
        <v>0</v>
      </c>
      <c r="BN30" s="327">
        <v>0</v>
      </c>
      <c r="BO30" s="328">
        <v>143402</v>
      </c>
      <c r="BP30" s="330">
        <v>210784</v>
      </c>
      <c r="BQ30" s="326">
        <v>2080</v>
      </c>
      <c r="BR30" s="327">
        <v>7032</v>
      </c>
      <c r="BS30" s="328">
        <v>9112</v>
      </c>
      <c r="BT30" s="326">
        <v>0</v>
      </c>
      <c r="BU30" s="327">
        <v>88208</v>
      </c>
      <c r="BV30" s="327">
        <v>26512</v>
      </c>
      <c r="BW30" s="327">
        <v>29224</v>
      </c>
      <c r="BX30" s="327">
        <v>37712</v>
      </c>
      <c r="BY30" s="327">
        <v>0</v>
      </c>
      <c r="BZ30" s="328">
        <v>181656</v>
      </c>
      <c r="CA30" s="330">
        <v>190768</v>
      </c>
      <c r="CB30" s="326">
        <v>0</v>
      </c>
      <c r="CC30" s="327">
        <v>37507</v>
      </c>
      <c r="CD30" s="328">
        <v>37507</v>
      </c>
      <c r="CE30" s="326">
        <v>0</v>
      </c>
      <c r="CF30" s="327">
        <v>637567</v>
      </c>
      <c r="CG30" s="327">
        <v>489766</v>
      </c>
      <c r="CH30" s="327">
        <v>198829</v>
      </c>
      <c r="CI30" s="327">
        <v>188750</v>
      </c>
      <c r="CJ30" s="327">
        <v>-411</v>
      </c>
      <c r="CK30" s="328">
        <v>1514501</v>
      </c>
      <c r="CL30" s="330">
        <v>1552008</v>
      </c>
      <c r="CM30" s="326">
        <v>0</v>
      </c>
      <c r="CN30" s="327">
        <v>0</v>
      </c>
      <c r="CO30" s="328">
        <v>0</v>
      </c>
      <c r="CP30" s="332">
        <v>0</v>
      </c>
      <c r="CQ30" s="327">
        <v>545589</v>
      </c>
      <c r="CR30" s="327">
        <v>80254</v>
      </c>
      <c r="CS30" s="327">
        <v>12865</v>
      </c>
      <c r="CT30" s="327">
        <v>10432</v>
      </c>
      <c r="CU30" s="327">
        <v>-411</v>
      </c>
      <c r="CV30" s="328">
        <v>648729</v>
      </c>
      <c r="CW30" s="330">
        <v>648729</v>
      </c>
      <c r="CX30" s="326">
        <v>0</v>
      </c>
      <c r="CY30" s="327">
        <v>37507</v>
      </c>
      <c r="CZ30" s="328">
        <v>37507</v>
      </c>
      <c r="DA30" s="326">
        <v>0</v>
      </c>
      <c r="DB30" s="327">
        <v>91978</v>
      </c>
      <c r="DC30" s="327">
        <v>409512</v>
      </c>
      <c r="DD30" s="327">
        <v>185964</v>
      </c>
      <c r="DE30" s="327">
        <v>178318</v>
      </c>
      <c r="DF30" s="327">
        <v>0</v>
      </c>
      <c r="DG30" s="328">
        <v>865772</v>
      </c>
      <c r="DH30" s="330">
        <v>903279</v>
      </c>
      <c r="DI30" s="326">
        <v>0</v>
      </c>
      <c r="DJ30" s="327">
        <v>0</v>
      </c>
      <c r="DK30" s="331">
        <v>0</v>
      </c>
      <c r="DL30" s="332">
        <v>0</v>
      </c>
      <c r="DM30" s="327">
        <v>66709</v>
      </c>
      <c r="DN30" s="327">
        <v>60609</v>
      </c>
      <c r="DO30" s="327">
        <v>0</v>
      </c>
      <c r="DP30" s="327">
        <v>77553</v>
      </c>
      <c r="DQ30" s="327">
        <v>0</v>
      </c>
      <c r="DR30" s="328">
        <v>204871</v>
      </c>
      <c r="DS30" s="330">
        <v>204871</v>
      </c>
      <c r="DT30" s="326">
        <v>0</v>
      </c>
      <c r="DU30" s="327">
        <v>0</v>
      </c>
      <c r="DV30" s="328">
        <v>0</v>
      </c>
      <c r="DW30" s="326">
        <v>0</v>
      </c>
      <c r="DX30" s="327">
        <v>66709</v>
      </c>
      <c r="DY30" s="327">
        <v>0</v>
      </c>
      <c r="DZ30" s="327">
        <v>0</v>
      </c>
      <c r="EA30" s="327">
        <v>41330</v>
      </c>
      <c r="EB30" s="327">
        <v>0</v>
      </c>
      <c r="EC30" s="328">
        <v>108039</v>
      </c>
      <c r="ED30" s="330">
        <v>108039</v>
      </c>
      <c r="EE30" s="326">
        <v>0</v>
      </c>
      <c r="EF30" s="331">
        <v>0</v>
      </c>
      <c r="EG30" s="328">
        <v>0</v>
      </c>
      <c r="EH30" s="326">
        <v>0</v>
      </c>
      <c r="EI30" s="327">
        <v>0</v>
      </c>
      <c r="EJ30" s="327">
        <v>60609</v>
      </c>
      <c r="EK30" s="327">
        <v>0</v>
      </c>
      <c r="EL30" s="327">
        <v>36223</v>
      </c>
      <c r="EM30" s="327">
        <v>0</v>
      </c>
      <c r="EN30" s="331">
        <v>96832</v>
      </c>
      <c r="EO30" s="330">
        <v>96832</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19104</v>
      </c>
      <c r="FM30" s="327">
        <v>43144</v>
      </c>
      <c r="FN30" s="328">
        <v>62248</v>
      </c>
      <c r="FO30" s="326">
        <v>0</v>
      </c>
      <c r="FP30" s="327">
        <v>31832</v>
      </c>
      <c r="FQ30" s="327">
        <v>269280</v>
      </c>
      <c r="FR30" s="327">
        <v>69096</v>
      </c>
      <c r="FS30" s="327">
        <v>111008</v>
      </c>
      <c r="FT30" s="327">
        <v>0</v>
      </c>
      <c r="FU30" s="328">
        <v>481216</v>
      </c>
      <c r="FV30" s="330">
        <v>543464</v>
      </c>
      <c r="FW30" s="333">
        <v>19104</v>
      </c>
      <c r="FX30" s="327">
        <v>43144</v>
      </c>
      <c r="FY30" s="331">
        <v>62248</v>
      </c>
      <c r="FZ30" s="332">
        <v>0</v>
      </c>
      <c r="GA30" s="327">
        <v>31832</v>
      </c>
      <c r="GB30" s="327">
        <v>230560</v>
      </c>
      <c r="GC30" s="327">
        <v>69096</v>
      </c>
      <c r="GD30" s="327">
        <v>88480</v>
      </c>
      <c r="GE30" s="327">
        <v>0</v>
      </c>
      <c r="GF30" s="328">
        <v>419968</v>
      </c>
      <c r="GG30" s="334">
        <v>482216</v>
      </c>
      <c r="GH30" s="333">
        <v>0</v>
      </c>
      <c r="GI30" s="327">
        <v>0</v>
      </c>
      <c r="GJ30" s="331">
        <v>0</v>
      </c>
      <c r="GK30" s="332">
        <v>0</v>
      </c>
      <c r="GL30" s="327">
        <v>0</v>
      </c>
      <c r="GM30" s="327">
        <v>38720</v>
      </c>
      <c r="GN30" s="327">
        <v>0</v>
      </c>
      <c r="GO30" s="327">
        <v>22528</v>
      </c>
      <c r="GP30" s="327">
        <v>0</v>
      </c>
      <c r="GQ30" s="328">
        <v>61248</v>
      </c>
      <c r="GR30" s="330">
        <v>61248</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712693</v>
      </c>
      <c r="HI30" s="327">
        <v>115744</v>
      </c>
      <c r="HJ30" s="327">
        <v>394579</v>
      </c>
      <c r="HK30" s="327">
        <v>518292</v>
      </c>
      <c r="HL30" s="327">
        <v>0</v>
      </c>
      <c r="HM30" s="328">
        <v>1741308</v>
      </c>
      <c r="HN30" s="329">
        <v>1741308</v>
      </c>
      <c r="HO30" s="333">
        <v>0</v>
      </c>
      <c r="HP30" s="327">
        <v>0</v>
      </c>
      <c r="HQ30" s="328">
        <v>0</v>
      </c>
      <c r="HR30" s="326">
        <v>0</v>
      </c>
      <c r="HS30" s="327">
        <v>0</v>
      </c>
      <c r="HT30" s="327">
        <v>0</v>
      </c>
      <c r="HU30" s="327">
        <v>0</v>
      </c>
      <c r="HV30" s="327">
        <v>0</v>
      </c>
      <c r="HW30" s="327">
        <v>0</v>
      </c>
      <c r="HX30" s="331">
        <v>0</v>
      </c>
      <c r="HY30" s="330">
        <v>0</v>
      </c>
      <c r="HZ30" s="358">
        <v>43364</v>
      </c>
      <c r="IA30" s="356">
        <v>0</v>
      </c>
      <c r="IB30" s="358">
        <v>43364</v>
      </c>
      <c r="IC30" s="355">
        <v>0</v>
      </c>
      <c r="ID30" s="356">
        <v>383911</v>
      </c>
      <c r="IE30" s="357">
        <v>122103</v>
      </c>
      <c r="IF30" s="358">
        <v>40311</v>
      </c>
      <c r="IG30" s="356">
        <v>118468</v>
      </c>
      <c r="IH30" s="358">
        <v>0</v>
      </c>
      <c r="II30" s="359">
        <v>664793</v>
      </c>
      <c r="IJ30" s="358">
        <v>708157</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59630</v>
      </c>
      <c r="JL30" s="345">
        <v>122103</v>
      </c>
      <c r="JM30" s="345">
        <v>40311</v>
      </c>
      <c r="JN30" s="345">
        <v>118468</v>
      </c>
      <c r="JO30" s="345">
        <v>0</v>
      </c>
      <c r="JP30" s="349">
        <v>440512</v>
      </c>
      <c r="JQ30" s="347">
        <v>440512</v>
      </c>
      <c r="JR30" s="348">
        <v>0</v>
      </c>
      <c r="JS30" s="345">
        <v>0</v>
      </c>
      <c r="JT30" s="346">
        <v>0</v>
      </c>
      <c r="JU30" s="351">
        <v>0</v>
      </c>
      <c r="JV30" s="345">
        <v>0</v>
      </c>
      <c r="JW30" s="345">
        <v>0</v>
      </c>
      <c r="JX30" s="345">
        <v>0</v>
      </c>
      <c r="JY30" s="345">
        <v>0</v>
      </c>
      <c r="JZ30" s="345">
        <v>0</v>
      </c>
      <c r="KA30" s="349">
        <v>0</v>
      </c>
      <c r="KB30" s="347">
        <v>0</v>
      </c>
      <c r="KC30" s="352">
        <v>43364</v>
      </c>
      <c r="KD30" s="353">
        <v>0</v>
      </c>
      <c r="KE30" s="349">
        <v>43364</v>
      </c>
      <c r="KF30" s="351">
        <v>0</v>
      </c>
      <c r="KG30" s="345">
        <v>0</v>
      </c>
      <c r="KH30" s="345">
        <v>0</v>
      </c>
      <c r="KI30" s="345">
        <v>0</v>
      </c>
      <c r="KJ30" s="345">
        <v>0</v>
      </c>
      <c r="KK30" s="345">
        <v>0</v>
      </c>
      <c r="KL30" s="349">
        <v>0</v>
      </c>
      <c r="KM30" s="354">
        <v>43364</v>
      </c>
      <c r="KN30" s="342">
        <v>0</v>
      </c>
      <c r="KO30" s="343">
        <v>0</v>
      </c>
      <c r="KP30" s="344">
        <v>0</v>
      </c>
      <c r="KQ30" s="404">
        <v>0</v>
      </c>
      <c r="KR30" s="345">
        <v>224281</v>
      </c>
      <c r="KS30" s="345">
        <v>0</v>
      </c>
      <c r="KT30" s="345">
        <v>0</v>
      </c>
      <c r="KU30" s="345">
        <v>0</v>
      </c>
      <c r="KV30" s="345">
        <v>0</v>
      </c>
      <c r="KW30" s="349">
        <v>224281</v>
      </c>
      <c r="KX30" s="347">
        <v>224281</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04098</v>
      </c>
      <c r="MK30" s="345">
        <v>353585</v>
      </c>
      <c r="ML30" s="345">
        <v>512759</v>
      </c>
      <c r="MM30" s="345">
        <v>319893</v>
      </c>
      <c r="MN30" s="345">
        <v>790093</v>
      </c>
      <c r="MO30" s="349">
        <v>2380428</v>
      </c>
      <c r="MP30" s="354">
        <v>2380428</v>
      </c>
      <c r="MQ30" s="348">
        <v>0</v>
      </c>
      <c r="MR30" s="345">
        <v>0</v>
      </c>
      <c r="MS30" s="349">
        <v>0</v>
      </c>
      <c r="MT30" s="404">
        <v>0</v>
      </c>
      <c r="MU30" s="345">
        <v>189462</v>
      </c>
      <c r="MV30" s="345">
        <v>0</v>
      </c>
      <c r="MW30" s="345">
        <v>439426</v>
      </c>
      <c r="MX30" s="345">
        <v>60149</v>
      </c>
      <c r="MY30" s="345">
        <v>468886</v>
      </c>
      <c r="MZ30" s="349">
        <v>1157923</v>
      </c>
      <c r="NA30" s="354">
        <v>1157923</v>
      </c>
      <c r="NB30" s="348">
        <v>0</v>
      </c>
      <c r="NC30" s="345">
        <v>0</v>
      </c>
      <c r="ND30" s="349">
        <v>0</v>
      </c>
      <c r="NE30" s="404">
        <v>0</v>
      </c>
      <c r="NF30" s="345">
        <v>214636</v>
      </c>
      <c r="NG30" s="345">
        <v>353585</v>
      </c>
      <c r="NH30" s="345">
        <v>73333</v>
      </c>
      <c r="NI30" s="345">
        <v>259744</v>
      </c>
      <c r="NJ30" s="345">
        <v>321207</v>
      </c>
      <c r="NK30" s="349">
        <v>1222505</v>
      </c>
      <c r="NL30" s="347">
        <v>1222505</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72268</v>
      </c>
      <c r="OJ30" s="345">
        <v>176798</v>
      </c>
      <c r="OK30" s="346">
        <v>249066</v>
      </c>
      <c r="OL30" s="351">
        <v>0</v>
      </c>
      <c r="OM30" s="345">
        <v>2720469</v>
      </c>
      <c r="ON30" s="345">
        <v>2267158</v>
      </c>
      <c r="OO30" s="345">
        <v>1442000</v>
      </c>
      <c r="OP30" s="345">
        <v>1618506</v>
      </c>
      <c r="OQ30" s="345">
        <v>789682</v>
      </c>
      <c r="OR30" s="349">
        <v>8837815</v>
      </c>
      <c r="OS30" s="354">
        <v>9086881</v>
      </c>
    </row>
    <row r="31" spans="2:409" s="70" customFormat="1" ht="21" customHeight="1" x14ac:dyDescent="0.2">
      <c r="B31" s="410" t="s">
        <v>26</v>
      </c>
      <c r="C31" s="326">
        <v>123855</v>
      </c>
      <c r="D31" s="327">
        <v>32720</v>
      </c>
      <c r="E31" s="328">
        <v>156575</v>
      </c>
      <c r="F31" s="329">
        <v>0</v>
      </c>
      <c r="G31" s="327">
        <v>1380500</v>
      </c>
      <c r="H31" s="327">
        <v>1010356</v>
      </c>
      <c r="I31" s="327">
        <v>1140888</v>
      </c>
      <c r="J31" s="327">
        <v>950084</v>
      </c>
      <c r="K31" s="327">
        <v>543299</v>
      </c>
      <c r="L31" s="367">
        <v>5025127</v>
      </c>
      <c r="M31" s="330">
        <v>5181702</v>
      </c>
      <c r="N31" s="326">
        <v>38038</v>
      </c>
      <c r="O31" s="327">
        <v>0</v>
      </c>
      <c r="P31" s="328">
        <v>38038</v>
      </c>
      <c r="Q31" s="326">
        <v>0</v>
      </c>
      <c r="R31" s="327">
        <v>518200</v>
      </c>
      <c r="S31" s="327">
        <v>387550</v>
      </c>
      <c r="T31" s="327">
        <v>586427</v>
      </c>
      <c r="U31" s="327">
        <v>489253</v>
      </c>
      <c r="V31" s="327">
        <v>475131</v>
      </c>
      <c r="W31" s="328">
        <v>2456561</v>
      </c>
      <c r="X31" s="330">
        <v>2494599</v>
      </c>
      <c r="Y31" s="326">
        <v>0</v>
      </c>
      <c r="Z31" s="327">
        <v>0</v>
      </c>
      <c r="AA31" s="328">
        <v>0</v>
      </c>
      <c r="AB31" s="326">
        <v>0</v>
      </c>
      <c r="AC31" s="327">
        <v>284923</v>
      </c>
      <c r="AD31" s="327">
        <v>136272</v>
      </c>
      <c r="AE31" s="327">
        <v>413438</v>
      </c>
      <c r="AF31" s="327">
        <v>194353</v>
      </c>
      <c r="AG31" s="327">
        <v>120409</v>
      </c>
      <c r="AH31" s="328">
        <v>1149395</v>
      </c>
      <c r="AI31" s="330">
        <v>1149395</v>
      </c>
      <c r="AJ31" s="326">
        <v>0</v>
      </c>
      <c r="AK31" s="327">
        <v>0</v>
      </c>
      <c r="AL31" s="328">
        <v>0</v>
      </c>
      <c r="AM31" s="326">
        <v>0</v>
      </c>
      <c r="AN31" s="327">
        <v>0</v>
      </c>
      <c r="AO31" s="327">
        <v>0</v>
      </c>
      <c r="AP31" s="327">
        <v>0</v>
      </c>
      <c r="AQ31" s="327">
        <v>93654</v>
      </c>
      <c r="AR31" s="327">
        <v>25585</v>
      </c>
      <c r="AS31" s="328">
        <v>119239</v>
      </c>
      <c r="AT31" s="330">
        <v>119239</v>
      </c>
      <c r="AU31" s="326">
        <v>14254</v>
      </c>
      <c r="AV31" s="327">
        <v>0</v>
      </c>
      <c r="AW31" s="328">
        <v>14254</v>
      </c>
      <c r="AX31" s="326">
        <v>0</v>
      </c>
      <c r="AY31" s="327">
        <v>111957</v>
      </c>
      <c r="AZ31" s="327">
        <v>236862</v>
      </c>
      <c r="BA31" s="327">
        <v>42069</v>
      </c>
      <c r="BB31" s="327">
        <v>132678</v>
      </c>
      <c r="BC31" s="327">
        <v>201587</v>
      </c>
      <c r="BD31" s="328">
        <v>725153</v>
      </c>
      <c r="BE31" s="330">
        <v>739407</v>
      </c>
      <c r="BF31" s="326">
        <v>0</v>
      </c>
      <c r="BG31" s="327">
        <v>0</v>
      </c>
      <c r="BH31" s="331">
        <v>0</v>
      </c>
      <c r="BI31" s="332">
        <v>0</v>
      </c>
      <c r="BJ31" s="327">
        <v>0</v>
      </c>
      <c r="BK31" s="327">
        <v>0</v>
      </c>
      <c r="BL31" s="327">
        <v>0</v>
      </c>
      <c r="BM31" s="327">
        <v>0</v>
      </c>
      <c r="BN31" s="327">
        <v>60806</v>
      </c>
      <c r="BO31" s="328">
        <v>60806</v>
      </c>
      <c r="BP31" s="330">
        <v>60806</v>
      </c>
      <c r="BQ31" s="326">
        <v>23784</v>
      </c>
      <c r="BR31" s="327">
        <v>0</v>
      </c>
      <c r="BS31" s="328">
        <v>23784</v>
      </c>
      <c r="BT31" s="326">
        <v>0</v>
      </c>
      <c r="BU31" s="327">
        <v>121320</v>
      </c>
      <c r="BV31" s="327">
        <v>14416</v>
      </c>
      <c r="BW31" s="327">
        <v>130920</v>
      </c>
      <c r="BX31" s="327">
        <v>68568</v>
      </c>
      <c r="BY31" s="327">
        <v>66744</v>
      </c>
      <c r="BZ31" s="328">
        <v>401968</v>
      </c>
      <c r="CA31" s="330">
        <v>425752</v>
      </c>
      <c r="CB31" s="326">
        <v>0</v>
      </c>
      <c r="CC31" s="327">
        <v>0</v>
      </c>
      <c r="CD31" s="328">
        <v>0</v>
      </c>
      <c r="CE31" s="326">
        <v>0</v>
      </c>
      <c r="CF31" s="327">
        <v>355697</v>
      </c>
      <c r="CG31" s="327">
        <v>297383</v>
      </c>
      <c r="CH31" s="327">
        <v>30823</v>
      </c>
      <c r="CI31" s="327">
        <v>310947</v>
      </c>
      <c r="CJ31" s="327">
        <v>0</v>
      </c>
      <c r="CK31" s="328">
        <v>994850</v>
      </c>
      <c r="CL31" s="330">
        <v>994850</v>
      </c>
      <c r="CM31" s="326">
        <v>0</v>
      </c>
      <c r="CN31" s="327">
        <v>0</v>
      </c>
      <c r="CO31" s="328">
        <v>0</v>
      </c>
      <c r="CP31" s="332">
        <v>0</v>
      </c>
      <c r="CQ31" s="327">
        <v>224467</v>
      </c>
      <c r="CR31" s="327">
        <v>205372</v>
      </c>
      <c r="CS31" s="327">
        <v>30823</v>
      </c>
      <c r="CT31" s="327">
        <v>252332</v>
      </c>
      <c r="CU31" s="327">
        <v>0</v>
      </c>
      <c r="CV31" s="328">
        <v>712994</v>
      </c>
      <c r="CW31" s="330">
        <v>712994</v>
      </c>
      <c r="CX31" s="326">
        <v>0</v>
      </c>
      <c r="CY31" s="327">
        <v>0</v>
      </c>
      <c r="CZ31" s="328">
        <v>0</v>
      </c>
      <c r="DA31" s="326">
        <v>0</v>
      </c>
      <c r="DB31" s="327">
        <v>131230</v>
      </c>
      <c r="DC31" s="327">
        <v>92011</v>
      </c>
      <c r="DD31" s="327">
        <v>0</v>
      </c>
      <c r="DE31" s="327">
        <v>58615</v>
      </c>
      <c r="DF31" s="327">
        <v>0</v>
      </c>
      <c r="DG31" s="328">
        <v>281856</v>
      </c>
      <c r="DH31" s="330">
        <v>281856</v>
      </c>
      <c r="DI31" s="326">
        <v>0</v>
      </c>
      <c r="DJ31" s="327">
        <v>0</v>
      </c>
      <c r="DK31" s="331">
        <v>0</v>
      </c>
      <c r="DL31" s="332">
        <v>0</v>
      </c>
      <c r="DM31" s="327">
        <v>127357</v>
      </c>
      <c r="DN31" s="327">
        <v>25716</v>
      </c>
      <c r="DO31" s="327">
        <v>18297</v>
      </c>
      <c r="DP31" s="327">
        <v>-1460</v>
      </c>
      <c r="DQ31" s="327">
        <v>0</v>
      </c>
      <c r="DR31" s="328">
        <v>169910</v>
      </c>
      <c r="DS31" s="330">
        <v>169910</v>
      </c>
      <c r="DT31" s="326">
        <v>0</v>
      </c>
      <c r="DU31" s="327">
        <v>0</v>
      </c>
      <c r="DV31" s="328">
        <v>0</v>
      </c>
      <c r="DW31" s="326">
        <v>0</v>
      </c>
      <c r="DX31" s="327">
        <v>127357</v>
      </c>
      <c r="DY31" s="327">
        <v>25716</v>
      </c>
      <c r="DZ31" s="327">
        <v>18297</v>
      </c>
      <c r="EA31" s="327">
        <v>-1460</v>
      </c>
      <c r="EB31" s="327">
        <v>0</v>
      </c>
      <c r="EC31" s="328">
        <v>169910</v>
      </c>
      <c r="ED31" s="330">
        <v>169910</v>
      </c>
      <c r="EE31" s="326">
        <v>0</v>
      </c>
      <c r="EF31" s="331">
        <v>0</v>
      </c>
      <c r="EG31" s="328">
        <v>0</v>
      </c>
      <c r="EH31" s="326">
        <v>0</v>
      </c>
      <c r="EI31" s="327">
        <v>0</v>
      </c>
      <c r="EJ31" s="327">
        <v>0</v>
      </c>
      <c r="EK31" s="327">
        <v>0</v>
      </c>
      <c r="EL31" s="327">
        <v>0</v>
      </c>
      <c r="EM31" s="327">
        <v>0</v>
      </c>
      <c r="EN31" s="331">
        <v>0</v>
      </c>
      <c r="EO31" s="330">
        <v>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33200</v>
      </c>
      <c r="FM31" s="327">
        <v>32720</v>
      </c>
      <c r="FN31" s="328">
        <v>65920</v>
      </c>
      <c r="FO31" s="326">
        <v>0</v>
      </c>
      <c r="FP31" s="327">
        <v>73160</v>
      </c>
      <c r="FQ31" s="327">
        <v>179548</v>
      </c>
      <c r="FR31" s="327">
        <v>117400</v>
      </c>
      <c r="FS31" s="327">
        <v>151344</v>
      </c>
      <c r="FT31" s="327">
        <v>68168</v>
      </c>
      <c r="FU31" s="328">
        <v>589620</v>
      </c>
      <c r="FV31" s="330">
        <v>655540</v>
      </c>
      <c r="FW31" s="333">
        <v>33200</v>
      </c>
      <c r="FX31" s="327">
        <v>32720</v>
      </c>
      <c r="FY31" s="331">
        <v>65920</v>
      </c>
      <c r="FZ31" s="332">
        <v>0</v>
      </c>
      <c r="GA31" s="327">
        <v>73160</v>
      </c>
      <c r="GB31" s="327">
        <v>154600</v>
      </c>
      <c r="GC31" s="327">
        <v>89680</v>
      </c>
      <c r="GD31" s="327">
        <v>151344</v>
      </c>
      <c r="GE31" s="327">
        <v>68168</v>
      </c>
      <c r="GF31" s="328">
        <v>536952</v>
      </c>
      <c r="GG31" s="334">
        <v>602872</v>
      </c>
      <c r="GH31" s="333">
        <v>0</v>
      </c>
      <c r="GI31" s="327">
        <v>0</v>
      </c>
      <c r="GJ31" s="331">
        <v>0</v>
      </c>
      <c r="GK31" s="332">
        <v>0</v>
      </c>
      <c r="GL31" s="327">
        <v>0</v>
      </c>
      <c r="GM31" s="327">
        <v>24948</v>
      </c>
      <c r="GN31" s="327">
        <v>27720</v>
      </c>
      <c r="GO31" s="327">
        <v>0</v>
      </c>
      <c r="GP31" s="327">
        <v>0</v>
      </c>
      <c r="GQ31" s="328">
        <v>52668</v>
      </c>
      <c r="GR31" s="330">
        <v>52668</v>
      </c>
      <c r="GS31" s="326">
        <v>0</v>
      </c>
      <c r="GT31" s="327">
        <v>0</v>
      </c>
      <c r="GU31" s="328">
        <v>0</v>
      </c>
      <c r="GV31" s="326">
        <v>0</v>
      </c>
      <c r="GW31" s="327">
        <v>0</v>
      </c>
      <c r="GX31" s="327">
        <v>0</v>
      </c>
      <c r="GY31" s="327">
        <v>0</v>
      </c>
      <c r="GZ31" s="327">
        <v>0</v>
      </c>
      <c r="HA31" s="327">
        <v>0</v>
      </c>
      <c r="HB31" s="331">
        <v>0</v>
      </c>
      <c r="HC31" s="330">
        <v>0</v>
      </c>
      <c r="HD31" s="326">
        <v>52617</v>
      </c>
      <c r="HE31" s="327">
        <v>0</v>
      </c>
      <c r="HF31" s="331">
        <v>52617</v>
      </c>
      <c r="HG31" s="332">
        <v>0</v>
      </c>
      <c r="HH31" s="327">
        <v>306086</v>
      </c>
      <c r="HI31" s="327">
        <v>120159</v>
      </c>
      <c r="HJ31" s="327">
        <v>387941</v>
      </c>
      <c r="HK31" s="327">
        <v>0</v>
      </c>
      <c r="HL31" s="327">
        <v>0</v>
      </c>
      <c r="HM31" s="328">
        <v>814186</v>
      </c>
      <c r="HN31" s="329">
        <v>866803</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75948</v>
      </c>
      <c r="IE31" s="339">
        <v>338035</v>
      </c>
      <c r="IF31" s="337">
        <v>509750</v>
      </c>
      <c r="IG31" s="336">
        <v>44850</v>
      </c>
      <c r="IH31" s="337">
        <v>518692</v>
      </c>
      <c r="II31" s="340">
        <v>1487275</v>
      </c>
      <c r="IJ31" s="341">
        <v>1487275</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75948</v>
      </c>
      <c r="JL31" s="345">
        <v>338035</v>
      </c>
      <c r="JM31" s="345">
        <v>264068</v>
      </c>
      <c r="JN31" s="345">
        <v>44850</v>
      </c>
      <c r="JO31" s="345">
        <v>0</v>
      </c>
      <c r="JP31" s="349">
        <v>722901</v>
      </c>
      <c r="JQ31" s="347">
        <v>722901</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0</v>
      </c>
      <c r="KS31" s="345">
        <v>0</v>
      </c>
      <c r="KT31" s="345">
        <v>245682</v>
      </c>
      <c r="KU31" s="345">
        <v>0</v>
      </c>
      <c r="KV31" s="345">
        <v>518692</v>
      </c>
      <c r="KW31" s="349">
        <v>764374</v>
      </c>
      <c r="KX31" s="347">
        <v>764374</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189115</v>
      </c>
      <c r="MK31" s="345">
        <v>0</v>
      </c>
      <c r="ML31" s="345">
        <v>591176</v>
      </c>
      <c r="MM31" s="345">
        <v>280862</v>
      </c>
      <c r="MN31" s="345">
        <v>185575</v>
      </c>
      <c r="MO31" s="349">
        <v>1246728</v>
      </c>
      <c r="MP31" s="354">
        <v>1246728</v>
      </c>
      <c r="MQ31" s="348">
        <v>0</v>
      </c>
      <c r="MR31" s="345">
        <v>0</v>
      </c>
      <c r="MS31" s="349">
        <v>0</v>
      </c>
      <c r="MT31" s="404">
        <v>0</v>
      </c>
      <c r="MU31" s="345">
        <v>0</v>
      </c>
      <c r="MV31" s="345">
        <v>0</v>
      </c>
      <c r="MW31" s="345">
        <v>260087</v>
      </c>
      <c r="MX31" s="345">
        <v>280862</v>
      </c>
      <c r="MY31" s="345">
        <v>300115</v>
      </c>
      <c r="MZ31" s="349">
        <v>841064</v>
      </c>
      <c r="NA31" s="354">
        <v>841064</v>
      </c>
      <c r="NB31" s="348">
        <v>0</v>
      </c>
      <c r="NC31" s="345">
        <v>0</v>
      </c>
      <c r="ND31" s="349">
        <v>0</v>
      </c>
      <c r="NE31" s="404">
        <v>0</v>
      </c>
      <c r="NF31" s="345">
        <v>189115</v>
      </c>
      <c r="NG31" s="345">
        <v>0</v>
      </c>
      <c r="NH31" s="345">
        <v>331089</v>
      </c>
      <c r="NI31" s="345">
        <v>0</v>
      </c>
      <c r="NJ31" s="345">
        <v>-114540</v>
      </c>
      <c r="NK31" s="349">
        <v>405664</v>
      </c>
      <c r="NL31" s="347">
        <v>405664</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23855</v>
      </c>
      <c r="OJ31" s="345">
        <v>32720</v>
      </c>
      <c r="OK31" s="346">
        <v>156575</v>
      </c>
      <c r="OL31" s="351">
        <v>0</v>
      </c>
      <c r="OM31" s="345">
        <v>1645563</v>
      </c>
      <c r="ON31" s="345">
        <v>1348391</v>
      </c>
      <c r="OO31" s="345">
        <v>2241814</v>
      </c>
      <c r="OP31" s="345">
        <v>1275796</v>
      </c>
      <c r="OQ31" s="345">
        <v>1247566</v>
      </c>
      <c r="OR31" s="349">
        <v>7759130</v>
      </c>
      <c r="OS31" s="354">
        <v>7915705</v>
      </c>
    </row>
    <row r="32" spans="2:409" s="70" customFormat="1" ht="21" customHeight="1" x14ac:dyDescent="0.2">
      <c r="B32" s="410" t="s">
        <v>27</v>
      </c>
      <c r="C32" s="326">
        <v>195234</v>
      </c>
      <c r="D32" s="327">
        <v>170902</v>
      </c>
      <c r="E32" s="328">
        <v>366136</v>
      </c>
      <c r="F32" s="329">
        <v>0</v>
      </c>
      <c r="G32" s="327">
        <v>1527866</v>
      </c>
      <c r="H32" s="327">
        <v>1132591</v>
      </c>
      <c r="I32" s="327">
        <v>992914</v>
      </c>
      <c r="J32" s="327">
        <v>1913253</v>
      </c>
      <c r="K32" s="327">
        <v>766906</v>
      </c>
      <c r="L32" s="367">
        <v>6333530</v>
      </c>
      <c r="M32" s="330">
        <v>6699666</v>
      </c>
      <c r="N32" s="326">
        <v>34004</v>
      </c>
      <c r="O32" s="327">
        <v>51189</v>
      </c>
      <c r="P32" s="328">
        <v>85193</v>
      </c>
      <c r="Q32" s="326">
        <v>0</v>
      </c>
      <c r="R32" s="327">
        <v>317583</v>
      </c>
      <c r="S32" s="327">
        <v>372736</v>
      </c>
      <c r="T32" s="327">
        <v>606442</v>
      </c>
      <c r="U32" s="327">
        <v>838997</v>
      </c>
      <c r="V32" s="327">
        <v>719210</v>
      </c>
      <c r="W32" s="328">
        <v>2854968</v>
      </c>
      <c r="X32" s="330">
        <v>2940161</v>
      </c>
      <c r="Y32" s="326">
        <v>0</v>
      </c>
      <c r="Z32" s="327">
        <v>0</v>
      </c>
      <c r="AA32" s="328">
        <v>0</v>
      </c>
      <c r="AB32" s="326">
        <v>0</v>
      </c>
      <c r="AC32" s="327">
        <v>75196</v>
      </c>
      <c r="AD32" s="327">
        <v>160463</v>
      </c>
      <c r="AE32" s="327">
        <v>476816</v>
      </c>
      <c r="AF32" s="327">
        <v>511512</v>
      </c>
      <c r="AG32" s="327">
        <v>539880</v>
      </c>
      <c r="AH32" s="328">
        <v>1763867</v>
      </c>
      <c r="AI32" s="330">
        <v>1763867</v>
      </c>
      <c r="AJ32" s="326">
        <v>0</v>
      </c>
      <c r="AK32" s="327">
        <v>0</v>
      </c>
      <c r="AL32" s="328">
        <v>0</v>
      </c>
      <c r="AM32" s="326">
        <v>0</v>
      </c>
      <c r="AN32" s="327">
        <v>0</v>
      </c>
      <c r="AO32" s="327">
        <v>0</v>
      </c>
      <c r="AP32" s="327">
        <v>0</v>
      </c>
      <c r="AQ32" s="327">
        <v>0</v>
      </c>
      <c r="AR32" s="327">
        <v>0</v>
      </c>
      <c r="AS32" s="328">
        <v>0</v>
      </c>
      <c r="AT32" s="330">
        <v>0</v>
      </c>
      <c r="AU32" s="326">
        <v>18900</v>
      </c>
      <c r="AV32" s="327">
        <v>46405</v>
      </c>
      <c r="AW32" s="328">
        <v>65305</v>
      </c>
      <c r="AX32" s="326">
        <v>0</v>
      </c>
      <c r="AY32" s="327">
        <v>136939</v>
      </c>
      <c r="AZ32" s="327">
        <v>92210</v>
      </c>
      <c r="BA32" s="327">
        <v>87602</v>
      </c>
      <c r="BB32" s="327">
        <v>176501</v>
      </c>
      <c r="BC32" s="327">
        <v>154850</v>
      </c>
      <c r="BD32" s="328">
        <v>648102</v>
      </c>
      <c r="BE32" s="330">
        <v>713407</v>
      </c>
      <c r="BF32" s="326">
        <v>0</v>
      </c>
      <c r="BG32" s="327">
        <v>0</v>
      </c>
      <c r="BH32" s="331">
        <v>0</v>
      </c>
      <c r="BI32" s="332">
        <v>0</v>
      </c>
      <c r="BJ32" s="327">
        <v>0</v>
      </c>
      <c r="BK32" s="327">
        <v>23775</v>
      </c>
      <c r="BL32" s="327">
        <v>0</v>
      </c>
      <c r="BM32" s="327">
        <v>0</v>
      </c>
      <c r="BN32" s="327">
        <v>0</v>
      </c>
      <c r="BO32" s="328">
        <v>23775</v>
      </c>
      <c r="BP32" s="330">
        <v>23775</v>
      </c>
      <c r="BQ32" s="326">
        <v>15104</v>
      </c>
      <c r="BR32" s="327">
        <v>4784</v>
      </c>
      <c r="BS32" s="328">
        <v>19888</v>
      </c>
      <c r="BT32" s="326">
        <v>0</v>
      </c>
      <c r="BU32" s="327">
        <v>105448</v>
      </c>
      <c r="BV32" s="327">
        <v>96288</v>
      </c>
      <c r="BW32" s="327">
        <v>42024</v>
      </c>
      <c r="BX32" s="327">
        <v>150984</v>
      </c>
      <c r="BY32" s="327">
        <v>24480</v>
      </c>
      <c r="BZ32" s="328">
        <v>419224</v>
      </c>
      <c r="CA32" s="330">
        <v>439112</v>
      </c>
      <c r="CB32" s="326">
        <v>62060</v>
      </c>
      <c r="CC32" s="327">
        <v>37369</v>
      </c>
      <c r="CD32" s="328">
        <v>99429</v>
      </c>
      <c r="CE32" s="326">
        <v>0</v>
      </c>
      <c r="CF32" s="327">
        <v>551499</v>
      </c>
      <c r="CG32" s="327">
        <v>435411</v>
      </c>
      <c r="CH32" s="327">
        <v>259850</v>
      </c>
      <c r="CI32" s="327">
        <v>460699</v>
      </c>
      <c r="CJ32" s="327">
        <v>0</v>
      </c>
      <c r="CK32" s="328">
        <v>1707459</v>
      </c>
      <c r="CL32" s="330">
        <v>1806888</v>
      </c>
      <c r="CM32" s="326">
        <v>0</v>
      </c>
      <c r="CN32" s="327">
        <v>0</v>
      </c>
      <c r="CO32" s="328">
        <v>0</v>
      </c>
      <c r="CP32" s="332">
        <v>0</v>
      </c>
      <c r="CQ32" s="327">
        <v>394130</v>
      </c>
      <c r="CR32" s="327">
        <v>294083</v>
      </c>
      <c r="CS32" s="327">
        <v>141396</v>
      </c>
      <c r="CT32" s="327">
        <v>460699</v>
      </c>
      <c r="CU32" s="327">
        <v>0</v>
      </c>
      <c r="CV32" s="328">
        <v>1290308</v>
      </c>
      <c r="CW32" s="330">
        <v>1290308</v>
      </c>
      <c r="CX32" s="326">
        <v>62060</v>
      </c>
      <c r="CY32" s="327">
        <v>37369</v>
      </c>
      <c r="CZ32" s="328">
        <v>99429</v>
      </c>
      <c r="DA32" s="326">
        <v>0</v>
      </c>
      <c r="DB32" s="327">
        <v>157369</v>
      </c>
      <c r="DC32" s="327">
        <v>141328</v>
      </c>
      <c r="DD32" s="327">
        <v>118454</v>
      </c>
      <c r="DE32" s="327">
        <v>0</v>
      </c>
      <c r="DF32" s="327">
        <v>0</v>
      </c>
      <c r="DG32" s="328">
        <v>417151</v>
      </c>
      <c r="DH32" s="330">
        <v>516580</v>
      </c>
      <c r="DI32" s="326">
        <v>0</v>
      </c>
      <c r="DJ32" s="327">
        <v>0</v>
      </c>
      <c r="DK32" s="331">
        <v>0</v>
      </c>
      <c r="DL32" s="332">
        <v>0</v>
      </c>
      <c r="DM32" s="327">
        <v>0</v>
      </c>
      <c r="DN32" s="327">
        <v>0</v>
      </c>
      <c r="DO32" s="327">
        <v>35262</v>
      </c>
      <c r="DP32" s="327">
        <v>162708</v>
      </c>
      <c r="DQ32" s="327">
        <v>0</v>
      </c>
      <c r="DR32" s="328">
        <v>197970</v>
      </c>
      <c r="DS32" s="330">
        <v>197970</v>
      </c>
      <c r="DT32" s="326">
        <v>0</v>
      </c>
      <c r="DU32" s="327">
        <v>0</v>
      </c>
      <c r="DV32" s="328">
        <v>0</v>
      </c>
      <c r="DW32" s="326">
        <v>0</v>
      </c>
      <c r="DX32" s="327">
        <v>0</v>
      </c>
      <c r="DY32" s="327">
        <v>0</v>
      </c>
      <c r="DZ32" s="327">
        <v>35262</v>
      </c>
      <c r="EA32" s="327">
        <v>162708</v>
      </c>
      <c r="EB32" s="327">
        <v>0</v>
      </c>
      <c r="EC32" s="328">
        <v>197970</v>
      </c>
      <c r="ED32" s="330">
        <v>197970</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47640</v>
      </c>
      <c r="FM32" s="327">
        <v>82344</v>
      </c>
      <c r="FN32" s="328">
        <v>129984</v>
      </c>
      <c r="FO32" s="326">
        <v>0</v>
      </c>
      <c r="FP32" s="327">
        <v>26400</v>
      </c>
      <c r="FQ32" s="327">
        <v>150632</v>
      </c>
      <c r="FR32" s="327">
        <v>91360</v>
      </c>
      <c r="FS32" s="327">
        <v>63584</v>
      </c>
      <c r="FT32" s="327">
        <v>47696</v>
      </c>
      <c r="FU32" s="328">
        <v>379672</v>
      </c>
      <c r="FV32" s="330">
        <v>509656</v>
      </c>
      <c r="FW32" s="333">
        <v>47640</v>
      </c>
      <c r="FX32" s="327">
        <v>45120</v>
      </c>
      <c r="FY32" s="331">
        <v>92760</v>
      </c>
      <c r="FZ32" s="332">
        <v>0</v>
      </c>
      <c r="GA32" s="327">
        <v>26400</v>
      </c>
      <c r="GB32" s="327">
        <v>150632</v>
      </c>
      <c r="GC32" s="327">
        <v>91360</v>
      </c>
      <c r="GD32" s="327">
        <v>63584</v>
      </c>
      <c r="GE32" s="327">
        <v>47696</v>
      </c>
      <c r="GF32" s="328">
        <v>379672</v>
      </c>
      <c r="GG32" s="334">
        <v>472432</v>
      </c>
      <c r="GH32" s="333">
        <v>0</v>
      </c>
      <c r="GI32" s="327">
        <v>37224</v>
      </c>
      <c r="GJ32" s="331">
        <v>37224</v>
      </c>
      <c r="GK32" s="332">
        <v>0</v>
      </c>
      <c r="GL32" s="327">
        <v>0</v>
      </c>
      <c r="GM32" s="327">
        <v>0</v>
      </c>
      <c r="GN32" s="327">
        <v>0</v>
      </c>
      <c r="GO32" s="327">
        <v>0</v>
      </c>
      <c r="GP32" s="327">
        <v>0</v>
      </c>
      <c r="GQ32" s="328">
        <v>0</v>
      </c>
      <c r="GR32" s="330">
        <v>37224</v>
      </c>
      <c r="GS32" s="326">
        <v>0</v>
      </c>
      <c r="GT32" s="327">
        <v>0</v>
      </c>
      <c r="GU32" s="328">
        <v>0</v>
      </c>
      <c r="GV32" s="326">
        <v>0</v>
      </c>
      <c r="GW32" s="327">
        <v>0</v>
      </c>
      <c r="GX32" s="327">
        <v>0</v>
      </c>
      <c r="GY32" s="327">
        <v>0</v>
      </c>
      <c r="GZ32" s="327">
        <v>0</v>
      </c>
      <c r="HA32" s="327">
        <v>0</v>
      </c>
      <c r="HB32" s="331">
        <v>0</v>
      </c>
      <c r="HC32" s="330">
        <v>0</v>
      </c>
      <c r="HD32" s="326">
        <v>51530</v>
      </c>
      <c r="HE32" s="327">
        <v>0</v>
      </c>
      <c r="HF32" s="331">
        <v>51530</v>
      </c>
      <c r="HG32" s="332">
        <v>0</v>
      </c>
      <c r="HH32" s="327">
        <v>632384</v>
      </c>
      <c r="HI32" s="327">
        <v>173812</v>
      </c>
      <c r="HJ32" s="327">
        <v>0</v>
      </c>
      <c r="HK32" s="327">
        <v>387265</v>
      </c>
      <c r="HL32" s="327">
        <v>0</v>
      </c>
      <c r="HM32" s="328">
        <v>1193461</v>
      </c>
      <c r="HN32" s="329">
        <v>1244991</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334719</v>
      </c>
      <c r="IE32" s="357">
        <v>48087</v>
      </c>
      <c r="IF32" s="358">
        <v>653690</v>
      </c>
      <c r="IG32" s="356">
        <v>245211</v>
      </c>
      <c r="IH32" s="358">
        <v>0</v>
      </c>
      <c r="II32" s="359">
        <v>1281707</v>
      </c>
      <c r="IJ32" s="358">
        <v>1281707</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48087</v>
      </c>
      <c r="JM32" s="345">
        <v>0</v>
      </c>
      <c r="JN32" s="345">
        <v>0</v>
      </c>
      <c r="JO32" s="345">
        <v>0</v>
      </c>
      <c r="JP32" s="349">
        <v>48087</v>
      </c>
      <c r="JQ32" s="347">
        <v>48087</v>
      </c>
      <c r="JR32" s="348">
        <v>0</v>
      </c>
      <c r="JS32" s="345">
        <v>0</v>
      </c>
      <c r="JT32" s="346">
        <v>0</v>
      </c>
      <c r="JU32" s="351">
        <v>0</v>
      </c>
      <c r="JV32" s="345">
        <v>0</v>
      </c>
      <c r="JW32" s="345">
        <v>0</v>
      </c>
      <c r="JX32" s="345">
        <v>0</v>
      </c>
      <c r="JY32" s="345">
        <v>227342</v>
      </c>
      <c r="JZ32" s="345">
        <v>0</v>
      </c>
      <c r="KA32" s="349">
        <v>227342</v>
      </c>
      <c r="KB32" s="347">
        <v>227342</v>
      </c>
      <c r="KC32" s="352">
        <v>0</v>
      </c>
      <c r="KD32" s="353">
        <v>0</v>
      </c>
      <c r="KE32" s="349">
        <v>0</v>
      </c>
      <c r="KF32" s="351">
        <v>0</v>
      </c>
      <c r="KG32" s="345">
        <v>96341</v>
      </c>
      <c r="KH32" s="345">
        <v>0</v>
      </c>
      <c r="KI32" s="345">
        <v>0</v>
      </c>
      <c r="KJ32" s="345">
        <v>0</v>
      </c>
      <c r="KK32" s="345">
        <v>0</v>
      </c>
      <c r="KL32" s="349">
        <v>96341</v>
      </c>
      <c r="KM32" s="354">
        <v>96341</v>
      </c>
      <c r="KN32" s="342">
        <v>0</v>
      </c>
      <c r="KO32" s="343">
        <v>0</v>
      </c>
      <c r="KP32" s="344">
        <v>0</v>
      </c>
      <c r="KQ32" s="404">
        <v>0</v>
      </c>
      <c r="KR32" s="345">
        <v>238378</v>
      </c>
      <c r="KS32" s="345">
        <v>0</v>
      </c>
      <c r="KT32" s="345">
        <v>248254</v>
      </c>
      <c r="KU32" s="345">
        <v>17869</v>
      </c>
      <c r="KV32" s="345">
        <v>0</v>
      </c>
      <c r="KW32" s="349">
        <v>504501</v>
      </c>
      <c r="KX32" s="347">
        <v>504501</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32332</v>
      </c>
      <c r="LQ32" s="345">
        <v>0</v>
      </c>
      <c r="LR32" s="345">
        <v>0</v>
      </c>
      <c r="LS32" s="349">
        <v>232332</v>
      </c>
      <c r="LT32" s="347">
        <v>232332</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115710</v>
      </c>
      <c r="MK32" s="345">
        <v>874394</v>
      </c>
      <c r="ML32" s="345">
        <v>260982</v>
      </c>
      <c r="MM32" s="345">
        <v>1585262</v>
      </c>
      <c r="MN32" s="345">
        <v>572502</v>
      </c>
      <c r="MO32" s="349">
        <v>3408850</v>
      </c>
      <c r="MP32" s="354">
        <v>3408850</v>
      </c>
      <c r="MQ32" s="348">
        <v>0</v>
      </c>
      <c r="MR32" s="345">
        <v>0</v>
      </c>
      <c r="MS32" s="349">
        <v>0</v>
      </c>
      <c r="MT32" s="404">
        <v>0</v>
      </c>
      <c r="MU32" s="345">
        <v>0</v>
      </c>
      <c r="MV32" s="345">
        <v>235784</v>
      </c>
      <c r="MW32" s="345">
        <v>0</v>
      </c>
      <c r="MX32" s="345">
        <v>477314</v>
      </c>
      <c r="MY32" s="345">
        <v>300115</v>
      </c>
      <c r="MZ32" s="349">
        <v>1013213</v>
      </c>
      <c r="NA32" s="354">
        <v>1013213</v>
      </c>
      <c r="NB32" s="348">
        <v>0</v>
      </c>
      <c r="NC32" s="345">
        <v>0</v>
      </c>
      <c r="ND32" s="349">
        <v>0</v>
      </c>
      <c r="NE32" s="404">
        <v>0</v>
      </c>
      <c r="NF32" s="345">
        <v>115710</v>
      </c>
      <c r="NG32" s="345">
        <v>638610</v>
      </c>
      <c r="NH32" s="345">
        <v>260982</v>
      </c>
      <c r="NI32" s="345">
        <v>1107948</v>
      </c>
      <c r="NJ32" s="345">
        <v>0</v>
      </c>
      <c r="NK32" s="349">
        <v>2123250</v>
      </c>
      <c r="NL32" s="347">
        <v>2123250</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272387</v>
      </c>
      <c r="OG32" s="349">
        <v>272387</v>
      </c>
      <c r="OH32" s="350">
        <v>272387</v>
      </c>
      <c r="OI32" s="348">
        <v>195234</v>
      </c>
      <c r="OJ32" s="345">
        <v>170902</v>
      </c>
      <c r="OK32" s="346">
        <v>366136</v>
      </c>
      <c r="OL32" s="351">
        <v>0</v>
      </c>
      <c r="OM32" s="345">
        <v>1978295</v>
      </c>
      <c r="ON32" s="345">
        <v>2055072</v>
      </c>
      <c r="OO32" s="345">
        <v>1907586</v>
      </c>
      <c r="OP32" s="345">
        <v>3743726</v>
      </c>
      <c r="OQ32" s="345">
        <v>1339408</v>
      </c>
      <c r="OR32" s="349">
        <v>11024087</v>
      </c>
      <c r="OS32" s="354">
        <v>11390223</v>
      </c>
    </row>
    <row r="33" spans="2:409" s="70" customFormat="1" ht="21" customHeight="1" x14ac:dyDescent="0.2">
      <c r="B33" s="410" t="s">
        <v>28</v>
      </c>
      <c r="C33" s="326">
        <v>0</v>
      </c>
      <c r="D33" s="327">
        <v>800</v>
      </c>
      <c r="E33" s="328">
        <v>800</v>
      </c>
      <c r="F33" s="329">
        <v>0</v>
      </c>
      <c r="G33" s="327">
        <v>692919</v>
      </c>
      <c r="H33" s="327">
        <v>293544</v>
      </c>
      <c r="I33" s="327">
        <v>537439</v>
      </c>
      <c r="J33" s="327">
        <v>30245</v>
      </c>
      <c r="K33" s="327">
        <v>10064</v>
      </c>
      <c r="L33" s="367">
        <v>1564211</v>
      </c>
      <c r="M33" s="330">
        <v>1565011</v>
      </c>
      <c r="N33" s="326">
        <v>0</v>
      </c>
      <c r="O33" s="327">
        <v>0</v>
      </c>
      <c r="P33" s="328">
        <v>0</v>
      </c>
      <c r="Q33" s="326">
        <v>0</v>
      </c>
      <c r="R33" s="327">
        <v>78406</v>
      </c>
      <c r="S33" s="327">
        <v>8928</v>
      </c>
      <c r="T33" s="327">
        <v>194439</v>
      </c>
      <c r="U33" s="327">
        <v>19605</v>
      </c>
      <c r="V33" s="327">
        <v>10064</v>
      </c>
      <c r="W33" s="328">
        <v>311442</v>
      </c>
      <c r="X33" s="330">
        <v>311442</v>
      </c>
      <c r="Y33" s="326">
        <v>0</v>
      </c>
      <c r="Z33" s="327">
        <v>0</v>
      </c>
      <c r="AA33" s="328">
        <v>0</v>
      </c>
      <c r="AB33" s="326">
        <v>0</v>
      </c>
      <c r="AC33" s="327">
        <v>0</v>
      </c>
      <c r="AD33" s="327">
        <v>0</v>
      </c>
      <c r="AE33" s="327">
        <v>118287</v>
      </c>
      <c r="AF33" s="327">
        <v>0</v>
      </c>
      <c r="AG33" s="327">
        <v>0</v>
      </c>
      <c r="AH33" s="328">
        <v>118287</v>
      </c>
      <c r="AI33" s="330">
        <v>118287</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44038</v>
      </c>
      <c r="AZ33" s="327">
        <v>0</v>
      </c>
      <c r="BA33" s="327">
        <v>61736</v>
      </c>
      <c r="BB33" s="327">
        <v>19605</v>
      </c>
      <c r="BC33" s="327">
        <v>0</v>
      </c>
      <c r="BD33" s="328">
        <v>125379</v>
      </c>
      <c r="BE33" s="330">
        <v>125379</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368</v>
      </c>
      <c r="BV33" s="327">
        <v>8928</v>
      </c>
      <c r="BW33" s="327">
        <v>14416</v>
      </c>
      <c r="BX33" s="327">
        <v>0</v>
      </c>
      <c r="BY33" s="327">
        <v>10064</v>
      </c>
      <c r="BZ33" s="328">
        <v>67776</v>
      </c>
      <c r="CA33" s="330">
        <v>67776</v>
      </c>
      <c r="CB33" s="326">
        <v>0</v>
      </c>
      <c r="CC33" s="327">
        <v>0</v>
      </c>
      <c r="CD33" s="328">
        <v>0</v>
      </c>
      <c r="CE33" s="326">
        <v>0</v>
      </c>
      <c r="CF33" s="327">
        <v>115785</v>
      </c>
      <c r="CG33" s="327">
        <v>221080</v>
      </c>
      <c r="CH33" s="327">
        <v>75792</v>
      </c>
      <c r="CI33" s="327">
        <v>0</v>
      </c>
      <c r="CJ33" s="327">
        <v>0</v>
      </c>
      <c r="CK33" s="328">
        <v>412657</v>
      </c>
      <c r="CL33" s="330">
        <v>412657</v>
      </c>
      <c r="CM33" s="326">
        <v>0</v>
      </c>
      <c r="CN33" s="327">
        <v>0</v>
      </c>
      <c r="CO33" s="328">
        <v>0</v>
      </c>
      <c r="CP33" s="332">
        <v>0</v>
      </c>
      <c r="CQ33" s="327">
        <v>0</v>
      </c>
      <c r="CR33" s="327">
        <v>221080</v>
      </c>
      <c r="CS33" s="327">
        <v>75792</v>
      </c>
      <c r="CT33" s="327">
        <v>0</v>
      </c>
      <c r="CU33" s="327">
        <v>0</v>
      </c>
      <c r="CV33" s="328">
        <v>296872</v>
      </c>
      <c r="CW33" s="330">
        <v>296872</v>
      </c>
      <c r="CX33" s="326">
        <v>0</v>
      </c>
      <c r="CY33" s="327">
        <v>0</v>
      </c>
      <c r="CZ33" s="328">
        <v>0</v>
      </c>
      <c r="DA33" s="326">
        <v>0</v>
      </c>
      <c r="DB33" s="327">
        <v>115785</v>
      </c>
      <c r="DC33" s="327">
        <v>0</v>
      </c>
      <c r="DD33" s="327">
        <v>0</v>
      </c>
      <c r="DE33" s="327">
        <v>0</v>
      </c>
      <c r="DF33" s="327">
        <v>0</v>
      </c>
      <c r="DG33" s="328">
        <v>115785</v>
      </c>
      <c r="DH33" s="330">
        <v>115785</v>
      </c>
      <c r="DI33" s="326">
        <v>0</v>
      </c>
      <c r="DJ33" s="327">
        <v>0</v>
      </c>
      <c r="DK33" s="331">
        <v>0</v>
      </c>
      <c r="DL33" s="332">
        <v>0</v>
      </c>
      <c r="DM33" s="327">
        <v>0</v>
      </c>
      <c r="DN33" s="327">
        <v>24576</v>
      </c>
      <c r="DO33" s="327">
        <v>48646</v>
      </c>
      <c r="DP33" s="327">
        <v>0</v>
      </c>
      <c r="DQ33" s="327">
        <v>0</v>
      </c>
      <c r="DR33" s="328">
        <v>73222</v>
      </c>
      <c r="DS33" s="330">
        <v>73222</v>
      </c>
      <c r="DT33" s="326">
        <v>0</v>
      </c>
      <c r="DU33" s="327">
        <v>0</v>
      </c>
      <c r="DV33" s="328">
        <v>0</v>
      </c>
      <c r="DW33" s="326">
        <v>0</v>
      </c>
      <c r="DX33" s="327">
        <v>0</v>
      </c>
      <c r="DY33" s="327">
        <v>24576</v>
      </c>
      <c r="DZ33" s="327">
        <v>0</v>
      </c>
      <c r="EA33" s="327">
        <v>0</v>
      </c>
      <c r="EB33" s="327">
        <v>0</v>
      </c>
      <c r="EC33" s="328">
        <v>24576</v>
      </c>
      <c r="ED33" s="330">
        <v>24576</v>
      </c>
      <c r="EE33" s="326">
        <v>0</v>
      </c>
      <c r="EF33" s="331">
        <v>0</v>
      </c>
      <c r="EG33" s="328">
        <v>0</v>
      </c>
      <c r="EH33" s="326">
        <v>0</v>
      </c>
      <c r="EI33" s="327">
        <v>0</v>
      </c>
      <c r="EJ33" s="327">
        <v>0</v>
      </c>
      <c r="EK33" s="327">
        <v>48646</v>
      </c>
      <c r="EL33" s="327">
        <v>0</v>
      </c>
      <c r="EM33" s="327">
        <v>0</v>
      </c>
      <c r="EN33" s="331">
        <v>48646</v>
      </c>
      <c r="EO33" s="330">
        <v>48646</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19952</v>
      </c>
      <c r="FQ33" s="327">
        <v>38960</v>
      </c>
      <c r="FR33" s="327">
        <v>17920</v>
      </c>
      <c r="FS33" s="327">
        <v>10640</v>
      </c>
      <c r="FT33" s="327">
        <v>0</v>
      </c>
      <c r="FU33" s="328">
        <v>87472</v>
      </c>
      <c r="FV33" s="330">
        <v>88272</v>
      </c>
      <c r="FW33" s="333">
        <v>0</v>
      </c>
      <c r="FX33" s="327">
        <v>800</v>
      </c>
      <c r="FY33" s="331">
        <v>800</v>
      </c>
      <c r="FZ33" s="332">
        <v>0</v>
      </c>
      <c r="GA33" s="327">
        <v>19952</v>
      </c>
      <c r="GB33" s="327">
        <v>38960</v>
      </c>
      <c r="GC33" s="327">
        <v>17920</v>
      </c>
      <c r="GD33" s="327">
        <v>10640</v>
      </c>
      <c r="GE33" s="327">
        <v>0</v>
      </c>
      <c r="GF33" s="328">
        <v>87472</v>
      </c>
      <c r="GG33" s="334">
        <v>88272</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78776</v>
      </c>
      <c r="HI33" s="327">
        <v>0</v>
      </c>
      <c r="HJ33" s="327">
        <v>200642</v>
      </c>
      <c r="HK33" s="327">
        <v>0</v>
      </c>
      <c r="HL33" s="327">
        <v>0</v>
      </c>
      <c r="HM33" s="328">
        <v>679418</v>
      </c>
      <c r="HN33" s="329">
        <v>679418</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12695</v>
      </c>
      <c r="IE33" s="339">
        <v>25608</v>
      </c>
      <c r="IF33" s="337">
        <v>0</v>
      </c>
      <c r="IG33" s="336">
        <v>0</v>
      </c>
      <c r="IH33" s="337">
        <v>264259</v>
      </c>
      <c r="II33" s="340">
        <v>402562</v>
      </c>
      <c r="IJ33" s="341">
        <v>402562</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12695</v>
      </c>
      <c r="JL33" s="345">
        <v>0</v>
      </c>
      <c r="JM33" s="345">
        <v>0</v>
      </c>
      <c r="JN33" s="345">
        <v>0</v>
      </c>
      <c r="JO33" s="345">
        <v>0</v>
      </c>
      <c r="JP33" s="349">
        <v>112695</v>
      </c>
      <c r="JQ33" s="347">
        <v>112695</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5608</v>
      </c>
      <c r="KT33" s="345">
        <v>0</v>
      </c>
      <c r="KU33" s="345">
        <v>0</v>
      </c>
      <c r="KV33" s="345">
        <v>264259</v>
      </c>
      <c r="KW33" s="349">
        <v>289867</v>
      </c>
      <c r="KX33" s="347">
        <v>289867</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38657</v>
      </c>
      <c r="MN33" s="345">
        <v>257973</v>
      </c>
      <c r="MO33" s="349">
        <v>496630</v>
      </c>
      <c r="MP33" s="354">
        <v>496630</v>
      </c>
      <c r="MQ33" s="348">
        <v>0</v>
      </c>
      <c r="MR33" s="345">
        <v>0</v>
      </c>
      <c r="MS33" s="349">
        <v>0</v>
      </c>
      <c r="MT33" s="404">
        <v>0</v>
      </c>
      <c r="MU33" s="345">
        <v>0</v>
      </c>
      <c r="MV33" s="345">
        <v>0</v>
      </c>
      <c r="MW33" s="345">
        <v>0</v>
      </c>
      <c r="MX33" s="345">
        <v>238657</v>
      </c>
      <c r="MY33" s="345">
        <v>257973</v>
      </c>
      <c r="MZ33" s="349">
        <v>496630</v>
      </c>
      <c r="NA33" s="354">
        <v>496630</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805614</v>
      </c>
      <c r="ON33" s="345">
        <v>319152</v>
      </c>
      <c r="OO33" s="345">
        <v>537439</v>
      </c>
      <c r="OP33" s="345">
        <v>268902</v>
      </c>
      <c r="OQ33" s="345">
        <v>532296</v>
      </c>
      <c r="OR33" s="349">
        <v>2463403</v>
      </c>
      <c r="OS33" s="354">
        <v>2464203</v>
      </c>
    </row>
    <row r="34" spans="2:409" s="70" customFormat="1" ht="21" customHeight="1" x14ac:dyDescent="0.2">
      <c r="B34" s="410" t="s">
        <v>29</v>
      </c>
      <c r="C34" s="326">
        <v>207828</v>
      </c>
      <c r="D34" s="327">
        <v>0</v>
      </c>
      <c r="E34" s="328">
        <v>207828</v>
      </c>
      <c r="F34" s="329">
        <v>0</v>
      </c>
      <c r="G34" s="327">
        <v>320172</v>
      </c>
      <c r="H34" s="327">
        <v>368602</v>
      </c>
      <c r="I34" s="327">
        <v>125800</v>
      </c>
      <c r="J34" s="327">
        <v>258312</v>
      </c>
      <c r="K34" s="327">
        <v>151556</v>
      </c>
      <c r="L34" s="367">
        <v>1224442</v>
      </c>
      <c r="M34" s="330">
        <v>1432270</v>
      </c>
      <c r="N34" s="326">
        <v>24472</v>
      </c>
      <c r="O34" s="327">
        <v>0</v>
      </c>
      <c r="P34" s="328">
        <v>24472</v>
      </c>
      <c r="Q34" s="326">
        <v>0</v>
      </c>
      <c r="R34" s="327">
        <v>15520</v>
      </c>
      <c r="S34" s="327">
        <v>137762</v>
      </c>
      <c r="T34" s="327">
        <v>60200</v>
      </c>
      <c r="U34" s="327">
        <v>229112</v>
      </c>
      <c r="V34" s="327">
        <v>82860</v>
      </c>
      <c r="W34" s="328">
        <v>525454</v>
      </c>
      <c r="X34" s="330">
        <v>549926</v>
      </c>
      <c r="Y34" s="326">
        <v>0</v>
      </c>
      <c r="Z34" s="327">
        <v>0</v>
      </c>
      <c r="AA34" s="328">
        <v>0</v>
      </c>
      <c r="AB34" s="326">
        <v>0</v>
      </c>
      <c r="AC34" s="327">
        <v>0</v>
      </c>
      <c r="AD34" s="327">
        <v>112212</v>
      </c>
      <c r="AE34" s="327">
        <v>0</v>
      </c>
      <c r="AF34" s="327">
        <v>194056</v>
      </c>
      <c r="AG34" s="327">
        <v>15330</v>
      </c>
      <c r="AH34" s="328">
        <v>321598</v>
      </c>
      <c r="AI34" s="330">
        <v>321598</v>
      </c>
      <c r="AJ34" s="326">
        <v>0</v>
      </c>
      <c r="AK34" s="327">
        <v>0</v>
      </c>
      <c r="AL34" s="328">
        <v>0</v>
      </c>
      <c r="AM34" s="326">
        <v>0</v>
      </c>
      <c r="AN34" s="327">
        <v>0</v>
      </c>
      <c r="AO34" s="327">
        <v>0</v>
      </c>
      <c r="AP34" s="327">
        <v>0</v>
      </c>
      <c r="AQ34" s="327">
        <v>0</v>
      </c>
      <c r="AR34" s="327">
        <v>58850</v>
      </c>
      <c r="AS34" s="328">
        <v>58850</v>
      </c>
      <c r="AT34" s="330">
        <v>58850</v>
      </c>
      <c r="AU34" s="326">
        <v>0</v>
      </c>
      <c r="AV34" s="327">
        <v>0</v>
      </c>
      <c r="AW34" s="328">
        <v>0</v>
      </c>
      <c r="AX34" s="326">
        <v>0</v>
      </c>
      <c r="AY34" s="327">
        <v>0</v>
      </c>
      <c r="AZ34" s="327">
        <v>35136</v>
      </c>
      <c r="BA34" s="327">
        <v>47112</v>
      </c>
      <c r="BB34" s="327">
        <v>20368</v>
      </c>
      <c r="BC34" s="327">
        <v>0</v>
      </c>
      <c r="BD34" s="328">
        <v>102616</v>
      </c>
      <c r="BE34" s="330">
        <v>102616</v>
      </c>
      <c r="BF34" s="326">
        <v>14840</v>
      </c>
      <c r="BG34" s="327">
        <v>0</v>
      </c>
      <c r="BH34" s="331">
        <v>14840</v>
      </c>
      <c r="BI34" s="332">
        <v>0</v>
      </c>
      <c r="BJ34" s="327">
        <v>0</v>
      </c>
      <c r="BK34" s="327">
        <v>-9586</v>
      </c>
      <c r="BL34" s="327">
        <v>0</v>
      </c>
      <c r="BM34" s="327">
        <v>0</v>
      </c>
      <c r="BN34" s="327">
        <v>0</v>
      </c>
      <c r="BO34" s="328">
        <v>-9586</v>
      </c>
      <c r="BP34" s="330">
        <v>5254</v>
      </c>
      <c r="BQ34" s="326">
        <v>9632</v>
      </c>
      <c r="BR34" s="327">
        <v>0</v>
      </c>
      <c r="BS34" s="328">
        <v>9632</v>
      </c>
      <c r="BT34" s="326">
        <v>0</v>
      </c>
      <c r="BU34" s="327">
        <v>15520</v>
      </c>
      <c r="BV34" s="327">
        <v>0</v>
      </c>
      <c r="BW34" s="327">
        <v>13088</v>
      </c>
      <c r="BX34" s="327">
        <v>14688</v>
      </c>
      <c r="BY34" s="327">
        <v>8680</v>
      </c>
      <c r="BZ34" s="328">
        <v>51976</v>
      </c>
      <c r="CA34" s="330">
        <v>61608</v>
      </c>
      <c r="CB34" s="326">
        <v>20816</v>
      </c>
      <c r="CC34" s="327">
        <v>0</v>
      </c>
      <c r="CD34" s="328">
        <v>20816</v>
      </c>
      <c r="CE34" s="326">
        <v>0</v>
      </c>
      <c r="CF34" s="327">
        <v>0</v>
      </c>
      <c r="CG34" s="327">
        <v>179336</v>
      </c>
      <c r="CH34" s="327">
        <v>50280</v>
      </c>
      <c r="CI34" s="327">
        <v>0</v>
      </c>
      <c r="CJ34" s="327">
        <v>-424</v>
      </c>
      <c r="CK34" s="328">
        <v>229192</v>
      </c>
      <c r="CL34" s="330">
        <v>250008</v>
      </c>
      <c r="CM34" s="326">
        <v>0</v>
      </c>
      <c r="CN34" s="327">
        <v>0</v>
      </c>
      <c r="CO34" s="328">
        <v>0</v>
      </c>
      <c r="CP34" s="332">
        <v>0</v>
      </c>
      <c r="CQ34" s="327">
        <v>0</v>
      </c>
      <c r="CR34" s="327">
        <v>179336</v>
      </c>
      <c r="CS34" s="327">
        <v>50280</v>
      </c>
      <c r="CT34" s="327">
        <v>0</v>
      </c>
      <c r="CU34" s="327">
        <v>-424</v>
      </c>
      <c r="CV34" s="328">
        <v>229192</v>
      </c>
      <c r="CW34" s="330">
        <v>229192</v>
      </c>
      <c r="CX34" s="326">
        <v>20816</v>
      </c>
      <c r="CY34" s="327">
        <v>0</v>
      </c>
      <c r="CZ34" s="328">
        <v>20816</v>
      </c>
      <c r="DA34" s="326">
        <v>0</v>
      </c>
      <c r="DB34" s="327">
        <v>0</v>
      </c>
      <c r="DC34" s="327">
        <v>0</v>
      </c>
      <c r="DD34" s="327">
        <v>0</v>
      </c>
      <c r="DE34" s="327">
        <v>0</v>
      </c>
      <c r="DF34" s="327">
        <v>0</v>
      </c>
      <c r="DG34" s="328">
        <v>0</v>
      </c>
      <c r="DH34" s="330">
        <v>20816</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10640</v>
      </c>
      <c r="FM34" s="327">
        <v>0</v>
      </c>
      <c r="FN34" s="328">
        <v>110640</v>
      </c>
      <c r="FO34" s="326">
        <v>0</v>
      </c>
      <c r="FP34" s="327">
        <v>0</v>
      </c>
      <c r="FQ34" s="327">
        <v>51504</v>
      </c>
      <c r="FR34" s="327">
        <v>15320</v>
      </c>
      <c r="FS34" s="327">
        <v>29200</v>
      </c>
      <c r="FT34" s="327">
        <v>69120</v>
      </c>
      <c r="FU34" s="328">
        <v>165144</v>
      </c>
      <c r="FV34" s="330">
        <v>275784</v>
      </c>
      <c r="FW34" s="333">
        <v>23520</v>
      </c>
      <c r="FX34" s="327">
        <v>0</v>
      </c>
      <c r="FY34" s="331">
        <v>23520</v>
      </c>
      <c r="FZ34" s="332">
        <v>0</v>
      </c>
      <c r="GA34" s="327">
        <v>0</v>
      </c>
      <c r="GB34" s="327">
        <v>51504</v>
      </c>
      <c r="GC34" s="327">
        <v>15320</v>
      </c>
      <c r="GD34" s="327">
        <v>29200</v>
      </c>
      <c r="GE34" s="327">
        <v>69120</v>
      </c>
      <c r="GF34" s="328">
        <v>165144</v>
      </c>
      <c r="GG34" s="334">
        <v>188664</v>
      </c>
      <c r="GH34" s="333">
        <v>0</v>
      </c>
      <c r="GI34" s="327">
        <v>0</v>
      </c>
      <c r="GJ34" s="331">
        <v>0</v>
      </c>
      <c r="GK34" s="332">
        <v>0</v>
      </c>
      <c r="GL34" s="327">
        <v>0</v>
      </c>
      <c r="GM34" s="327">
        <v>0</v>
      </c>
      <c r="GN34" s="327">
        <v>0</v>
      </c>
      <c r="GO34" s="327">
        <v>0</v>
      </c>
      <c r="GP34" s="327">
        <v>0</v>
      </c>
      <c r="GQ34" s="328">
        <v>0</v>
      </c>
      <c r="GR34" s="330">
        <v>0</v>
      </c>
      <c r="GS34" s="326">
        <v>87120</v>
      </c>
      <c r="GT34" s="327">
        <v>0</v>
      </c>
      <c r="GU34" s="328">
        <v>87120</v>
      </c>
      <c r="GV34" s="326">
        <v>0</v>
      </c>
      <c r="GW34" s="327">
        <v>0</v>
      </c>
      <c r="GX34" s="327">
        <v>0</v>
      </c>
      <c r="GY34" s="327">
        <v>0</v>
      </c>
      <c r="GZ34" s="327">
        <v>0</v>
      </c>
      <c r="HA34" s="327">
        <v>0</v>
      </c>
      <c r="HB34" s="331">
        <v>0</v>
      </c>
      <c r="HC34" s="330">
        <v>87120</v>
      </c>
      <c r="HD34" s="326">
        <v>51900</v>
      </c>
      <c r="HE34" s="327">
        <v>0</v>
      </c>
      <c r="HF34" s="331">
        <v>51900</v>
      </c>
      <c r="HG34" s="332">
        <v>0</v>
      </c>
      <c r="HH34" s="327">
        <v>304652</v>
      </c>
      <c r="HI34" s="327">
        <v>0</v>
      </c>
      <c r="HJ34" s="327">
        <v>0</v>
      </c>
      <c r="HK34" s="327">
        <v>0</v>
      </c>
      <c r="HL34" s="327">
        <v>0</v>
      </c>
      <c r="HM34" s="328">
        <v>304652</v>
      </c>
      <c r="HN34" s="329">
        <v>356552</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28968</v>
      </c>
      <c r="IF34" s="358">
        <v>354672</v>
      </c>
      <c r="IG34" s="356">
        <v>227760</v>
      </c>
      <c r="IH34" s="358">
        <v>0</v>
      </c>
      <c r="II34" s="359">
        <v>711400</v>
      </c>
      <c r="IJ34" s="358">
        <v>711400</v>
      </c>
      <c r="IK34" s="342">
        <v>0</v>
      </c>
      <c r="IL34" s="343">
        <v>0</v>
      </c>
      <c r="IM34" s="344">
        <v>0</v>
      </c>
      <c r="IN34" s="404">
        <v>0</v>
      </c>
      <c r="IO34" s="345">
        <v>0</v>
      </c>
      <c r="IP34" s="345">
        <v>0</v>
      </c>
      <c r="IQ34" s="345">
        <v>106880</v>
      </c>
      <c r="IR34" s="345">
        <v>0</v>
      </c>
      <c r="IS34" s="345">
        <v>0</v>
      </c>
      <c r="IT34" s="346">
        <v>106880</v>
      </c>
      <c r="IU34" s="347">
        <v>106880</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28968</v>
      </c>
      <c r="JM34" s="345">
        <v>0</v>
      </c>
      <c r="JN34" s="345">
        <v>0</v>
      </c>
      <c r="JO34" s="345">
        <v>0</v>
      </c>
      <c r="JP34" s="349">
        <v>128968</v>
      </c>
      <c r="JQ34" s="347">
        <v>128968</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47792</v>
      </c>
      <c r="LQ34" s="345">
        <v>227760</v>
      </c>
      <c r="LR34" s="345">
        <v>0</v>
      </c>
      <c r="LS34" s="349">
        <v>475552</v>
      </c>
      <c r="LT34" s="347">
        <v>475552</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924302</v>
      </c>
      <c r="MO34" s="349">
        <v>924302</v>
      </c>
      <c r="MP34" s="354">
        <v>924302</v>
      </c>
      <c r="MQ34" s="348">
        <v>0</v>
      </c>
      <c r="MR34" s="345">
        <v>0</v>
      </c>
      <c r="MS34" s="349">
        <v>0</v>
      </c>
      <c r="MT34" s="404">
        <v>0</v>
      </c>
      <c r="MU34" s="345">
        <v>0</v>
      </c>
      <c r="MV34" s="345">
        <v>0</v>
      </c>
      <c r="MW34" s="345">
        <v>0</v>
      </c>
      <c r="MX34" s="345">
        <v>0</v>
      </c>
      <c r="MY34" s="345">
        <v>290465</v>
      </c>
      <c r="MZ34" s="349">
        <v>290465</v>
      </c>
      <c r="NA34" s="354">
        <v>290465</v>
      </c>
      <c r="NB34" s="348">
        <v>0</v>
      </c>
      <c r="NC34" s="345">
        <v>0</v>
      </c>
      <c r="ND34" s="349">
        <v>0</v>
      </c>
      <c r="NE34" s="404">
        <v>0</v>
      </c>
      <c r="NF34" s="345">
        <v>0</v>
      </c>
      <c r="NG34" s="345">
        <v>0</v>
      </c>
      <c r="NH34" s="345">
        <v>0</v>
      </c>
      <c r="NI34" s="345">
        <v>0</v>
      </c>
      <c r="NJ34" s="345">
        <v>633837</v>
      </c>
      <c r="NK34" s="349">
        <v>633837</v>
      </c>
      <c r="NL34" s="347">
        <v>633837</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207828</v>
      </c>
      <c r="OJ34" s="345">
        <v>0</v>
      </c>
      <c r="OK34" s="346">
        <v>207828</v>
      </c>
      <c r="OL34" s="351">
        <v>0</v>
      </c>
      <c r="OM34" s="345">
        <v>320172</v>
      </c>
      <c r="ON34" s="345">
        <v>497570</v>
      </c>
      <c r="OO34" s="345">
        <v>480472</v>
      </c>
      <c r="OP34" s="345">
        <v>486072</v>
      </c>
      <c r="OQ34" s="345">
        <v>1075858</v>
      </c>
      <c r="OR34" s="349">
        <v>2860144</v>
      </c>
      <c r="OS34" s="354">
        <v>3067972</v>
      </c>
    </row>
    <row r="35" spans="2:409" s="70" customFormat="1" ht="21" customHeight="1" x14ac:dyDescent="0.2">
      <c r="B35" s="410" t="s">
        <v>30</v>
      </c>
      <c r="C35" s="326">
        <v>36480</v>
      </c>
      <c r="D35" s="327">
        <v>97526</v>
      </c>
      <c r="E35" s="368">
        <v>134006</v>
      </c>
      <c r="F35" s="370">
        <v>0</v>
      </c>
      <c r="G35" s="369">
        <v>101253</v>
      </c>
      <c r="H35" s="369">
        <v>280392</v>
      </c>
      <c r="I35" s="369">
        <v>401843</v>
      </c>
      <c r="J35" s="369">
        <v>175136</v>
      </c>
      <c r="K35" s="369">
        <v>0</v>
      </c>
      <c r="L35" s="370">
        <v>958624</v>
      </c>
      <c r="M35" s="330">
        <v>1092630</v>
      </c>
      <c r="N35" s="326">
        <v>0</v>
      </c>
      <c r="O35" s="327">
        <v>58000</v>
      </c>
      <c r="P35" s="328">
        <v>58000</v>
      </c>
      <c r="Q35" s="326">
        <v>0</v>
      </c>
      <c r="R35" s="327">
        <v>51957</v>
      </c>
      <c r="S35" s="327">
        <v>19232</v>
      </c>
      <c r="T35" s="327">
        <v>120988</v>
      </c>
      <c r="U35" s="327">
        <v>61384</v>
      </c>
      <c r="V35" s="327">
        <v>0</v>
      </c>
      <c r="W35" s="328">
        <v>253561</v>
      </c>
      <c r="X35" s="330">
        <v>311561</v>
      </c>
      <c r="Y35" s="326">
        <v>0</v>
      </c>
      <c r="Z35" s="327">
        <v>0</v>
      </c>
      <c r="AA35" s="328">
        <v>0</v>
      </c>
      <c r="AB35" s="326">
        <v>0</v>
      </c>
      <c r="AC35" s="327">
        <v>20629</v>
      </c>
      <c r="AD35" s="327">
        <v>0</v>
      </c>
      <c r="AE35" s="327">
        <v>52560</v>
      </c>
      <c r="AF35" s="327">
        <v>16728</v>
      </c>
      <c r="AG35" s="327">
        <v>0</v>
      </c>
      <c r="AH35" s="328">
        <v>89917</v>
      </c>
      <c r="AI35" s="330">
        <v>89917</v>
      </c>
      <c r="AJ35" s="326">
        <v>0</v>
      </c>
      <c r="AK35" s="327">
        <v>0</v>
      </c>
      <c r="AL35" s="328">
        <v>0</v>
      </c>
      <c r="AM35" s="326">
        <v>0</v>
      </c>
      <c r="AN35" s="327">
        <v>0</v>
      </c>
      <c r="AO35" s="327">
        <v>0</v>
      </c>
      <c r="AP35" s="327">
        <v>23540</v>
      </c>
      <c r="AQ35" s="327">
        <v>0</v>
      </c>
      <c r="AR35" s="327">
        <v>0</v>
      </c>
      <c r="AS35" s="328">
        <v>23540</v>
      </c>
      <c r="AT35" s="330">
        <v>23540</v>
      </c>
      <c r="AU35" s="326">
        <v>0</v>
      </c>
      <c r="AV35" s="327">
        <v>58000</v>
      </c>
      <c r="AW35" s="328">
        <v>58000</v>
      </c>
      <c r="AX35" s="326">
        <v>0</v>
      </c>
      <c r="AY35" s="327">
        <v>31328</v>
      </c>
      <c r="AZ35" s="327">
        <v>0</v>
      </c>
      <c r="BA35" s="327">
        <v>19648</v>
      </c>
      <c r="BB35" s="327">
        <v>35728</v>
      </c>
      <c r="BC35" s="327">
        <v>0</v>
      </c>
      <c r="BD35" s="328">
        <v>86704</v>
      </c>
      <c r="BE35" s="330">
        <v>144704</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0</v>
      </c>
      <c r="BV35" s="327">
        <v>19232</v>
      </c>
      <c r="BW35" s="327">
        <v>25240</v>
      </c>
      <c r="BX35" s="327">
        <v>8928</v>
      </c>
      <c r="BY35" s="327">
        <v>0</v>
      </c>
      <c r="BZ35" s="328">
        <v>53400</v>
      </c>
      <c r="CA35" s="330">
        <v>53400</v>
      </c>
      <c r="CB35" s="326">
        <v>20816</v>
      </c>
      <c r="CC35" s="327">
        <v>39526</v>
      </c>
      <c r="CD35" s="328">
        <v>60342</v>
      </c>
      <c r="CE35" s="326">
        <v>0</v>
      </c>
      <c r="CF35" s="327">
        <v>0</v>
      </c>
      <c r="CG35" s="327">
        <v>0</v>
      </c>
      <c r="CH35" s="327">
        <v>0</v>
      </c>
      <c r="CI35" s="327">
        <v>57680</v>
      </c>
      <c r="CJ35" s="327">
        <v>0</v>
      </c>
      <c r="CK35" s="328">
        <v>57680</v>
      </c>
      <c r="CL35" s="330">
        <v>118022</v>
      </c>
      <c r="CM35" s="326">
        <v>0</v>
      </c>
      <c r="CN35" s="327">
        <v>0</v>
      </c>
      <c r="CO35" s="328">
        <v>0</v>
      </c>
      <c r="CP35" s="332">
        <v>0</v>
      </c>
      <c r="CQ35" s="327">
        <v>0</v>
      </c>
      <c r="CR35" s="327">
        <v>0</v>
      </c>
      <c r="CS35" s="327">
        <v>0</v>
      </c>
      <c r="CT35" s="327">
        <v>57680</v>
      </c>
      <c r="CU35" s="327">
        <v>0</v>
      </c>
      <c r="CV35" s="328">
        <v>57680</v>
      </c>
      <c r="CW35" s="330">
        <v>57680</v>
      </c>
      <c r="CX35" s="326">
        <v>20816</v>
      </c>
      <c r="CY35" s="327">
        <v>39526</v>
      </c>
      <c r="CZ35" s="328">
        <v>60342</v>
      </c>
      <c r="DA35" s="326">
        <v>0</v>
      </c>
      <c r="DB35" s="327">
        <v>0</v>
      </c>
      <c r="DC35" s="327">
        <v>0</v>
      </c>
      <c r="DD35" s="327">
        <v>0</v>
      </c>
      <c r="DE35" s="327">
        <v>0</v>
      </c>
      <c r="DF35" s="327">
        <v>0</v>
      </c>
      <c r="DG35" s="328">
        <v>0</v>
      </c>
      <c r="DH35" s="330">
        <v>60342</v>
      </c>
      <c r="DI35" s="326">
        <v>0</v>
      </c>
      <c r="DJ35" s="327">
        <v>0</v>
      </c>
      <c r="DK35" s="331">
        <v>0</v>
      </c>
      <c r="DL35" s="332">
        <v>0</v>
      </c>
      <c r="DM35" s="327">
        <v>47696</v>
      </c>
      <c r="DN35" s="327">
        <v>0</v>
      </c>
      <c r="DO35" s="327">
        <v>0</v>
      </c>
      <c r="DP35" s="327">
        <v>34216</v>
      </c>
      <c r="DQ35" s="327">
        <v>0</v>
      </c>
      <c r="DR35" s="328">
        <v>81912</v>
      </c>
      <c r="DS35" s="330">
        <v>81912</v>
      </c>
      <c r="DT35" s="326">
        <v>0</v>
      </c>
      <c r="DU35" s="327">
        <v>0</v>
      </c>
      <c r="DV35" s="328">
        <v>0</v>
      </c>
      <c r="DW35" s="326">
        <v>0</v>
      </c>
      <c r="DX35" s="327">
        <v>47696</v>
      </c>
      <c r="DY35" s="327">
        <v>0</v>
      </c>
      <c r="DZ35" s="327">
        <v>0</v>
      </c>
      <c r="EA35" s="327">
        <v>34216</v>
      </c>
      <c r="EB35" s="327">
        <v>0</v>
      </c>
      <c r="EC35" s="328">
        <v>81912</v>
      </c>
      <c r="ED35" s="330">
        <v>81912</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15664</v>
      </c>
      <c r="FM35" s="327">
        <v>0</v>
      </c>
      <c r="FN35" s="328">
        <v>15664</v>
      </c>
      <c r="FO35" s="326">
        <v>0</v>
      </c>
      <c r="FP35" s="327">
        <v>1600</v>
      </c>
      <c r="FQ35" s="327">
        <v>8992</v>
      </c>
      <c r="FR35" s="327">
        <v>28000</v>
      </c>
      <c r="FS35" s="327">
        <v>21856</v>
      </c>
      <c r="FT35" s="327">
        <v>0</v>
      </c>
      <c r="FU35" s="328">
        <v>60448</v>
      </c>
      <c r="FV35" s="330">
        <v>76112</v>
      </c>
      <c r="FW35" s="333">
        <v>15664</v>
      </c>
      <c r="FX35" s="327">
        <v>0</v>
      </c>
      <c r="FY35" s="331">
        <v>15664</v>
      </c>
      <c r="FZ35" s="332">
        <v>0</v>
      </c>
      <c r="GA35" s="327">
        <v>1600</v>
      </c>
      <c r="GB35" s="327">
        <v>8992</v>
      </c>
      <c r="GC35" s="327">
        <v>28000</v>
      </c>
      <c r="GD35" s="327">
        <v>21856</v>
      </c>
      <c r="GE35" s="327">
        <v>0</v>
      </c>
      <c r="GF35" s="328">
        <v>60448</v>
      </c>
      <c r="GG35" s="334">
        <v>76112</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0</v>
      </c>
      <c r="HI35" s="327">
        <v>252168</v>
      </c>
      <c r="HJ35" s="327">
        <v>252855</v>
      </c>
      <c r="HK35" s="327">
        <v>0</v>
      </c>
      <c r="HL35" s="327">
        <v>0</v>
      </c>
      <c r="HM35" s="328">
        <v>505023</v>
      </c>
      <c r="HN35" s="329">
        <v>505023</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50440</v>
      </c>
      <c r="IE35" s="339">
        <v>0</v>
      </c>
      <c r="IF35" s="337">
        <v>0</v>
      </c>
      <c r="IG35" s="336">
        <v>0</v>
      </c>
      <c r="IH35" s="337">
        <v>0</v>
      </c>
      <c r="II35" s="340">
        <v>50440</v>
      </c>
      <c r="IJ35" s="341">
        <v>50440</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50440</v>
      </c>
      <c r="JL35" s="345">
        <v>0</v>
      </c>
      <c r="JM35" s="345">
        <v>0</v>
      </c>
      <c r="JN35" s="345">
        <v>0</v>
      </c>
      <c r="JO35" s="345">
        <v>0</v>
      </c>
      <c r="JP35" s="349">
        <v>50440</v>
      </c>
      <c r="JQ35" s="347">
        <v>50440</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217049</v>
      </c>
      <c r="MK35" s="345">
        <v>239490</v>
      </c>
      <c r="ML35" s="345">
        <v>245144</v>
      </c>
      <c r="MM35" s="345">
        <v>1523746</v>
      </c>
      <c r="MN35" s="345">
        <v>261200</v>
      </c>
      <c r="MO35" s="349">
        <v>2486629</v>
      </c>
      <c r="MP35" s="354">
        <v>2486629</v>
      </c>
      <c r="MQ35" s="348">
        <v>0</v>
      </c>
      <c r="MR35" s="345">
        <v>0</v>
      </c>
      <c r="MS35" s="349">
        <v>0</v>
      </c>
      <c r="MT35" s="404">
        <v>0</v>
      </c>
      <c r="MU35" s="345">
        <v>0</v>
      </c>
      <c r="MV35" s="345">
        <v>0</v>
      </c>
      <c r="MW35" s="345">
        <v>245144</v>
      </c>
      <c r="MX35" s="345">
        <v>237392</v>
      </c>
      <c r="MY35" s="345">
        <v>261200</v>
      </c>
      <c r="MZ35" s="349">
        <v>743736</v>
      </c>
      <c r="NA35" s="354">
        <v>743736</v>
      </c>
      <c r="NB35" s="348">
        <v>0</v>
      </c>
      <c r="NC35" s="345">
        <v>0</v>
      </c>
      <c r="ND35" s="349">
        <v>0</v>
      </c>
      <c r="NE35" s="404">
        <v>0</v>
      </c>
      <c r="NF35" s="345">
        <v>217049</v>
      </c>
      <c r="NG35" s="345">
        <v>239490</v>
      </c>
      <c r="NH35" s="345">
        <v>0</v>
      </c>
      <c r="NI35" s="345">
        <v>526594</v>
      </c>
      <c r="NJ35" s="345">
        <v>0</v>
      </c>
      <c r="NK35" s="349">
        <v>983133</v>
      </c>
      <c r="NL35" s="347">
        <v>983133</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759760</v>
      </c>
      <c r="OF35" s="345">
        <v>0</v>
      </c>
      <c r="OG35" s="349">
        <v>759760</v>
      </c>
      <c r="OH35" s="350">
        <v>759760</v>
      </c>
      <c r="OI35" s="348">
        <v>36480</v>
      </c>
      <c r="OJ35" s="345">
        <v>97526</v>
      </c>
      <c r="OK35" s="346">
        <v>134006</v>
      </c>
      <c r="OL35" s="351">
        <v>0</v>
      </c>
      <c r="OM35" s="345">
        <v>368742</v>
      </c>
      <c r="ON35" s="345">
        <v>519882</v>
      </c>
      <c r="OO35" s="345">
        <v>646987</v>
      </c>
      <c r="OP35" s="345">
        <v>1698882</v>
      </c>
      <c r="OQ35" s="345">
        <v>261200</v>
      </c>
      <c r="OR35" s="349">
        <v>3495693</v>
      </c>
      <c r="OS35" s="354">
        <v>3629699</v>
      </c>
    </row>
    <row r="36" spans="2:409" s="70" customFormat="1" ht="21" customHeight="1" x14ac:dyDescent="0.2">
      <c r="B36" s="410" t="s">
        <v>31</v>
      </c>
      <c r="C36" s="326">
        <v>2400</v>
      </c>
      <c r="D36" s="327">
        <v>45824</v>
      </c>
      <c r="E36" s="328">
        <v>48224</v>
      </c>
      <c r="F36" s="329">
        <v>0</v>
      </c>
      <c r="G36" s="327">
        <v>139066</v>
      </c>
      <c r="H36" s="327">
        <v>320256</v>
      </c>
      <c r="I36" s="327">
        <v>663061</v>
      </c>
      <c r="J36" s="327">
        <v>226060</v>
      </c>
      <c r="K36" s="327">
        <v>16720</v>
      </c>
      <c r="L36" s="367">
        <v>1365163</v>
      </c>
      <c r="M36" s="330">
        <v>1413387</v>
      </c>
      <c r="N36" s="326">
        <v>0</v>
      </c>
      <c r="O36" s="327">
        <v>19424</v>
      </c>
      <c r="P36" s="328">
        <v>19424</v>
      </c>
      <c r="Q36" s="326">
        <v>0</v>
      </c>
      <c r="R36" s="327">
        <v>0</v>
      </c>
      <c r="S36" s="327">
        <v>67696</v>
      </c>
      <c r="T36" s="327">
        <v>514256</v>
      </c>
      <c r="U36" s="327">
        <v>77832</v>
      </c>
      <c r="V36" s="327">
        <v>16720</v>
      </c>
      <c r="W36" s="328">
        <v>676504</v>
      </c>
      <c r="X36" s="330">
        <v>695928</v>
      </c>
      <c r="Y36" s="326">
        <v>0</v>
      </c>
      <c r="Z36" s="327">
        <v>0</v>
      </c>
      <c r="AA36" s="328">
        <v>0</v>
      </c>
      <c r="AB36" s="326">
        <v>0</v>
      </c>
      <c r="AC36" s="327">
        <v>0</v>
      </c>
      <c r="AD36" s="327">
        <v>0</v>
      </c>
      <c r="AE36" s="327">
        <v>225588</v>
      </c>
      <c r="AF36" s="327">
        <v>0</v>
      </c>
      <c r="AG36" s="327">
        <v>0</v>
      </c>
      <c r="AH36" s="328">
        <v>225588</v>
      </c>
      <c r="AI36" s="330">
        <v>225588</v>
      </c>
      <c r="AJ36" s="326">
        <v>0</v>
      </c>
      <c r="AK36" s="327">
        <v>0</v>
      </c>
      <c r="AL36" s="328">
        <v>0</v>
      </c>
      <c r="AM36" s="326">
        <v>0</v>
      </c>
      <c r="AN36" s="327">
        <v>0</v>
      </c>
      <c r="AO36" s="327">
        <v>47080</v>
      </c>
      <c r="AP36" s="327">
        <v>94160</v>
      </c>
      <c r="AQ36" s="327">
        <v>0</v>
      </c>
      <c r="AR36" s="327">
        <v>0</v>
      </c>
      <c r="AS36" s="328">
        <v>141240</v>
      </c>
      <c r="AT36" s="330">
        <v>141240</v>
      </c>
      <c r="AU36" s="326">
        <v>0</v>
      </c>
      <c r="AV36" s="327">
        <v>19424</v>
      </c>
      <c r="AW36" s="328">
        <v>19424</v>
      </c>
      <c r="AX36" s="326">
        <v>0</v>
      </c>
      <c r="AY36" s="327">
        <v>0</v>
      </c>
      <c r="AZ36" s="327">
        <v>0</v>
      </c>
      <c r="BA36" s="327">
        <v>166456</v>
      </c>
      <c r="BB36" s="327">
        <v>47640</v>
      </c>
      <c r="BC36" s="327">
        <v>0</v>
      </c>
      <c r="BD36" s="328">
        <v>214096</v>
      </c>
      <c r="BE36" s="330">
        <v>233520</v>
      </c>
      <c r="BF36" s="326">
        <v>0</v>
      </c>
      <c r="BG36" s="327">
        <v>0</v>
      </c>
      <c r="BH36" s="331">
        <v>0</v>
      </c>
      <c r="BI36" s="332">
        <v>0</v>
      </c>
      <c r="BJ36" s="327">
        <v>0</v>
      </c>
      <c r="BK36" s="327">
        <v>0</v>
      </c>
      <c r="BL36" s="327">
        <v>28052</v>
      </c>
      <c r="BM36" s="327">
        <v>0</v>
      </c>
      <c r="BN36" s="327">
        <v>0</v>
      </c>
      <c r="BO36" s="328">
        <v>28052</v>
      </c>
      <c r="BP36" s="330">
        <v>28052</v>
      </c>
      <c r="BQ36" s="326">
        <v>0</v>
      </c>
      <c r="BR36" s="327">
        <v>0</v>
      </c>
      <c r="BS36" s="328">
        <v>0</v>
      </c>
      <c r="BT36" s="326">
        <v>0</v>
      </c>
      <c r="BU36" s="327">
        <v>0</v>
      </c>
      <c r="BV36" s="327">
        <v>20616</v>
      </c>
      <c r="BW36" s="327">
        <v>0</v>
      </c>
      <c r="BX36" s="327">
        <v>30192</v>
      </c>
      <c r="BY36" s="327">
        <v>16720</v>
      </c>
      <c r="BZ36" s="328">
        <v>67528</v>
      </c>
      <c r="CA36" s="330">
        <v>67528</v>
      </c>
      <c r="CB36" s="326">
        <v>0</v>
      </c>
      <c r="CC36" s="327">
        <v>0</v>
      </c>
      <c r="CD36" s="328">
        <v>0</v>
      </c>
      <c r="CE36" s="326">
        <v>0</v>
      </c>
      <c r="CF36" s="327">
        <v>120266</v>
      </c>
      <c r="CG36" s="327">
        <v>153160</v>
      </c>
      <c r="CH36" s="327">
        <v>66181</v>
      </c>
      <c r="CI36" s="327">
        <v>66518</v>
      </c>
      <c r="CJ36" s="327">
        <v>0</v>
      </c>
      <c r="CK36" s="328">
        <v>406125</v>
      </c>
      <c r="CL36" s="330">
        <v>406125</v>
      </c>
      <c r="CM36" s="326">
        <v>0</v>
      </c>
      <c r="CN36" s="327">
        <v>0</v>
      </c>
      <c r="CO36" s="328">
        <v>0</v>
      </c>
      <c r="CP36" s="332">
        <v>0</v>
      </c>
      <c r="CQ36" s="327">
        <v>92458</v>
      </c>
      <c r="CR36" s="327">
        <v>0</v>
      </c>
      <c r="CS36" s="327">
        <v>0</v>
      </c>
      <c r="CT36" s="327">
        <v>66518</v>
      </c>
      <c r="CU36" s="327">
        <v>0</v>
      </c>
      <c r="CV36" s="328">
        <v>158976</v>
      </c>
      <c r="CW36" s="330">
        <v>158976</v>
      </c>
      <c r="CX36" s="326">
        <v>0</v>
      </c>
      <c r="CY36" s="327">
        <v>0</v>
      </c>
      <c r="CZ36" s="328">
        <v>0</v>
      </c>
      <c r="DA36" s="326">
        <v>0</v>
      </c>
      <c r="DB36" s="327">
        <v>27808</v>
      </c>
      <c r="DC36" s="327">
        <v>153160</v>
      </c>
      <c r="DD36" s="327">
        <v>66181</v>
      </c>
      <c r="DE36" s="327">
        <v>0</v>
      </c>
      <c r="DF36" s="327">
        <v>0</v>
      </c>
      <c r="DG36" s="328">
        <v>247149</v>
      </c>
      <c r="DH36" s="330">
        <v>247149</v>
      </c>
      <c r="DI36" s="326">
        <v>0</v>
      </c>
      <c r="DJ36" s="327">
        <v>0</v>
      </c>
      <c r="DK36" s="331">
        <v>0</v>
      </c>
      <c r="DL36" s="332">
        <v>0</v>
      </c>
      <c r="DM36" s="327">
        <v>0</v>
      </c>
      <c r="DN36" s="327">
        <v>0</v>
      </c>
      <c r="DO36" s="327">
        <v>0</v>
      </c>
      <c r="DP36" s="327">
        <v>46910</v>
      </c>
      <c r="DQ36" s="327">
        <v>0</v>
      </c>
      <c r="DR36" s="328">
        <v>46910</v>
      </c>
      <c r="DS36" s="330">
        <v>46910</v>
      </c>
      <c r="DT36" s="326">
        <v>0</v>
      </c>
      <c r="DU36" s="327">
        <v>0</v>
      </c>
      <c r="DV36" s="328">
        <v>0</v>
      </c>
      <c r="DW36" s="326">
        <v>0</v>
      </c>
      <c r="DX36" s="327">
        <v>0</v>
      </c>
      <c r="DY36" s="327">
        <v>0</v>
      </c>
      <c r="DZ36" s="327">
        <v>0</v>
      </c>
      <c r="EA36" s="327">
        <v>46910</v>
      </c>
      <c r="EB36" s="327">
        <v>0</v>
      </c>
      <c r="EC36" s="328">
        <v>46910</v>
      </c>
      <c r="ED36" s="330">
        <v>46910</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2400</v>
      </c>
      <c r="FM36" s="327">
        <v>26400</v>
      </c>
      <c r="FN36" s="328">
        <v>28800</v>
      </c>
      <c r="FO36" s="326">
        <v>0</v>
      </c>
      <c r="FP36" s="327">
        <v>18800</v>
      </c>
      <c r="FQ36" s="327">
        <v>99400</v>
      </c>
      <c r="FR36" s="327">
        <v>82624</v>
      </c>
      <c r="FS36" s="327">
        <v>34800</v>
      </c>
      <c r="FT36" s="327">
        <v>0</v>
      </c>
      <c r="FU36" s="328">
        <v>235624</v>
      </c>
      <c r="FV36" s="330">
        <v>264424</v>
      </c>
      <c r="FW36" s="333">
        <v>2400</v>
      </c>
      <c r="FX36" s="327">
        <v>26400</v>
      </c>
      <c r="FY36" s="331">
        <v>28800</v>
      </c>
      <c r="FZ36" s="332">
        <v>0</v>
      </c>
      <c r="GA36" s="327">
        <v>18800</v>
      </c>
      <c r="GB36" s="327">
        <v>39560</v>
      </c>
      <c r="GC36" s="327">
        <v>82624</v>
      </c>
      <c r="GD36" s="327">
        <v>34800</v>
      </c>
      <c r="GE36" s="327">
        <v>0</v>
      </c>
      <c r="GF36" s="328">
        <v>175784</v>
      </c>
      <c r="GG36" s="334">
        <v>204584</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59840</v>
      </c>
      <c r="GY36" s="327">
        <v>0</v>
      </c>
      <c r="GZ36" s="327">
        <v>0</v>
      </c>
      <c r="HA36" s="327">
        <v>0</v>
      </c>
      <c r="HB36" s="331">
        <v>59840</v>
      </c>
      <c r="HC36" s="330">
        <v>5984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40207</v>
      </c>
      <c r="IE36" s="357">
        <v>253409</v>
      </c>
      <c r="IF36" s="358">
        <v>0</v>
      </c>
      <c r="IG36" s="356">
        <v>650550</v>
      </c>
      <c r="IH36" s="358">
        <v>250680</v>
      </c>
      <c r="II36" s="359">
        <v>1294846</v>
      </c>
      <c r="IJ36" s="358">
        <v>1294846</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14033</v>
      </c>
      <c r="JM36" s="345">
        <v>0</v>
      </c>
      <c r="JN36" s="345">
        <v>0</v>
      </c>
      <c r="JO36" s="345">
        <v>0</v>
      </c>
      <c r="JP36" s="349">
        <v>14033</v>
      </c>
      <c r="JQ36" s="347">
        <v>14033</v>
      </c>
      <c r="JR36" s="348">
        <v>0</v>
      </c>
      <c r="JS36" s="345">
        <v>0</v>
      </c>
      <c r="JT36" s="346">
        <v>0</v>
      </c>
      <c r="JU36" s="351">
        <v>0</v>
      </c>
      <c r="JV36" s="345">
        <v>0</v>
      </c>
      <c r="JW36" s="345">
        <v>0</v>
      </c>
      <c r="JX36" s="345">
        <v>0</v>
      </c>
      <c r="JY36" s="345">
        <v>188422</v>
      </c>
      <c r="JZ36" s="345">
        <v>0</v>
      </c>
      <c r="KA36" s="349">
        <v>188422</v>
      </c>
      <c r="KB36" s="347">
        <v>188422</v>
      </c>
      <c r="KC36" s="352">
        <v>0</v>
      </c>
      <c r="KD36" s="353">
        <v>0</v>
      </c>
      <c r="KE36" s="349">
        <v>0</v>
      </c>
      <c r="KF36" s="351">
        <v>0</v>
      </c>
      <c r="KG36" s="345">
        <v>140207</v>
      </c>
      <c r="KH36" s="345">
        <v>0</v>
      </c>
      <c r="KI36" s="345">
        <v>0</v>
      </c>
      <c r="KJ36" s="345">
        <v>0</v>
      </c>
      <c r="KK36" s="345">
        <v>0</v>
      </c>
      <c r="KL36" s="349">
        <v>140207</v>
      </c>
      <c r="KM36" s="354">
        <v>140207</v>
      </c>
      <c r="KN36" s="342">
        <v>0</v>
      </c>
      <c r="KO36" s="343">
        <v>0</v>
      </c>
      <c r="KP36" s="344">
        <v>0</v>
      </c>
      <c r="KQ36" s="404">
        <v>0</v>
      </c>
      <c r="KR36" s="345">
        <v>0</v>
      </c>
      <c r="KS36" s="345">
        <v>239376</v>
      </c>
      <c r="KT36" s="345">
        <v>0</v>
      </c>
      <c r="KU36" s="345">
        <v>234472</v>
      </c>
      <c r="KV36" s="345">
        <v>250680</v>
      </c>
      <c r="KW36" s="349">
        <v>724528</v>
      </c>
      <c r="KX36" s="347">
        <v>724528</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227656</v>
      </c>
      <c r="LR36" s="345">
        <v>0</v>
      </c>
      <c r="LS36" s="349">
        <v>227656</v>
      </c>
      <c r="LT36" s="347">
        <v>227656</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261525</v>
      </c>
      <c r="MK36" s="345">
        <v>0</v>
      </c>
      <c r="ML36" s="345">
        <v>453442</v>
      </c>
      <c r="MM36" s="345">
        <v>0</v>
      </c>
      <c r="MN36" s="345">
        <v>0</v>
      </c>
      <c r="MO36" s="349">
        <v>714967</v>
      </c>
      <c r="MP36" s="354">
        <v>714967</v>
      </c>
      <c r="MQ36" s="348">
        <v>0</v>
      </c>
      <c r="MR36" s="345">
        <v>0</v>
      </c>
      <c r="MS36" s="349">
        <v>0</v>
      </c>
      <c r="MT36" s="404">
        <v>0</v>
      </c>
      <c r="MU36" s="345">
        <v>0</v>
      </c>
      <c r="MV36" s="345">
        <v>0</v>
      </c>
      <c r="MW36" s="345">
        <v>453442</v>
      </c>
      <c r="MX36" s="345">
        <v>0</v>
      </c>
      <c r="MY36" s="345">
        <v>0</v>
      </c>
      <c r="MZ36" s="349">
        <v>453442</v>
      </c>
      <c r="NA36" s="354">
        <v>453442</v>
      </c>
      <c r="NB36" s="348">
        <v>0</v>
      </c>
      <c r="NC36" s="345">
        <v>0</v>
      </c>
      <c r="ND36" s="349">
        <v>0</v>
      </c>
      <c r="NE36" s="404">
        <v>0</v>
      </c>
      <c r="NF36" s="345">
        <v>261525</v>
      </c>
      <c r="NG36" s="345">
        <v>0</v>
      </c>
      <c r="NH36" s="345">
        <v>0</v>
      </c>
      <c r="NI36" s="345">
        <v>0</v>
      </c>
      <c r="NJ36" s="345">
        <v>0</v>
      </c>
      <c r="NK36" s="349">
        <v>261525</v>
      </c>
      <c r="NL36" s="347">
        <v>261525</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2400</v>
      </c>
      <c r="OJ36" s="345">
        <v>45824</v>
      </c>
      <c r="OK36" s="346">
        <v>48224</v>
      </c>
      <c r="OL36" s="351">
        <v>0</v>
      </c>
      <c r="OM36" s="345">
        <v>540798</v>
      </c>
      <c r="ON36" s="345">
        <v>573665</v>
      </c>
      <c r="OO36" s="345">
        <v>1116503</v>
      </c>
      <c r="OP36" s="345">
        <v>876610</v>
      </c>
      <c r="OQ36" s="345">
        <v>267400</v>
      </c>
      <c r="OR36" s="349">
        <v>3374976</v>
      </c>
      <c r="OS36" s="354">
        <v>3423200</v>
      </c>
    </row>
    <row r="37" spans="2:409" s="70" customFormat="1" ht="21" customHeight="1" x14ac:dyDescent="0.2">
      <c r="B37" s="410" t="s">
        <v>32</v>
      </c>
      <c r="C37" s="326">
        <v>6400</v>
      </c>
      <c r="D37" s="327">
        <v>11600</v>
      </c>
      <c r="E37" s="368">
        <v>18000</v>
      </c>
      <c r="F37" s="370">
        <v>0</v>
      </c>
      <c r="G37" s="369">
        <v>418212</v>
      </c>
      <c r="H37" s="369">
        <v>1096537</v>
      </c>
      <c r="I37" s="369">
        <v>327464</v>
      </c>
      <c r="J37" s="369">
        <v>908072</v>
      </c>
      <c r="K37" s="369">
        <v>320030</v>
      </c>
      <c r="L37" s="370">
        <v>3070315</v>
      </c>
      <c r="M37" s="330">
        <v>3088315</v>
      </c>
      <c r="N37" s="326">
        <v>0</v>
      </c>
      <c r="O37" s="327">
        <v>0</v>
      </c>
      <c r="P37" s="328">
        <v>0</v>
      </c>
      <c r="Q37" s="326">
        <v>0</v>
      </c>
      <c r="R37" s="327">
        <v>105472</v>
      </c>
      <c r="S37" s="327">
        <v>420416</v>
      </c>
      <c r="T37" s="327">
        <v>109104</v>
      </c>
      <c r="U37" s="327">
        <v>314733</v>
      </c>
      <c r="V37" s="327">
        <v>73550</v>
      </c>
      <c r="W37" s="328">
        <v>1023275</v>
      </c>
      <c r="X37" s="330">
        <v>1023275</v>
      </c>
      <c r="Y37" s="326">
        <v>0</v>
      </c>
      <c r="Z37" s="327">
        <v>0</v>
      </c>
      <c r="AA37" s="328">
        <v>0</v>
      </c>
      <c r="AB37" s="326">
        <v>0</v>
      </c>
      <c r="AC37" s="327">
        <v>34664</v>
      </c>
      <c r="AD37" s="327">
        <v>233365</v>
      </c>
      <c r="AE37" s="327">
        <v>87344</v>
      </c>
      <c r="AF37" s="327">
        <v>172637</v>
      </c>
      <c r="AG37" s="327">
        <v>0</v>
      </c>
      <c r="AH37" s="328">
        <v>528010</v>
      </c>
      <c r="AI37" s="330">
        <v>528010</v>
      </c>
      <c r="AJ37" s="326">
        <v>0</v>
      </c>
      <c r="AK37" s="327">
        <v>0</v>
      </c>
      <c r="AL37" s="328">
        <v>0</v>
      </c>
      <c r="AM37" s="326">
        <v>0</v>
      </c>
      <c r="AN37" s="327">
        <v>0</v>
      </c>
      <c r="AO37" s="327">
        <v>0</v>
      </c>
      <c r="AP37" s="327">
        <v>0</v>
      </c>
      <c r="AQ37" s="327">
        <v>0</v>
      </c>
      <c r="AR37" s="327">
        <v>47422</v>
      </c>
      <c r="AS37" s="328">
        <v>47422</v>
      </c>
      <c r="AT37" s="330">
        <v>47422</v>
      </c>
      <c r="AU37" s="326">
        <v>0</v>
      </c>
      <c r="AV37" s="327">
        <v>0</v>
      </c>
      <c r="AW37" s="328">
        <v>0</v>
      </c>
      <c r="AX37" s="326">
        <v>0</v>
      </c>
      <c r="AY37" s="327">
        <v>70808</v>
      </c>
      <c r="AZ37" s="327">
        <v>167324</v>
      </c>
      <c r="BA37" s="327">
        <v>0</v>
      </c>
      <c r="BB37" s="327">
        <v>90936</v>
      </c>
      <c r="BC37" s="327">
        <v>0</v>
      </c>
      <c r="BD37" s="328">
        <v>329068</v>
      </c>
      <c r="BE37" s="330">
        <v>329068</v>
      </c>
      <c r="BF37" s="326">
        <v>0</v>
      </c>
      <c r="BG37" s="327">
        <v>0</v>
      </c>
      <c r="BH37" s="331">
        <v>0</v>
      </c>
      <c r="BI37" s="332">
        <v>0</v>
      </c>
      <c r="BJ37" s="327">
        <v>0</v>
      </c>
      <c r="BK37" s="327">
        <v>463</v>
      </c>
      <c r="BL37" s="327">
        <v>0</v>
      </c>
      <c r="BM37" s="327">
        <v>0</v>
      </c>
      <c r="BN37" s="327">
        <v>0</v>
      </c>
      <c r="BO37" s="328">
        <v>463</v>
      </c>
      <c r="BP37" s="330">
        <v>463</v>
      </c>
      <c r="BQ37" s="326">
        <v>0</v>
      </c>
      <c r="BR37" s="327">
        <v>0</v>
      </c>
      <c r="BS37" s="328">
        <v>0</v>
      </c>
      <c r="BT37" s="326">
        <v>0</v>
      </c>
      <c r="BU37" s="327">
        <v>0</v>
      </c>
      <c r="BV37" s="327">
        <v>19264</v>
      </c>
      <c r="BW37" s="327">
        <v>21760</v>
      </c>
      <c r="BX37" s="327">
        <v>51160</v>
      </c>
      <c r="BY37" s="327">
        <v>26128</v>
      </c>
      <c r="BZ37" s="328">
        <v>118312</v>
      </c>
      <c r="CA37" s="330">
        <v>118312</v>
      </c>
      <c r="CB37" s="326">
        <v>0</v>
      </c>
      <c r="CC37" s="327">
        <v>0</v>
      </c>
      <c r="CD37" s="328">
        <v>0</v>
      </c>
      <c r="CE37" s="326">
        <v>0</v>
      </c>
      <c r="CF37" s="327">
        <v>138052</v>
      </c>
      <c r="CG37" s="327">
        <v>397169</v>
      </c>
      <c r="CH37" s="327">
        <v>193608</v>
      </c>
      <c r="CI37" s="327">
        <v>98896</v>
      </c>
      <c r="CJ37" s="327">
        <v>0</v>
      </c>
      <c r="CK37" s="328">
        <v>827725</v>
      </c>
      <c r="CL37" s="330">
        <v>827725</v>
      </c>
      <c r="CM37" s="326">
        <v>0</v>
      </c>
      <c r="CN37" s="327">
        <v>0</v>
      </c>
      <c r="CO37" s="328">
        <v>0</v>
      </c>
      <c r="CP37" s="332">
        <v>0</v>
      </c>
      <c r="CQ37" s="327">
        <v>138052</v>
      </c>
      <c r="CR37" s="327">
        <v>296160</v>
      </c>
      <c r="CS37" s="327">
        <v>193608</v>
      </c>
      <c r="CT37" s="327">
        <v>98896</v>
      </c>
      <c r="CU37" s="327">
        <v>0</v>
      </c>
      <c r="CV37" s="328">
        <v>726716</v>
      </c>
      <c r="CW37" s="330">
        <v>726716</v>
      </c>
      <c r="CX37" s="326">
        <v>0</v>
      </c>
      <c r="CY37" s="327">
        <v>0</v>
      </c>
      <c r="CZ37" s="328">
        <v>0</v>
      </c>
      <c r="DA37" s="326">
        <v>0</v>
      </c>
      <c r="DB37" s="327">
        <v>0</v>
      </c>
      <c r="DC37" s="327">
        <v>101009</v>
      </c>
      <c r="DD37" s="327">
        <v>0</v>
      </c>
      <c r="DE37" s="327">
        <v>0</v>
      </c>
      <c r="DF37" s="327">
        <v>0</v>
      </c>
      <c r="DG37" s="328">
        <v>101009</v>
      </c>
      <c r="DH37" s="330">
        <v>101009</v>
      </c>
      <c r="DI37" s="326">
        <v>0</v>
      </c>
      <c r="DJ37" s="327">
        <v>0</v>
      </c>
      <c r="DK37" s="331">
        <v>0</v>
      </c>
      <c r="DL37" s="332">
        <v>0</v>
      </c>
      <c r="DM37" s="327">
        <v>0</v>
      </c>
      <c r="DN37" s="327">
        <v>13512</v>
      </c>
      <c r="DO37" s="327">
        <v>0</v>
      </c>
      <c r="DP37" s="327">
        <v>0</v>
      </c>
      <c r="DQ37" s="327">
        <v>0</v>
      </c>
      <c r="DR37" s="328">
        <v>13512</v>
      </c>
      <c r="DS37" s="330">
        <v>13512</v>
      </c>
      <c r="DT37" s="326">
        <v>0</v>
      </c>
      <c r="DU37" s="327">
        <v>0</v>
      </c>
      <c r="DV37" s="328">
        <v>0</v>
      </c>
      <c r="DW37" s="326">
        <v>0</v>
      </c>
      <c r="DX37" s="327">
        <v>0</v>
      </c>
      <c r="DY37" s="327">
        <v>13512</v>
      </c>
      <c r="DZ37" s="327">
        <v>0</v>
      </c>
      <c r="EA37" s="327">
        <v>0</v>
      </c>
      <c r="EB37" s="327">
        <v>0</v>
      </c>
      <c r="EC37" s="328">
        <v>13512</v>
      </c>
      <c r="ED37" s="330">
        <v>13512</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6400</v>
      </c>
      <c r="FM37" s="327">
        <v>11600</v>
      </c>
      <c r="FN37" s="328">
        <v>18000</v>
      </c>
      <c r="FO37" s="326">
        <v>0</v>
      </c>
      <c r="FP37" s="327">
        <v>23440</v>
      </c>
      <c r="FQ37" s="327">
        <v>96512</v>
      </c>
      <c r="FR37" s="327">
        <v>24752</v>
      </c>
      <c r="FS37" s="327">
        <v>63160</v>
      </c>
      <c r="FT37" s="327">
        <v>22080</v>
      </c>
      <c r="FU37" s="328">
        <v>229944</v>
      </c>
      <c r="FV37" s="330">
        <v>247944</v>
      </c>
      <c r="FW37" s="333">
        <v>6400</v>
      </c>
      <c r="FX37" s="327">
        <v>11600</v>
      </c>
      <c r="FY37" s="331">
        <v>18000</v>
      </c>
      <c r="FZ37" s="332">
        <v>0</v>
      </c>
      <c r="GA37" s="327">
        <v>23440</v>
      </c>
      <c r="GB37" s="327">
        <v>96512</v>
      </c>
      <c r="GC37" s="327">
        <v>24752</v>
      </c>
      <c r="GD37" s="327">
        <v>63160</v>
      </c>
      <c r="GE37" s="327">
        <v>22080</v>
      </c>
      <c r="GF37" s="328">
        <v>229944</v>
      </c>
      <c r="GG37" s="334">
        <v>247944</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51248</v>
      </c>
      <c r="HI37" s="327">
        <v>168928</v>
      </c>
      <c r="HJ37" s="327">
        <v>0</v>
      </c>
      <c r="HK37" s="327">
        <v>431283</v>
      </c>
      <c r="HL37" s="327">
        <v>224400</v>
      </c>
      <c r="HM37" s="328">
        <v>975859</v>
      </c>
      <c r="HN37" s="329">
        <v>975859</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21688</v>
      </c>
      <c r="IE37" s="339">
        <v>181822</v>
      </c>
      <c r="IF37" s="337">
        <v>448056</v>
      </c>
      <c r="IG37" s="336">
        <v>900640</v>
      </c>
      <c r="IH37" s="337">
        <v>42677</v>
      </c>
      <c r="II37" s="340">
        <v>1694883</v>
      </c>
      <c r="IJ37" s="341">
        <v>1694883</v>
      </c>
      <c r="IK37" s="342">
        <v>0</v>
      </c>
      <c r="IL37" s="343">
        <v>0</v>
      </c>
      <c r="IM37" s="344">
        <v>0</v>
      </c>
      <c r="IN37" s="404">
        <v>0</v>
      </c>
      <c r="IO37" s="345">
        <v>0</v>
      </c>
      <c r="IP37" s="345">
        <v>0</v>
      </c>
      <c r="IQ37" s="345">
        <v>0</v>
      </c>
      <c r="IR37" s="345">
        <v>580208</v>
      </c>
      <c r="IS37" s="345">
        <v>0</v>
      </c>
      <c r="IT37" s="346">
        <v>580208</v>
      </c>
      <c r="IU37" s="347">
        <v>580208</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21688</v>
      </c>
      <c r="JL37" s="345">
        <v>181822</v>
      </c>
      <c r="JM37" s="345">
        <v>0</v>
      </c>
      <c r="JN37" s="345">
        <v>0</v>
      </c>
      <c r="JO37" s="345">
        <v>42677</v>
      </c>
      <c r="JP37" s="349">
        <v>346187</v>
      </c>
      <c r="JQ37" s="347">
        <v>346187</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0</v>
      </c>
      <c r="KT37" s="345">
        <v>240032</v>
      </c>
      <c r="KU37" s="345">
        <v>92776</v>
      </c>
      <c r="KV37" s="345">
        <v>0</v>
      </c>
      <c r="KW37" s="349">
        <v>332808</v>
      </c>
      <c r="KX37" s="347">
        <v>332808</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208024</v>
      </c>
      <c r="LQ37" s="345">
        <v>227656</v>
      </c>
      <c r="LR37" s="345">
        <v>0</v>
      </c>
      <c r="LS37" s="349">
        <v>435680</v>
      </c>
      <c r="LT37" s="347">
        <v>43568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1212024</v>
      </c>
      <c r="MN37" s="345">
        <v>604978</v>
      </c>
      <c r="MO37" s="349">
        <v>1817002</v>
      </c>
      <c r="MP37" s="354">
        <v>1817002</v>
      </c>
      <c r="MQ37" s="348">
        <v>0</v>
      </c>
      <c r="MR37" s="345">
        <v>0</v>
      </c>
      <c r="MS37" s="349">
        <v>0</v>
      </c>
      <c r="MT37" s="404">
        <v>0</v>
      </c>
      <c r="MU37" s="345">
        <v>0</v>
      </c>
      <c r="MV37" s="345">
        <v>0</v>
      </c>
      <c r="MW37" s="345">
        <v>0</v>
      </c>
      <c r="MX37" s="345">
        <v>771400</v>
      </c>
      <c r="MY37" s="345">
        <v>295918</v>
      </c>
      <c r="MZ37" s="349">
        <v>1067318</v>
      </c>
      <c r="NA37" s="354">
        <v>1067318</v>
      </c>
      <c r="NB37" s="348">
        <v>0</v>
      </c>
      <c r="NC37" s="345">
        <v>0</v>
      </c>
      <c r="ND37" s="349">
        <v>0</v>
      </c>
      <c r="NE37" s="404">
        <v>0</v>
      </c>
      <c r="NF37" s="345">
        <v>0</v>
      </c>
      <c r="NG37" s="345">
        <v>0</v>
      </c>
      <c r="NH37" s="345">
        <v>0</v>
      </c>
      <c r="NI37" s="345">
        <v>440624</v>
      </c>
      <c r="NJ37" s="345">
        <v>309060</v>
      </c>
      <c r="NK37" s="349">
        <v>749684</v>
      </c>
      <c r="NL37" s="347">
        <v>749684</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6400</v>
      </c>
      <c r="OJ37" s="345">
        <v>11600</v>
      </c>
      <c r="OK37" s="346">
        <v>18000</v>
      </c>
      <c r="OL37" s="351">
        <v>0</v>
      </c>
      <c r="OM37" s="345">
        <v>539900</v>
      </c>
      <c r="ON37" s="345">
        <v>1278359</v>
      </c>
      <c r="OO37" s="345">
        <v>775520</v>
      </c>
      <c r="OP37" s="345">
        <v>3020736</v>
      </c>
      <c r="OQ37" s="345">
        <v>967685</v>
      </c>
      <c r="OR37" s="349">
        <v>6582200</v>
      </c>
      <c r="OS37" s="354">
        <v>6600200</v>
      </c>
    </row>
    <row r="38" spans="2:409" s="70" customFormat="1" ht="21" customHeight="1" x14ac:dyDescent="0.2">
      <c r="B38" s="410" t="s">
        <v>33</v>
      </c>
      <c r="C38" s="326">
        <v>61976</v>
      </c>
      <c r="D38" s="327">
        <v>68659</v>
      </c>
      <c r="E38" s="328">
        <v>130635</v>
      </c>
      <c r="F38" s="329">
        <v>0</v>
      </c>
      <c r="G38" s="327">
        <v>455010</v>
      </c>
      <c r="H38" s="327">
        <v>15231</v>
      </c>
      <c r="I38" s="327">
        <v>378994</v>
      </c>
      <c r="J38" s="327">
        <v>0</v>
      </c>
      <c r="K38" s="327">
        <v>264184</v>
      </c>
      <c r="L38" s="367">
        <v>1113419</v>
      </c>
      <c r="M38" s="330">
        <v>1244054</v>
      </c>
      <c r="N38" s="326">
        <v>59360</v>
      </c>
      <c r="O38" s="327">
        <v>29680</v>
      </c>
      <c r="P38" s="328">
        <v>89040</v>
      </c>
      <c r="Q38" s="326">
        <v>0</v>
      </c>
      <c r="R38" s="327">
        <v>88161</v>
      </c>
      <c r="S38" s="327">
        <v>4031</v>
      </c>
      <c r="T38" s="327">
        <v>180851</v>
      </c>
      <c r="U38" s="327">
        <v>0</v>
      </c>
      <c r="V38" s="327">
        <v>8784</v>
      </c>
      <c r="W38" s="328">
        <v>281827</v>
      </c>
      <c r="X38" s="330">
        <v>370867</v>
      </c>
      <c r="Y38" s="326">
        <v>0</v>
      </c>
      <c r="Z38" s="327">
        <v>0</v>
      </c>
      <c r="AA38" s="328">
        <v>0</v>
      </c>
      <c r="AB38" s="326">
        <v>0</v>
      </c>
      <c r="AC38" s="327">
        <v>9637</v>
      </c>
      <c r="AD38" s="327">
        <v>0</v>
      </c>
      <c r="AE38" s="327">
        <v>45560</v>
      </c>
      <c r="AF38" s="327">
        <v>0</v>
      </c>
      <c r="AG38" s="327">
        <v>8784</v>
      </c>
      <c r="AH38" s="328">
        <v>63981</v>
      </c>
      <c r="AI38" s="330">
        <v>63981</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31139</v>
      </c>
      <c r="AZ38" s="327">
        <v>4031</v>
      </c>
      <c r="BA38" s="327">
        <v>19912</v>
      </c>
      <c r="BB38" s="327">
        <v>0</v>
      </c>
      <c r="BC38" s="327">
        <v>0</v>
      </c>
      <c r="BD38" s="328">
        <v>55082</v>
      </c>
      <c r="BE38" s="330">
        <v>55082</v>
      </c>
      <c r="BF38" s="326">
        <v>59360</v>
      </c>
      <c r="BG38" s="327">
        <v>29680</v>
      </c>
      <c r="BH38" s="331">
        <v>89040</v>
      </c>
      <c r="BI38" s="332">
        <v>0</v>
      </c>
      <c r="BJ38" s="327">
        <v>11593</v>
      </c>
      <c r="BK38" s="327">
        <v>0</v>
      </c>
      <c r="BL38" s="327">
        <v>76835</v>
      </c>
      <c r="BM38" s="327">
        <v>0</v>
      </c>
      <c r="BN38" s="327">
        <v>0</v>
      </c>
      <c r="BO38" s="328">
        <v>88428</v>
      </c>
      <c r="BP38" s="330">
        <v>177468</v>
      </c>
      <c r="BQ38" s="326">
        <v>0</v>
      </c>
      <c r="BR38" s="327">
        <v>0</v>
      </c>
      <c r="BS38" s="328">
        <v>0</v>
      </c>
      <c r="BT38" s="326">
        <v>0</v>
      </c>
      <c r="BU38" s="327">
        <v>35792</v>
      </c>
      <c r="BV38" s="327">
        <v>0</v>
      </c>
      <c r="BW38" s="327">
        <v>38544</v>
      </c>
      <c r="BX38" s="327">
        <v>0</v>
      </c>
      <c r="BY38" s="327">
        <v>0</v>
      </c>
      <c r="BZ38" s="328">
        <v>74336</v>
      </c>
      <c r="CA38" s="330">
        <v>74336</v>
      </c>
      <c r="CB38" s="326">
        <v>0</v>
      </c>
      <c r="CC38" s="327">
        <v>38979</v>
      </c>
      <c r="CD38" s="328">
        <v>38979</v>
      </c>
      <c r="CE38" s="326">
        <v>0</v>
      </c>
      <c r="CF38" s="327">
        <v>0</v>
      </c>
      <c r="CG38" s="327">
        <v>0</v>
      </c>
      <c r="CH38" s="327">
        <v>0</v>
      </c>
      <c r="CI38" s="327">
        <v>0</v>
      </c>
      <c r="CJ38" s="327">
        <v>0</v>
      </c>
      <c r="CK38" s="328">
        <v>0</v>
      </c>
      <c r="CL38" s="330">
        <v>38979</v>
      </c>
      <c r="CM38" s="326">
        <v>0</v>
      </c>
      <c r="CN38" s="327">
        <v>0</v>
      </c>
      <c r="CO38" s="328">
        <v>0</v>
      </c>
      <c r="CP38" s="332">
        <v>0</v>
      </c>
      <c r="CQ38" s="327">
        <v>0</v>
      </c>
      <c r="CR38" s="327">
        <v>0</v>
      </c>
      <c r="CS38" s="327">
        <v>0</v>
      </c>
      <c r="CT38" s="327">
        <v>0</v>
      </c>
      <c r="CU38" s="327">
        <v>0</v>
      </c>
      <c r="CV38" s="328">
        <v>0</v>
      </c>
      <c r="CW38" s="330">
        <v>0</v>
      </c>
      <c r="CX38" s="326">
        <v>0</v>
      </c>
      <c r="CY38" s="327">
        <v>38979</v>
      </c>
      <c r="CZ38" s="328">
        <v>38979</v>
      </c>
      <c r="DA38" s="326">
        <v>0</v>
      </c>
      <c r="DB38" s="327">
        <v>0</v>
      </c>
      <c r="DC38" s="327">
        <v>0</v>
      </c>
      <c r="DD38" s="327">
        <v>0</v>
      </c>
      <c r="DE38" s="327">
        <v>0</v>
      </c>
      <c r="DF38" s="327">
        <v>0</v>
      </c>
      <c r="DG38" s="328">
        <v>0</v>
      </c>
      <c r="DH38" s="330">
        <v>38979</v>
      </c>
      <c r="DI38" s="326">
        <v>0</v>
      </c>
      <c r="DJ38" s="327">
        <v>0</v>
      </c>
      <c r="DK38" s="331">
        <v>0</v>
      </c>
      <c r="DL38" s="332">
        <v>0</v>
      </c>
      <c r="DM38" s="327">
        <v>113163</v>
      </c>
      <c r="DN38" s="327">
        <v>0</v>
      </c>
      <c r="DO38" s="327">
        <v>0</v>
      </c>
      <c r="DP38" s="327">
        <v>0</v>
      </c>
      <c r="DQ38" s="327">
        <v>252200</v>
      </c>
      <c r="DR38" s="328">
        <v>365363</v>
      </c>
      <c r="DS38" s="330">
        <v>365363</v>
      </c>
      <c r="DT38" s="326">
        <v>0</v>
      </c>
      <c r="DU38" s="327">
        <v>0</v>
      </c>
      <c r="DV38" s="328">
        <v>0</v>
      </c>
      <c r="DW38" s="326">
        <v>0</v>
      </c>
      <c r="DX38" s="327">
        <v>113163</v>
      </c>
      <c r="DY38" s="327">
        <v>0</v>
      </c>
      <c r="DZ38" s="327">
        <v>0</v>
      </c>
      <c r="EA38" s="327">
        <v>0</v>
      </c>
      <c r="EB38" s="327">
        <v>252200</v>
      </c>
      <c r="EC38" s="328">
        <v>365363</v>
      </c>
      <c r="ED38" s="330">
        <v>365363</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2616</v>
      </c>
      <c r="FM38" s="327">
        <v>0</v>
      </c>
      <c r="FN38" s="328">
        <v>2616</v>
      </c>
      <c r="FO38" s="326">
        <v>0</v>
      </c>
      <c r="FP38" s="327">
        <v>19240</v>
      </c>
      <c r="FQ38" s="327">
        <v>11200</v>
      </c>
      <c r="FR38" s="327">
        <v>0</v>
      </c>
      <c r="FS38" s="327">
        <v>0</v>
      </c>
      <c r="FT38" s="327">
        <v>3200</v>
      </c>
      <c r="FU38" s="328">
        <v>33640</v>
      </c>
      <c r="FV38" s="330">
        <v>36256</v>
      </c>
      <c r="FW38" s="333">
        <v>2616</v>
      </c>
      <c r="FX38" s="327">
        <v>0</v>
      </c>
      <c r="FY38" s="331">
        <v>2616</v>
      </c>
      <c r="FZ38" s="332">
        <v>0</v>
      </c>
      <c r="GA38" s="327">
        <v>19240</v>
      </c>
      <c r="GB38" s="327">
        <v>11200</v>
      </c>
      <c r="GC38" s="327">
        <v>0</v>
      </c>
      <c r="GD38" s="327">
        <v>0</v>
      </c>
      <c r="GE38" s="327">
        <v>3200</v>
      </c>
      <c r="GF38" s="328">
        <v>33640</v>
      </c>
      <c r="GG38" s="334">
        <v>36256</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234446</v>
      </c>
      <c r="HI38" s="327">
        <v>0</v>
      </c>
      <c r="HJ38" s="327">
        <v>198143</v>
      </c>
      <c r="HK38" s="327">
        <v>0</v>
      </c>
      <c r="HL38" s="327">
        <v>0</v>
      </c>
      <c r="HM38" s="328">
        <v>432589</v>
      </c>
      <c r="HN38" s="329">
        <v>432589</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70426</v>
      </c>
      <c r="IE38" s="339">
        <v>0</v>
      </c>
      <c r="IF38" s="337">
        <v>0</v>
      </c>
      <c r="IG38" s="336">
        <v>0</v>
      </c>
      <c r="IH38" s="337">
        <v>0</v>
      </c>
      <c r="II38" s="340">
        <v>70426</v>
      </c>
      <c r="IJ38" s="358">
        <v>70426</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70426</v>
      </c>
      <c r="JL38" s="345">
        <v>0</v>
      </c>
      <c r="JM38" s="345">
        <v>0</v>
      </c>
      <c r="JN38" s="345">
        <v>0</v>
      </c>
      <c r="JO38" s="345">
        <v>0</v>
      </c>
      <c r="JP38" s="349">
        <v>70426</v>
      </c>
      <c r="JQ38" s="347">
        <v>7042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24796</v>
      </c>
      <c r="ML38" s="345">
        <v>0</v>
      </c>
      <c r="MM38" s="345">
        <v>0</v>
      </c>
      <c r="MN38" s="345">
        <v>0</v>
      </c>
      <c r="MO38" s="349">
        <v>224796</v>
      </c>
      <c r="MP38" s="354">
        <v>224796</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24796</v>
      </c>
      <c r="OD38" s="345">
        <v>0</v>
      </c>
      <c r="OE38" s="345">
        <v>0</v>
      </c>
      <c r="OF38" s="345">
        <v>0</v>
      </c>
      <c r="OG38" s="349">
        <v>224796</v>
      </c>
      <c r="OH38" s="350">
        <v>224796</v>
      </c>
      <c r="OI38" s="348">
        <v>61976</v>
      </c>
      <c r="OJ38" s="345">
        <v>68659</v>
      </c>
      <c r="OK38" s="346">
        <v>130635</v>
      </c>
      <c r="OL38" s="351">
        <v>0</v>
      </c>
      <c r="OM38" s="345">
        <v>525436</v>
      </c>
      <c r="ON38" s="345">
        <v>240027</v>
      </c>
      <c r="OO38" s="345">
        <v>378994</v>
      </c>
      <c r="OP38" s="345">
        <v>0</v>
      </c>
      <c r="OQ38" s="345">
        <v>264184</v>
      </c>
      <c r="OR38" s="349">
        <v>1408641</v>
      </c>
      <c r="OS38" s="354">
        <v>1539276</v>
      </c>
    </row>
    <row r="39" spans="2:409" s="70" customFormat="1" ht="21" customHeight="1" x14ac:dyDescent="0.2">
      <c r="B39" s="410" t="s">
        <v>34</v>
      </c>
      <c r="C39" s="326">
        <v>0</v>
      </c>
      <c r="D39" s="327">
        <v>0</v>
      </c>
      <c r="E39" s="368">
        <v>0</v>
      </c>
      <c r="F39" s="370">
        <v>0</v>
      </c>
      <c r="G39" s="369">
        <v>146655</v>
      </c>
      <c r="H39" s="369">
        <v>421688</v>
      </c>
      <c r="I39" s="369">
        <v>209720</v>
      </c>
      <c r="J39" s="369">
        <v>21928</v>
      </c>
      <c r="K39" s="369">
        <v>443805</v>
      </c>
      <c r="L39" s="370">
        <v>1243796</v>
      </c>
      <c r="M39" s="330">
        <v>1243796</v>
      </c>
      <c r="N39" s="326">
        <v>0</v>
      </c>
      <c r="O39" s="327">
        <v>0</v>
      </c>
      <c r="P39" s="328">
        <v>0</v>
      </c>
      <c r="Q39" s="326">
        <v>0</v>
      </c>
      <c r="R39" s="327">
        <v>60551</v>
      </c>
      <c r="S39" s="327">
        <v>106992</v>
      </c>
      <c r="T39" s="327">
        <v>0</v>
      </c>
      <c r="U39" s="327">
        <v>8568</v>
      </c>
      <c r="V39" s="327">
        <v>200840</v>
      </c>
      <c r="W39" s="328">
        <v>376951</v>
      </c>
      <c r="X39" s="330">
        <v>376951</v>
      </c>
      <c r="Y39" s="326">
        <v>0</v>
      </c>
      <c r="Z39" s="327">
        <v>0</v>
      </c>
      <c r="AA39" s="328">
        <v>0</v>
      </c>
      <c r="AB39" s="326">
        <v>0</v>
      </c>
      <c r="AC39" s="327">
        <v>27879</v>
      </c>
      <c r="AD39" s="327">
        <v>0</v>
      </c>
      <c r="AE39" s="327">
        <v>0</v>
      </c>
      <c r="AF39" s="327">
        <v>0</v>
      </c>
      <c r="AG39" s="327">
        <v>0</v>
      </c>
      <c r="AH39" s="328">
        <v>27879</v>
      </c>
      <c r="AI39" s="330">
        <v>27879</v>
      </c>
      <c r="AJ39" s="326">
        <v>0</v>
      </c>
      <c r="AK39" s="327">
        <v>0</v>
      </c>
      <c r="AL39" s="328">
        <v>0</v>
      </c>
      <c r="AM39" s="326">
        <v>0</v>
      </c>
      <c r="AN39" s="327">
        <v>0</v>
      </c>
      <c r="AO39" s="327">
        <v>0</v>
      </c>
      <c r="AP39" s="327">
        <v>0</v>
      </c>
      <c r="AQ39" s="327">
        <v>0</v>
      </c>
      <c r="AR39" s="327">
        <v>46112</v>
      </c>
      <c r="AS39" s="328">
        <v>46112</v>
      </c>
      <c r="AT39" s="330">
        <v>46112</v>
      </c>
      <c r="AU39" s="326">
        <v>0</v>
      </c>
      <c r="AV39" s="327">
        <v>0</v>
      </c>
      <c r="AW39" s="328">
        <v>0</v>
      </c>
      <c r="AX39" s="326">
        <v>0</v>
      </c>
      <c r="AY39" s="327">
        <v>32672</v>
      </c>
      <c r="AZ39" s="327">
        <v>76576</v>
      </c>
      <c r="BA39" s="327">
        <v>0</v>
      </c>
      <c r="BB39" s="327">
        <v>8568</v>
      </c>
      <c r="BC39" s="327">
        <v>72040</v>
      </c>
      <c r="BD39" s="328">
        <v>189856</v>
      </c>
      <c r="BE39" s="330">
        <v>189856</v>
      </c>
      <c r="BF39" s="326">
        <v>0</v>
      </c>
      <c r="BG39" s="327">
        <v>0</v>
      </c>
      <c r="BH39" s="331">
        <v>0</v>
      </c>
      <c r="BI39" s="332">
        <v>0</v>
      </c>
      <c r="BJ39" s="327">
        <v>0</v>
      </c>
      <c r="BK39" s="327">
        <v>0</v>
      </c>
      <c r="BL39" s="327">
        <v>0</v>
      </c>
      <c r="BM39" s="327">
        <v>0</v>
      </c>
      <c r="BN39" s="327">
        <v>49792</v>
      </c>
      <c r="BO39" s="328">
        <v>49792</v>
      </c>
      <c r="BP39" s="330">
        <v>49792</v>
      </c>
      <c r="BQ39" s="326">
        <v>0</v>
      </c>
      <c r="BR39" s="327">
        <v>0</v>
      </c>
      <c r="BS39" s="328">
        <v>0</v>
      </c>
      <c r="BT39" s="326">
        <v>0</v>
      </c>
      <c r="BU39" s="327">
        <v>0</v>
      </c>
      <c r="BV39" s="327">
        <v>30416</v>
      </c>
      <c r="BW39" s="327">
        <v>0</v>
      </c>
      <c r="BX39" s="327">
        <v>0</v>
      </c>
      <c r="BY39" s="327">
        <v>32896</v>
      </c>
      <c r="BZ39" s="328">
        <v>63312</v>
      </c>
      <c r="CA39" s="330">
        <v>63312</v>
      </c>
      <c r="CB39" s="326">
        <v>0</v>
      </c>
      <c r="CC39" s="327">
        <v>0</v>
      </c>
      <c r="CD39" s="328">
        <v>0</v>
      </c>
      <c r="CE39" s="326">
        <v>0</v>
      </c>
      <c r="CF39" s="327">
        <v>45048</v>
      </c>
      <c r="CG39" s="327">
        <v>64592</v>
      </c>
      <c r="CH39" s="327">
        <v>33400</v>
      </c>
      <c r="CI39" s="327">
        <v>0</v>
      </c>
      <c r="CJ39" s="327">
        <v>0</v>
      </c>
      <c r="CK39" s="328">
        <v>143040</v>
      </c>
      <c r="CL39" s="330">
        <v>143040</v>
      </c>
      <c r="CM39" s="326">
        <v>0</v>
      </c>
      <c r="CN39" s="327">
        <v>0</v>
      </c>
      <c r="CO39" s="328">
        <v>0</v>
      </c>
      <c r="CP39" s="332">
        <v>0</v>
      </c>
      <c r="CQ39" s="327">
        <v>45048</v>
      </c>
      <c r="CR39" s="327">
        <v>64592</v>
      </c>
      <c r="CS39" s="327">
        <v>33400</v>
      </c>
      <c r="CT39" s="327">
        <v>0</v>
      </c>
      <c r="CU39" s="327">
        <v>0</v>
      </c>
      <c r="CV39" s="328">
        <v>143040</v>
      </c>
      <c r="CW39" s="330">
        <v>143040</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41056</v>
      </c>
      <c r="FQ39" s="327">
        <v>84768</v>
      </c>
      <c r="FR39" s="327">
        <v>176320</v>
      </c>
      <c r="FS39" s="327">
        <v>13360</v>
      </c>
      <c r="FT39" s="327">
        <v>15808</v>
      </c>
      <c r="FU39" s="328">
        <v>331312</v>
      </c>
      <c r="FV39" s="330">
        <v>331312</v>
      </c>
      <c r="FW39" s="333">
        <v>0</v>
      </c>
      <c r="FX39" s="327">
        <v>0</v>
      </c>
      <c r="FY39" s="331">
        <v>0</v>
      </c>
      <c r="FZ39" s="332">
        <v>0</v>
      </c>
      <c r="GA39" s="327">
        <v>41056</v>
      </c>
      <c r="GB39" s="327">
        <v>67168</v>
      </c>
      <c r="GC39" s="327">
        <v>17920</v>
      </c>
      <c r="GD39" s="327">
        <v>13360</v>
      </c>
      <c r="GE39" s="327">
        <v>15808</v>
      </c>
      <c r="GF39" s="328">
        <v>155312</v>
      </c>
      <c r="GG39" s="334">
        <v>15531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17600</v>
      </c>
      <c r="GY39" s="327">
        <v>158400</v>
      </c>
      <c r="GZ39" s="327">
        <v>0</v>
      </c>
      <c r="HA39" s="327">
        <v>0</v>
      </c>
      <c r="HB39" s="331">
        <v>176000</v>
      </c>
      <c r="HC39" s="330">
        <v>176000</v>
      </c>
      <c r="HD39" s="326">
        <v>0</v>
      </c>
      <c r="HE39" s="327">
        <v>0</v>
      </c>
      <c r="HF39" s="331">
        <v>0</v>
      </c>
      <c r="HG39" s="332">
        <v>0</v>
      </c>
      <c r="HH39" s="327">
        <v>0</v>
      </c>
      <c r="HI39" s="327">
        <v>165336</v>
      </c>
      <c r="HJ39" s="327">
        <v>0</v>
      </c>
      <c r="HK39" s="327">
        <v>0</v>
      </c>
      <c r="HL39" s="327">
        <v>227157</v>
      </c>
      <c r="HM39" s="328">
        <v>392493</v>
      </c>
      <c r="HN39" s="329">
        <v>392493</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76872</v>
      </c>
      <c r="IE39" s="339">
        <v>309560</v>
      </c>
      <c r="IF39" s="337">
        <v>232128</v>
      </c>
      <c r="IG39" s="336">
        <v>0</v>
      </c>
      <c r="IH39" s="337">
        <v>0</v>
      </c>
      <c r="II39" s="340">
        <v>618560</v>
      </c>
      <c r="IJ39" s="341">
        <v>618560</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76872</v>
      </c>
      <c r="JL39" s="345">
        <v>141512</v>
      </c>
      <c r="JM39" s="345">
        <v>0</v>
      </c>
      <c r="JN39" s="345">
        <v>0</v>
      </c>
      <c r="JO39" s="345">
        <v>0</v>
      </c>
      <c r="JP39" s="349">
        <v>218384</v>
      </c>
      <c r="JQ39" s="347">
        <v>218384</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168048</v>
      </c>
      <c r="KI39" s="345">
        <v>232128</v>
      </c>
      <c r="KJ39" s="345">
        <v>0</v>
      </c>
      <c r="KK39" s="345">
        <v>0</v>
      </c>
      <c r="KL39" s="349">
        <v>400176</v>
      </c>
      <c r="KM39" s="354">
        <v>400176</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246848</v>
      </c>
      <c r="MM39" s="345">
        <v>238944</v>
      </c>
      <c r="MN39" s="345">
        <v>0</v>
      </c>
      <c r="MO39" s="349">
        <v>485792</v>
      </c>
      <c r="MP39" s="354">
        <v>485792</v>
      </c>
      <c r="MQ39" s="348">
        <v>0</v>
      </c>
      <c r="MR39" s="345">
        <v>0</v>
      </c>
      <c r="MS39" s="349">
        <v>0</v>
      </c>
      <c r="MT39" s="404">
        <v>0</v>
      </c>
      <c r="MU39" s="345">
        <v>0</v>
      </c>
      <c r="MV39" s="345">
        <v>0</v>
      </c>
      <c r="MW39" s="345">
        <v>0</v>
      </c>
      <c r="MX39" s="345">
        <v>238944</v>
      </c>
      <c r="MY39" s="345">
        <v>0</v>
      </c>
      <c r="MZ39" s="349">
        <v>238944</v>
      </c>
      <c r="NA39" s="354">
        <v>238944</v>
      </c>
      <c r="NB39" s="348">
        <v>0</v>
      </c>
      <c r="NC39" s="345">
        <v>0</v>
      </c>
      <c r="ND39" s="349">
        <v>0</v>
      </c>
      <c r="NE39" s="404">
        <v>0</v>
      </c>
      <c r="NF39" s="345">
        <v>0</v>
      </c>
      <c r="NG39" s="345">
        <v>0</v>
      </c>
      <c r="NH39" s="345">
        <v>246848</v>
      </c>
      <c r="NI39" s="345">
        <v>0</v>
      </c>
      <c r="NJ39" s="345">
        <v>0</v>
      </c>
      <c r="NK39" s="349">
        <v>246848</v>
      </c>
      <c r="NL39" s="347">
        <v>246848</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223527</v>
      </c>
      <c r="ON39" s="345">
        <v>731248</v>
      </c>
      <c r="OO39" s="345">
        <v>688696</v>
      </c>
      <c r="OP39" s="345">
        <v>260872</v>
      </c>
      <c r="OQ39" s="345">
        <v>443805</v>
      </c>
      <c r="OR39" s="349">
        <v>2348148</v>
      </c>
      <c r="OS39" s="354">
        <v>2348148</v>
      </c>
    </row>
    <row r="40" spans="2:409" s="70" customFormat="1" ht="21" customHeight="1" x14ac:dyDescent="0.2">
      <c r="B40" s="410" t="s">
        <v>35</v>
      </c>
      <c r="C40" s="326">
        <v>104720</v>
      </c>
      <c r="D40" s="327">
        <v>0</v>
      </c>
      <c r="E40" s="328">
        <v>104720</v>
      </c>
      <c r="F40" s="329">
        <v>0</v>
      </c>
      <c r="G40" s="327">
        <v>1540880</v>
      </c>
      <c r="H40" s="327">
        <v>554696</v>
      </c>
      <c r="I40" s="327">
        <v>701124</v>
      </c>
      <c r="J40" s="327">
        <v>1206413</v>
      </c>
      <c r="K40" s="327">
        <v>357346</v>
      </c>
      <c r="L40" s="367">
        <v>4360459</v>
      </c>
      <c r="M40" s="330">
        <v>4465179</v>
      </c>
      <c r="N40" s="326">
        <v>24096</v>
      </c>
      <c r="O40" s="327">
        <v>0</v>
      </c>
      <c r="P40" s="328">
        <v>24096</v>
      </c>
      <c r="Q40" s="326">
        <v>0</v>
      </c>
      <c r="R40" s="327">
        <v>301461</v>
      </c>
      <c r="S40" s="327">
        <v>75200</v>
      </c>
      <c r="T40" s="327">
        <v>343116</v>
      </c>
      <c r="U40" s="327">
        <v>179592</v>
      </c>
      <c r="V40" s="327">
        <v>17208</v>
      </c>
      <c r="W40" s="328">
        <v>916577</v>
      </c>
      <c r="X40" s="330">
        <v>940673</v>
      </c>
      <c r="Y40" s="326">
        <v>0</v>
      </c>
      <c r="Z40" s="327">
        <v>0</v>
      </c>
      <c r="AA40" s="328">
        <v>0</v>
      </c>
      <c r="AB40" s="326">
        <v>0</v>
      </c>
      <c r="AC40" s="327">
        <v>118613</v>
      </c>
      <c r="AD40" s="327">
        <v>37096</v>
      </c>
      <c r="AE40" s="327">
        <v>184468</v>
      </c>
      <c r="AF40" s="327">
        <v>83632</v>
      </c>
      <c r="AG40" s="327">
        <v>0</v>
      </c>
      <c r="AH40" s="328">
        <v>423809</v>
      </c>
      <c r="AI40" s="330">
        <v>423809</v>
      </c>
      <c r="AJ40" s="326">
        <v>0</v>
      </c>
      <c r="AK40" s="327">
        <v>0</v>
      </c>
      <c r="AL40" s="328">
        <v>0</v>
      </c>
      <c r="AM40" s="326">
        <v>0</v>
      </c>
      <c r="AN40" s="327">
        <v>0</v>
      </c>
      <c r="AO40" s="327">
        <v>0</v>
      </c>
      <c r="AP40" s="327">
        <v>0</v>
      </c>
      <c r="AQ40" s="327">
        <v>0</v>
      </c>
      <c r="AR40" s="327">
        <v>0</v>
      </c>
      <c r="AS40" s="328">
        <v>0</v>
      </c>
      <c r="AT40" s="330">
        <v>0</v>
      </c>
      <c r="AU40" s="326">
        <v>0</v>
      </c>
      <c r="AV40" s="327">
        <v>0</v>
      </c>
      <c r="AW40" s="328">
        <v>0</v>
      </c>
      <c r="AX40" s="326">
        <v>0</v>
      </c>
      <c r="AY40" s="327">
        <v>26336</v>
      </c>
      <c r="AZ40" s="327">
        <v>0</v>
      </c>
      <c r="BA40" s="327">
        <v>85272</v>
      </c>
      <c r="BB40" s="327">
        <v>27848</v>
      </c>
      <c r="BC40" s="327">
        <v>0</v>
      </c>
      <c r="BD40" s="328">
        <v>139456</v>
      </c>
      <c r="BE40" s="330">
        <v>139456</v>
      </c>
      <c r="BF40" s="326">
        <v>13152</v>
      </c>
      <c r="BG40" s="327">
        <v>0</v>
      </c>
      <c r="BH40" s="331">
        <v>13152</v>
      </c>
      <c r="BI40" s="332">
        <v>0</v>
      </c>
      <c r="BJ40" s="327">
        <v>63168</v>
      </c>
      <c r="BK40" s="327">
        <v>0</v>
      </c>
      <c r="BL40" s="327">
        <v>60288</v>
      </c>
      <c r="BM40" s="327">
        <v>0</v>
      </c>
      <c r="BN40" s="327">
        <v>0</v>
      </c>
      <c r="BO40" s="328">
        <v>123456</v>
      </c>
      <c r="BP40" s="330">
        <v>136608</v>
      </c>
      <c r="BQ40" s="326">
        <v>10944</v>
      </c>
      <c r="BR40" s="327">
        <v>0</v>
      </c>
      <c r="BS40" s="328">
        <v>10944</v>
      </c>
      <c r="BT40" s="326">
        <v>0</v>
      </c>
      <c r="BU40" s="327">
        <v>93344</v>
      </c>
      <c r="BV40" s="327">
        <v>38104</v>
      </c>
      <c r="BW40" s="327">
        <v>13088</v>
      </c>
      <c r="BX40" s="327">
        <v>68112</v>
      </c>
      <c r="BY40" s="327">
        <v>17208</v>
      </c>
      <c r="BZ40" s="328">
        <v>229856</v>
      </c>
      <c r="CA40" s="330">
        <v>240800</v>
      </c>
      <c r="CB40" s="326">
        <v>19776</v>
      </c>
      <c r="CC40" s="327">
        <v>0</v>
      </c>
      <c r="CD40" s="328">
        <v>19776</v>
      </c>
      <c r="CE40" s="326">
        <v>0</v>
      </c>
      <c r="CF40" s="327">
        <v>377323</v>
      </c>
      <c r="CG40" s="327">
        <v>100661</v>
      </c>
      <c r="CH40" s="327">
        <v>248888</v>
      </c>
      <c r="CI40" s="327">
        <v>118256</v>
      </c>
      <c r="CJ40" s="327">
        <v>71224</v>
      </c>
      <c r="CK40" s="328">
        <v>916352</v>
      </c>
      <c r="CL40" s="330">
        <v>936128</v>
      </c>
      <c r="CM40" s="326">
        <v>0</v>
      </c>
      <c r="CN40" s="327">
        <v>0</v>
      </c>
      <c r="CO40" s="328">
        <v>0</v>
      </c>
      <c r="CP40" s="332">
        <v>0</v>
      </c>
      <c r="CQ40" s="327">
        <v>194816</v>
      </c>
      <c r="CR40" s="327">
        <v>100661</v>
      </c>
      <c r="CS40" s="327">
        <v>155872</v>
      </c>
      <c r="CT40" s="327">
        <v>0</v>
      </c>
      <c r="CU40" s="327">
        <v>71224</v>
      </c>
      <c r="CV40" s="328">
        <v>522573</v>
      </c>
      <c r="CW40" s="330">
        <v>522573</v>
      </c>
      <c r="CX40" s="326">
        <v>19776</v>
      </c>
      <c r="CY40" s="327">
        <v>0</v>
      </c>
      <c r="CZ40" s="328">
        <v>19776</v>
      </c>
      <c r="DA40" s="326">
        <v>0</v>
      </c>
      <c r="DB40" s="327">
        <v>182507</v>
      </c>
      <c r="DC40" s="327">
        <v>0</v>
      </c>
      <c r="DD40" s="327">
        <v>93016</v>
      </c>
      <c r="DE40" s="327">
        <v>118256</v>
      </c>
      <c r="DF40" s="327">
        <v>0</v>
      </c>
      <c r="DG40" s="328">
        <v>393779</v>
      </c>
      <c r="DH40" s="330">
        <v>413555</v>
      </c>
      <c r="DI40" s="326">
        <v>0</v>
      </c>
      <c r="DJ40" s="327">
        <v>0</v>
      </c>
      <c r="DK40" s="331">
        <v>0</v>
      </c>
      <c r="DL40" s="332">
        <v>0</v>
      </c>
      <c r="DM40" s="327">
        <v>0</v>
      </c>
      <c r="DN40" s="327">
        <v>0</v>
      </c>
      <c r="DO40" s="327">
        <v>0</v>
      </c>
      <c r="DP40" s="327">
        <v>49472</v>
      </c>
      <c r="DQ40" s="327">
        <v>0</v>
      </c>
      <c r="DR40" s="328">
        <v>49472</v>
      </c>
      <c r="DS40" s="330">
        <v>49472</v>
      </c>
      <c r="DT40" s="326">
        <v>0</v>
      </c>
      <c r="DU40" s="327">
        <v>0</v>
      </c>
      <c r="DV40" s="328">
        <v>0</v>
      </c>
      <c r="DW40" s="326">
        <v>0</v>
      </c>
      <c r="DX40" s="327">
        <v>0</v>
      </c>
      <c r="DY40" s="327">
        <v>0</v>
      </c>
      <c r="DZ40" s="327">
        <v>0</v>
      </c>
      <c r="EA40" s="327">
        <v>49472</v>
      </c>
      <c r="EB40" s="327">
        <v>0</v>
      </c>
      <c r="EC40" s="328">
        <v>49472</v>
      </c>
      <c r="ED40" s="330">
        <v>49472</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000</v>
      </c>
      <c r="FM40" s="327">
        <v>0</v>
      </c>
      <c r="FN40" s="328">
        <v>4000</v>
      </c>
      <c r="FO40" s="326">
        <v>0</v>
      </c>
      <c r="FP40" s="327">
        <v>26720</v>
      </c>
      <c r="FQ40" s="327">
        <v>16608</v>
      </c>
      <c r="FR40" s="327">
        <v>109120</v>
      </c>
      <c r="FS40" s="327">
        <v>24400</v>
      </c>
      <c r="FT40" s="327">
        <v>27200</v>
      </c>
      <c r="FU40" s="328">
        <v>204048</v>
      </c>
      <c r="FV40" s="330">
        <v>208048</v>
      </c>
      <c r="FW40" s="333">
        <v>4000</v>
      </c>
      <c r="FX40" s="327">
        <v>0</v>
      </c>
      <c r="FY40" s="331">
        <v>4000</v>
      </c>
      <c r="FZ40" s="332">
        <v>0</v>
      </c>
      <c r="GA40" s="327">
        <v>26720</v>
      </c>
      <c r="GB40" s="327">
        <v>16608</v>
      </c>
      <c r="GC40" s="327">
        <v>109120</v>
      </c>
      <c r="GD40" s="327">
        <v>24400</v>
      </c>
      <c r="GE40" s="327">
        <v>27200</v>
      </c>
      <c r="GF40" s="328">
        <v>204048</v>
      </c>
      <c r="GG40" s="334">
        <v>208048</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56848</v>
      </c>
      <c r="HE40" s="327">
        <v>0</v>
      </c>
      <c r="HF40" s="331">
        <v>56848</v>
      </c>
      <c r="HG40" s="332">
        <v>0</v>
      </c>
      <c r="HH40" s="327">
        <v>835376</v>
      </c>
      <c r="HI40" s="327">
        <v>362227</v>
      </c>
      <c r="HJ40" s="327">
        <v>0</v>
      </c>
      <c r="HK40" s="327">
        <v>834693</v>
      </c>
      <c r="HL40" s="327">
        <v>241714</v>
      </c>
      <c r="HM40" s="328">
        <v>2274010</v>
      </c>
      <c r="HN40" s="329">
        <v>2330858</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240904</v>
      </c>
      <c r="IF40" s="337">
        <v>151112</v>
      </c>
      <c r="IG40" s="336">
        <v>0</v>
      </c>
      <c r="IH40" s="337">
        <v>0</v>
      </c>
      <c r="II40" s="340">
        <v>392016</v>
      </c>
      <c r="IJ40" s="358">
        <v>392016</v>
      </c>
      <c r="IK40" s="342">
        <v>0</v>
      </c>
      <c r="IL40" s="343">
        <v>0</v>
      </c>
      <c r="IM40" s="344">
        <v>0</v>
      </c>
      <c r="IN40" s="404">
        <v>0</v>
      </c>
      <c r="IO40" s="345">
        <v>0</v>
      </c>
      <c r="IP40" s="345">
        <v>0</v>
      </c>
      <c r="IQ40" s="345">
        <v>151112</v>
      </c>
      <c r="IR40" s="345">
        <v>0</v>
      </c>
      <c r="IS40" s="345">
        <v>0</v>
      </c>
      <c r="IT40" s="346">
        <v>151112</v>
      </c>
      <c r="IU40" s="347">
        <v>151112</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0</v>
      </c>
      <c r="KS40" s="345">
        <v>240904</v>
      </c>
      <c r="KT40" s="345">
        <v>0</v>
      </c>
      <c r="KU40" s="345">
        <v>0</v>
      </c>
      <c r="KV40" s="345">
        <v>0</v>
      </c>
      <c r="KW40" s="349">
        <v>240904</v>
      </c>
      <c r="KX40" s="347">
        <v>240904</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130168</v>
      </c>
      <c r="MK40" s="345">
        <v>258184</v>
      </c>
      <c r="ML40" s="345">
        <v>891612</v>
      </c>
      <c r="MM40" s="345">
        <v>266120</v>
      </c>
      <c r="MN40" s="345">
        <v>1077736</v>
      </c>
      <c r="MO40" s="349">
        <v>2623820</v>
      </c>
      <c r="MP40" s="354">
        <v>2623820</v>
      </c>
      <c r="MQ40" s="348">
        <v>0</v>
      </c>
      <c r="MR40" s="345">
        <v>0</v>
      </c>
      <c r="MS40" s="349">
        <v>0</v>
      </c>
      <c r="MT40" s="404">
        <v>0</v>
      </c>
      <c r="MU40" s="345">
        <v>0</v>
      </c>
      <c r="MV40" s="345">
        <v>0</v>
      </c>
      <c r="MW40" s="345">
        <v>0</v>
      </c>
      <c r="MX40" s="345">
        <v>266120</v>
      </c>
      <c r="MY40" s="345">
        <v>285000</v>
      </c>
      <c r="MZ40" s="349">
        <v>551120</v>
      </c>
      <c r="NA40" s="354">
        <v>551120</v>
      </c>
      <c r="NB40" s="348">
        <v>0</v>
      </c>
      <c r="NC40" s="345">
        <v>0</v>
      </c>
      <c r="ND40" s="349">
        <v>0</v>
      </c>
      <c r="NE40" s="404">
        <v>0</v>
      </c>
      <c r="NF40" s="345">
        <v>130168</v>
      </c>
      <c r="NG40" s="345">
        <v>258184</v>
      </c>
      <c r="NH40" s="345">
        <v>891612</v>
      </c>
      <c r="NI40" s="345">
        <v>0</v>
      </c>
      <c r="NJ40" s="345">
        <v>792736</v>
      </c>
      <c r="NK40" s="349">
        <v>2072700</v>
      </c>
      <c r="NL40" s="347">
        <v>207270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04720</v>
      </c>
      <c r="OJ40" s="345">
        <v>0</v>
      </c>
      <c r="OK40" s="346">
        <v>104720</v>
      </c>
      <c r="OL40" s="351">
        <v>0</v>
      </c>
      <c r="OM40" s="345">
        <v>1671048</v>
      </c>
      <c r="ON40" s="345">
        <v>1053784</v>
      </c>
      <c r="OO40" s="345">
        <v>1743848</v>
      </c>
      <c r="OP40" s="345">
        <v>1472533</v>
      </c>
      <c r="OQ40" s="345">
        <v>1435082</v>
      </c>
      <c r="OR40" s="349">
        <v>7376295</v>
      </c>
      <c r="OS40" s="354">
        <v>7481015</v>
      </c>
    </row>
    <row r="41" spans="2:409" s="70" customFormat="1" ht="21" customHeight="1" x14ac:dyDescent="0.2">
      <c r="B41" s="410" t="s">
        <v>36</v>
      </c>
      <c r="C41" s="326">
        <v>4000</v>
      </c>
      <c r="D41" s="327">
        <v>81591</v>
      </c>
      <c r="E41" s="328">
        <v>85591</v>
      </c>
      <c r="F41" s="329">
        <v>0</v>
      </c>
      <c r="G41" s="327">
        <v>724174</v>
      </c>
      <c r="H41" s="327">
        <v>570972</v>
      </c>
      <c r="I41" s="327">
        <v>401474</v>
      </c>
      <c r="J41" s="327">
        <v>528964</v>
      </c>
      <c r="K41" s="327">
        <v>427901</v>
      </c>
      <c r="L41" s="367">
        <v>2653485</v>
      </c>
      <c r="M41" s="330">
        <v>2739076</v>
      </c>
      <c r="N41" s="326">
        <v>0</v>
      </c>
      <c r="O41" s="327">
        <v>27750</v>
      </c>
      <c r="P41" s="328">
        <v>27750</v>
      </c>
      <c r="Q41" s="326">
        <v>0</v>
      </c>
      <c r="R41" s="327">
        <v>111314</v>
      </c>
      <c r="S41" s="327">
        <v>182543</v>
      </c>
      <c r="T41" s="327">
        <v>162836</v>
      </c>
      <c r="U41" s="327">
        <v>115772</v>
      </c>
      <c r="V41" s="327">
        <v>400301</v>
      </c>
      <c r="W41" s="328">
        <v>972766</v>
      </c>
      <c r="X41" s="330">
        <v>1000516</v>
      </c>
      <c r="Y41" s="326">
        <v>0</v>
      </c>
      <c r="Z41" s="327">
        <v>0</v>
      </c>
      <c r="AA41" s="328">
        <v>0</v>
      </c>
      <c r="AB41" s="326">
        <v>0</v>
      </c>
      <c r="AC41" s="327">
        <v>12040</v>
      </c>
      <c r="AD41" s="327">
        <v>36795</v>
      </c>
      <c r="AE41" s="327">
        <v>0</v>
      </c>
      <c r="AF41" s="327">
        <v>0</v>
      </c>
      <c r="AG41" s="327">
        <v>303254</v>
      </c>
      <c r="AH41" s="328">
        <v>352089</v>
      </c>
      <c r="AI41" s="330">
        <v>352089</v>
      </c>
      <c r="AJ41" s="326">
        <v>0</v>
      </c>
      <c r="AK41" s="327">
        <v>0</v>
      </c>
      <c r="AL41" s="328">
        <v>0</v>
      </c>
      <c r="AM41" s="326">
        <v>0</v>
      </c>
      <c r="AN41" s="327">
        <v>0</v>
      </c>
      <c r="AO41" s="327">
        <v>0</v>
      </c>
      <c r="AP41" s="327">
        <v>48301</v>
      </c>
      <c r="AQ41" s="327">
        <v>72452</v>
      </c>
      <c r="AR41" s="327">
        <v>75079</v>
      </c>
      <c r="AS41" s="328">
        <v>195832</v>
      </c>
      <c r="AT41" s="330">
        <v>195832</v>
      </c>
      <c r="AU41" s="326">
        <v>0</v>
      </c>
      <c r="AV41" s="327">
        <v>0</v>
      </c>
      <c r="AW41" s="328">
        <v>0</v>
      </c>
      <c r="AX41" s="326">
        <v>0</v>
      </c>
      <c r="AY41" s="327">
        <v>0</v>
      </c>
      <c r="AZ41" s="327">
        <v>104652</v>
      </c>
      <c r="BA41" s="327">
        <v>63439</v>
      </c>
      <c r="BB41" s="327">
        <v>24168</v>
      </c>
      <c r="BC41" s="327">
        <v>0</v>
      </c>
      <c r="BD41" s="328">
        <v>192259</v>
      </c>
      <c r="BE41" s="330">
        <v>192259</v>
      </c>
      <c r="BF41" s="326">
        <v>0</v>
      </c>
      <c r="BG41" s="327">
        <v>27750</v>
      </c>
      <c r="BH41" s="331">
        <v>27750</v>
      </c>
      <c r="BI41" s="332">
        <v>0</v>
      </c>
      <c r="BJ41" s="327">
        <v>55906</v>
      </c>
      <c r="BK41" s="327">
        <v>0</v>
      </c>
      <c r="BL41" s="327">
        <v>21200</v>
      </c>
      <c r="BM41" s="327">
        <v>0</v>
      </c>
      <c r="BN41" s="327">
        <v>0</v>
      </c>
      <c r="BO41" s="328">
        <v>77106</v>
      </c>
      <c r="BP41" s="330">
        <v>104856</v>
      </c>
      <c r="BQ41" s="326">
        <v>0</v>
      </c>
      <c r="BR41" s="327">
        <v>0</v>
      </c>
      <c r="BS41" s="328">
        <v>0</v>
      </c>
      <c r="BT41" s="326">
        <v>0</v>
      </c>
      <c r="BU41" s="327">
        <v>43368</v>
      </c>
      <c r="BV41" s="327">
        <v>41096</v>
      </c>
      <c r="BW41" s="327">
        <v>29896</v>
      </c>
      <c r="BX41" s="327">
        <v>19152</v>
      </c>
      <c r="BY41" s="327">
        <v>21968</v>
      </c>
      <c r="BZ41" s="328">
        <v>155480</v>
      </c>
      <c r="CA41" s="330">
        <v>155480</v>
      </c>
      <c r="CB41" s="326">
        <v>0</v>
      </c>
      <c r="CC41" s="327">
        <v>38241</v>
      </c>
      <c r="CD41" s="328">
        <v>38241</v>
      </c>
      <c r="CE41" s="326">
        <v>0</v>
      </c>
      <c r="CF41" s="327">
        <v>115037</v>
      </c>
      <c r="CG41" s="327">
        <v>109470</v>
      </c>
      <c r="CH41" s="327">
        <v>12322</v>
      </c>
      <c r="CI41" s="327">
        <v>98941</v>
      </c>
      <c r="CJ41" s="327">
        <v>0</v>
      </c>
      <c r="CK41" s="328">
        <v>335770</v>
      </c>
      <c r="CL41" s="330">
        <v>374011</v>
      </c>
      <c r="CM41" s="326">
        <v>0</v>
      </c>
      <c r="CN41" s="327">
        <v>0</v>
      </c>
      <c r="CO41" s="328">
        <v>0</v>
      </c>
      <c r="CP41" s="332">
        <v>0</v>
      </c>
      <c r="CQ41" s="327">
        <v>79244</v>
      </c>
      <c r="CR41" s="327">
        <v>109470</v>
      </c>
      <c r="CS41" s="327">
        <v>0</v>
      </c>
      <c r="CT41" s="327">
        <v>0</v>
      </c>
      <c r="CU41" s="327">
        <v>0</v>
      </c>
      <c r="CV41" s="328">
        <v>188714</v>
      </c>
      <c r="CW41" s="330">
        <v>188714</v>
      </c>
      <c r="CX41" s="326">
        <v>0</v>
      </c>
      <c r="CY41" s="327">
        <v>38241</v>
      </c>
      <c r="CZ41" s="328">
        <v>38241</v>
      </c>
      <c r="DA41" s="326">
        <v>0</v>
      </c>
      <c r="DB41" s="327">
        <v>35793</v>
      </c>
      <c r="DC41" s="327">
        <v>0</v>
      </c>
      <c r="DD41" s="327">
        <v>12322</v>
      </c>
      <c r="DE41" s="327">
        <v>98941</v>
      </c>
      <c r="DF41" s="327">
        <v>0</v>
      </c>
      <c r="DG41" s="328">
        <v>147056</v>
      </c>
      <c r="DH41" s="330">
        <v>185297</v>
      </c>
      <c r="DI41" s="326">
        <v>0</v>
      </c>
      <c r="DJ41" s="327">
        <v>0</v>
      </c>
      <c r="DK41" s="331">
        <v>0</v>
      </c>
      <c r="DL41" s="332">
        <v>0</v>
      </c>
      <c r="DM41" s="327">
        <v>0</v>
      </c>
      <c r="DN41" s="327">
        <v>0</v>
      </c>
      <c r="DO41" s="327">
        <v>0</v>
      </c>
      <c r="DP41" s="327">
        <v>260075</v>
      </c>
      <c r="DQ41" s="327">
        <v>0</v>
      </c>
      <c r="DR41" s="328">
        <v>260075</v>
      </c>
      <c r="DS41" s="330">
        <v>260075</v>
      </c>
      <c r="DT41" s="326">
        <v>0</v>
      </c>
      <c r="DU41" s="327">
        <v>0</v>
      </c>
      <c r="DV41" s="328">
        <v>0</v>
      </c>
      <c r="DW41" s="326">
        <v>0</v>
      </c>
      <c r="DX41" s="327">
        <v>0</v>
      </c>
      <c r="DY41" s="327">
        <v>0</v>
      </c>
      <c r="DZ41" s="327">
        <v>0</v>
      </c>
      <c r="EA41" s="327">
        <v>260075</v>
      </c>
      <c r="EB41" s="327">
        <v>0</v>
      </c>
      <c r="EC41" s="328">
        <v>260075</v>
      </c>
      <c r="ED41" s="330">
        <v>260075</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15600</v>
      </c>
      <c r="FN41" s="328">
        <v>19600</v>
      </c>
      <c r="FO41" s="326">
        <v>0</v>
      </c>
      <c r="FP41" s="327">
        <v>31320</v>
      </c>
      <c r="FQ41" s="327">
        <v>105840</v>
      </c>
      <c r="FR41" s="327">
        <v>33840</v>
      </c>
      <c r="FS41" s="327">
        <v>54176</v>
      </c>
      <c r="FT41" s="327">
        <v>27600</v>
      </c>
      <c r="FU41" s="328">
        <v>252776</v>
      </c>
      <c r="FV41" s="330">
        <v>272376</v>
      </c>
      <c r="FW41" s="333">
        <v>4000</v>
      </c>
      <c r="FX41" s="327">
        <v>15600</v>
      </c>
      <c r="FY41" s="331">
        <v>19600</v>
      </c>
      <c r="FZ41" s="332">
        <v>0</v>
      </c>
      <c r="GA41" s="327">
        <v>31320</v>
      </c>
      <c r="GB41" s="327">
        <v>105840</v>
      </c>
      <c r="GC41" s="327">
        <v>33840</v>
      </c>
      <c r="GD41" s="327">
        <v>54176</v>
      </c>
      <c r="GE41" s="327">
        <v>27600</v>
      </c>
      <c r="GF41" s="328">
        <v>252776</v>
      </c>
      <c r="GG41" s="334">
        <v>272376</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466503</v>
      </c>
      <c r="HI41" s="327">
        <v>173119</v>
      </c>
      <c r="HJ41" s="327">
        <v>192476</v>
      </c>
      <c r="HK41" s="327">
        <v>0</v>
      </c>
      <c r="HL41" s="327">
        <v>0</v>
      </c>
      <c r="HM41" s="328">
        <v>832098</v>
      </c>
      <c r="HN41" s="329">
        <v>832098</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69910</v>
      </c>
      <c r="IE41" s="339">
        <v>188308</v>
      </c>
      <c r="IF41" s="337">
        <v>0</v>
      </c>
      <c r="IG41" s="336">
        <v>263832</v>
      </c>
      <c r="IH41" s="337">
        <v>0</v>
      </c>
      <c r="II41" s="340">
        <v>522050</v>
      </c>
      <c r="IJ41" s="341">
        <v>522050</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69910</v>
      </c>
      <c r="JL41" s="345">
        <v>43537</v>
      </c>
      <c r="JM41" s="345">
        <v>0</v>
      </c>
      <c r="JN41" s="345">
        <v>0</v>
      </c>
      <c r="JO41" s="345">
        <v>0</v>
      </c>
      <c r="JP41" s="349">
        <v>113447</v>
      </c>
      <c r="JQ41" s="347">
        <v>113447</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144771</v>
      </c>
      <c r="KI41" s="345">
        <v>0</v>
      </c>
      <c r="KJ41" s="345">
        <v>0</v>
      </c>
      <c r="KK41" s="345">
        <v>0</v>
      </c>
      <c r="KL41" s="349">
        <v>144771</v>
      </c>
      <c r="KM41" s="354">
        <v>144771</v>
      </c>
      <c r="KN41" s="342">
        <v>0</v>
      </c>
      <c r="KO41" s="343">
        <v>0</v>
      </c>
      <c r="KP41" s="344">
        <v>0</v>
      </c>
      <c r="KQ41" s="404">
        <v>0</v>
      </c>
      <c r="KR41" s="345">
        <v>0</v>
      </c>
      <c r="KS41" s="345">
        <v>0</v>
      </c>
      <c r="KT41" s="345">
        <v>0</v>
      </c>
      <c r="KU41" s="345">
        <v>263832</v>
      </c>
      <c r="KV41" s="345">
        <v>0</v>
      </c>
      <c r="KW41" s="349">
        <v>263832</v>
      </c>
      <c r="KX41" s="347">
        <v>263832</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0</v>
      </c>
      <c r="MM41" s="345">
        <v>856039</v>
      </c>
      <c r="MN41" s="345">
        <v>632471</v>
      </c>
      <c r="MO41" s="349">
        <v>1488510</v>
      </c>
      <c r="MP41" s="354">
        <v>1488510</v>
      </c>
      <c r="MQ41" s="348">
        <v>0</v>
      </c>
      <c r="MR41" s="345">
        <v>0</v>
      </c>
      <c r="MS41" s="349">
        <v>0</v>
      </c>
      <c r="MT41" s="404">
        <v>0</v>
      </c>
      <c r="MU41" s="345">
        <v>0</v>
      </c>
      <c r="MV41" s="345">
        <v>0</v>
      </c>
      <c r="MW41" s="345">
        <v>0</v>
      </c>
      <c r="MX41" s="345">
        <v>258508</v>
      </c>
      <c r="MY41" s="345">
        <v>0</v>
      </c>
      <c r="MZ41" s="349">
        <v>258508</v>
      </c>
      <c r="NA41" s="354">
        <v>258508</v>
      </c>
      <c r="NB41" s="348">
        <v>0</v>
      </c>
      <c r="NC41" s="345">
        <v>0</v>
      </c>
      <c r="ND41" s="349">
        <v>0</v>
      </c>
      <c r="NE41" s="404">
        <v>0</v>
      </c>
      <c r="NF41" s="345">
        <v>0</v>
      </c>
      <c r="NG41" s="345">
        <v>0</v>
      </c>
      <c r="NH41" s="345">
        <v>0</v>
      </c>
      <c r="NI41" s="345">
        <v>251125</v>
      </c>
      <c r="NJ41" s="345">
        <v>632471</v>
      </c>
      <c r="NK41" s="349">
        <v>883596</v>
      </c>
      <c r="NL41" s="347">
        <v>883596</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346406</v>
      </c>
      <c r="OF41" s="345">
        <v>0</v>
      </c>
      <c r="OG41" s="349">
        <v>346406</v>
      </c>
      <c r="OH41" s="350">
        <v>346406</v>
      </c>
      <c r="OI41" s="348">
        <v>4000</v>
      </c>
      <c r="OJ41" s="345">
        <v>81591</v>
      </c>
      <c r="OK41" s="346">
        <v>85591</v>
      </c>
      <c r="OL41" s="351">
        <v>0</v>
      </c>
      <c r="OM41" s="345">
        <v>794084</v>
      </c>
      <c r="ON41" s="345">
        <v>759280</v>
      </c>
      <c r="OO41" s="345">
        <v>401474</v>
      </c>
      <c r="OP41" s="345">
        <v>1648835</v>
      </c>
      <c r="OQ41" s="345">
        <v>1060372</v>
      </c>
      <c r="OR41" s="349">
        <v>4664045</v>
      </c>
      <c r="OS41" s="354">
        <v>4749636</v>
      </c>
    </row>
    <row r="42" spans="2:409" s="70" customFormat="1" ht="21" customHeight="1" thickBot="1" x14ac:dyDescent="0.25">
      <c r="B42" s="411" t="s">
        <v>37</v>
      </c>
      <c r="C42" s="371">
        <v>0</v>
      </c>
      <c r="D42" s="372">
        <v>0</v>
      </c>
      <c r="E42" s="373">
        <v>0</v>
      </c>
      <c r="F42" s="374">
        <v>0</v>
      </c>
      <c r="G42" s="372">
        <v>19333</v>
      </c>
      <c r="H42" s="372">
        <v>220116</v>
      </c>
      <c r="I42" s="372">
        <v>0</v>
      </c>
      <c r="J42" s="372">
        <v>0</v>
      </c>
      <c r="K42" s="372">
        <v>0</v>
      </c>
      <c r="L42" s="374">
        <v>239449</v>
      </c>
      <c r="M42" s="375">
        <v>239449</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8133</v>
      </c>
      <c r="CG42" s="372">
        <v>167548</v>
      </c>
      <c r="CH42" s="372">
        <v>0</v>
      </c>
      <c r="CI42" s="372">
        <v>0</v>
      </c>
      <c r="CJ42" s="372">
        <v>0</v>
      </c>
      <c r="CK42" s="373">
        <v>185681</v>
      </c>
      <c r="CL42" s="375">
        <v>185681</v>
      </c>
      <c r="CM42" s="371">
        <v>0</v>
      </c>
      <c r="CN42" s="372">
        <v>0</v>
      </c>
      <c r="CO42" s="373">
        <v>0</v>
      </c>
      <c r="CP42" s="377">
        <v>0</v>
      </c>
      <c r="CQ42" s="372">
        <v>0</v>
      </c>
      <c r="CR42" s="372">
        <v>94684</v>
      </c>
      <c r="CS42" s="372">
        <v>0</v>
      </c>
      <c r="CT42" s="372">
        <v>0</v>
      </c>
      <c r="CU42" s="372">
        <v>0</v>
      </c>
      <c r="CV42" s="373">
        <v>94684</v>
      </c>
      <c r="CW42" s="375">
        <v>94684</v>
      </c>
      <c r="CX42" s="371">
        <v>0</v>
      </c>
      <c r="CY42" s="372">
        <v>0</v>
      </c>
      <c r="CZ42" s="373">
        <v>0</v>
      </c>
      <c r="DA42" s="371">
        <v>0</v>
      </c>
      <c r="DB42" s="372">
        <v>18133</v>
      </c>
      <c r="DC42" s="372">
        <v>72864</v>
      </c>
      <c r="DD42" s="372">
        <v>0</v>
      </c>
      <c r="DE42" s="372">
        <v>0</v>
      </c>
      <c r="DF42" s="372">
        <v>0</v>
      </c>
      <c r="DG42" s="373">
        <v>90997</v>
      </c>
      <c r="DH42" s="375">
        <v>90997</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52568</v>
      </c>
      <c r="FR42" s="372">
        <v>0</v>
      </c>
      <c r="FS42" s="372">
        <v>0</v>
      </c>
      <c r="FT42" s="372">
        <v>0</v>
      </c>
      <c r="FU42" s="373">
        <v>53768</v>
      </c>
      <c r="FV42" s="375">
        <v>53768</v>
      </c>
      <c r="FW42" s="378">
        <v>0</v>
      </c>
      <c r="FX42" s="372">
        <v>0</v>
      </c>
      <c r="FY42" s="376">
        <v>0</v>
      </c>
      <c r="FZ42" s="377">
        <v>0</v>
      </c>
      <c r="GA42" s="372">
        <v>1200</v>
      </c>
      <c r="GB42" s="372">
        <v>52568</v>
      </c>
      <c r="GC42" s="372">
        <v>0</v>
      </c>
      <c r="GD42" s="372">
        <v>0</v>
      </c>
      <c r="GE42" s="372">
        <v>0</v>
      </c>
      <c r="GF42" s="373">
        <v>53768</v>
      </c>
      <c r="GG42" s="379">
        <v>53768</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34737</v>
      </c>
      <c r="MM42" s="392">
        <v>0</v>
      </c>
      <c r="MN42" s="392">
        <v>0</v>
      </c>
      <c r="MO42" s="396">
        <v>234737</v>
      </c>
      <c r="MP42" s="401">
        <v>234737</v>
      </c>
      <c r="MQ42" s="395">
        <v>0</v>
      </c>
      <c r="MR42" s="392">
        <v>0</v>
      </c>
      <c r="MS42" s="396">
        <v>0</v>
      </c>
      <c r="MT42" s="405">
        <v>0</v>
      </c>
      <c r="MU42" s="392">
        <v>0</v>
      </c>
      <c r="MV42" s="392">
        <v>0</v>
      </c>
      <c r="MW42" s="392">
        <v>234737</v>
      </c>
      <c r="MX42" s="392">
        <v>0</v>
      </c>
      <c r="MY42" s="392">
        <v>0</v>
      </c>
      <c r="MZ42" s="396">
        <v>234737</v>
      </c>
      <c r="NA42" s="401">
        <v>234737</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333</v>
      </c>
      <c r="ON42" s="392">
        <v>220116</v>
      </c>
      <c r="OO42" s="392">
        <v>234737</v>
      </c>
      <c r="OP42" s="392">
        <v>0</v>
      </c>
      <c r="OQ42" s="392">
        <v>0</v>
      </c>
      <c r="OR42" s="396">
        <v>474186</v>
      </c>
      <c r="OS42" s="401">
        <v>474186</v>
      </c>
    </row>
    <row r="43" spans="2:409" x14ac:dyDescent="0.2">
      <c r="B43" s="71"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8</v>
      </c>
      <c r="G1" s="572">
        <f>IF(F1&lt;3,F1-2+12,F1-2)</f>
        <v>6</v>
      </c>
      <c r="H1" s="572"/>
      <c r="IB1" s="42"/>
      <c r="IC1" s="22"/>
      <c r="ID1" s="547"/>
      <c r="IE1" s="547"/>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2: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2: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2: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2: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76"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2:409" s="407" customFormat="1" ht="21" customHeight="1" x14ac:dyDescent="0.2">
      <c r="B9" s="84" t="s">
        <v>4</v>
      </c>
      <c r="C9" s="255">
        <v>26690870</v>
      </c>
      <c r="D9" s="256">
        <v>47720123</v>
      </c>
      <c r="E9" s="257">
        <v>74410993</v>
      </c>
      <c r="F9" s="258">
        <v>0</v>
      </c>
      <c r="G9" s="256">
        <v>270382367</v>
      </c>
      <c r="H9" s="256">
        <v>375649466</v>
      </c>
      <c r="I9" s="256">
        <v>310787839</v>
      </c>
      <c r="J9" s="256">
        <v>304610380</v>
      </c>
      <c r="K9" s="256">
        <v>231770106</v>
      </c>
      <c r="L9" s="259">
        <v>1493200158</v>
      </c>
      <c r="M9" s="260">
        <v>1567611151</v>
      </c>
      <c r="N9" s="255">
        <v>8360562</v>
      </c>
      <c r="O9" s="256">
        <v>17523972</v>
      </c>
      <c r="P9" s="261">
        <v>25884534</v>
      </c>
      <c r="Q9" s="255">
        <v>0</v>
      </c>
      <c r="R9" s="256">
        <v>84602447</v>
      </c>
      <c r="S9" s="256">
        <v>129907781</v>
      </c>
      <c r="T9" s="256">
        <v>101244931</v>
      </c>
      <c r="U9" s="256">
        <v>108292880</v>
      </c>
      <c r="V9" s="256">
        <v>106760999</v>
      </c>
      <c r="W9" s="261">
        <v>530809038</v>
      </c>
      <c r="X9" s="260">
        <v>556693572</v>
      </c>
      <c r="Y9" s="255">
        <v>3572</v>
      </c>
      <c r="Z9" s="256">
        <v>0</v>
      </c>
      <c r="AA9" s="261">
        <v>3572</v>
      </c>
      <c r="AB9" s="262">
        <v>0</v>
      </c>
      <c r="AC9" s="263">
        <v>33331260</v>
      </c>
      <c r="AD9" s="263">
        <v>53068704</v>
      </c>
      <c r="AE9" s="263">
        <v>48569745</v>
      </c>
      <c r="AF9" s="263">
        <v>54179259</v>
      </c>
      <c r="AG9" s="263">
        <v>58836430</v>
      </c>
      <c r="AH9" s="261">
        <v>247985398</v>
      </c>
      <c r="AI9" s="260">
        <v>247988970</v>
      </c>
      <c r="AJ9" s="264">
        <v>0</v>
      </c>
      <c r="AK9" s="263">
        <v>74600</v>
      </c>
      <c r="AL9" s="261">
        <v>74600</v>
      </c>
      <c r="AM9" s="262">
        <v>0</v>
      </c>
      <c r="AN9" s="263">
        <v>374023</v>
      </c>
      <c r="AO9" s="259">
        <v>1083348</v>
      </c>
      <c r="AP9" s="263">
        <v>2478027</v>
      </c>
      <c r="AQ9" s="263">
        <v>6231761</v>
      </c>
      <c r="AR9" s="263">
        <v>11705485</v>
      </c>
      <c r="AS9" s="261">
        <v>21872644</v>
      </c>
      <c r="AT9" s="260">
        <v>21947244</v>
      </c>
      <c r="AU9" s="264">
        <v>4444431</v>
      </c>
      <c r="AV9" s="263">
        <v>12208956</v>
      </c>
      <c r="AW9" s="261">
        <v>16653387</v>
      </c>
      <c r="AX9" s="262">
        <v>0</v>
      </c>
      <c r="AY9" s="263">
        <v>31296128</v>
      </c>
      <c r="AZ9" s="263">
        <v>49768136</v>
      </c>
      <c r="BA9" s="263">
        <v>29688278</v>
      </c>
      <c r="BB9" s="263">
        <v>27051772</v>
      </c>
      <c r="BC9" s="263">
        <v>20460808</v>
      </c>
      <c r="BD9" s="261">
        <v>158265122</v>
      </c>
      <c r="BE9" s="265">
        <v>174918509</v>
      </c>
      <c r="BF9" s="264">
        <v>447060</v>
      </c>
      <c r="BG9" s="259">
        <v>1494002</v>
      </c>
      <c r="BH9" s="266">
        <v>1941062</v>
      </c>
      <c r="BI9" s="262">
        <v>0</v>
      </c>
      <c r="BJ9" s="263">
        <v>2631025</v>
      </c>
      <c r="BK9" s="263">
        <v>4926315</v>
      </c>
      <c r="BL9" s="263">
        <v>2302980</v>
      </c>
      <c r="BM9" s="263">
        <v>2548077</v>
      </c>
      <c r="BN9" s="263">
        <v>1571887</v>
      </c>
      <c r="BO9" s="261">
        <v>13980284</v>
      </c>
      <c r="BP9" s="260">
        <v>15921346</v>
      </c>
      <c r="BQ9" s="264">
        <v>3465499</v>
      </c>
      <c r="BR9" s="263">
        <v>3746414</v>
      </c>
      <c r="BS9" s="261">
        <v>7211913</v>
      </c>
      <c r="BT9" s="262">
        <v>0</v>
      </c>
      <c r="BU9" s="263">
        <v>16970011</v>
      </c>
      <c r="BV9" s="263">
        <v>21061278</v>
      </c>
      <c r="BW9" s="263">
        <v>18205901</v>
      </c>
      <c r="BX9" s="263">
        <v>18282011</v>
      </c>
      <c r="BY9" s="263">
        <v>14186389</v>
      </c>
      <c r="BZ9" s="261">
        <v>88705590</v>
      </c>
      <c r="CA9" s="260">
        <v>95917503</v>
      </c>
      <c r="CB9" s="264">
        <v>2566053</v>
      </c>
      <c r="CC9" s="263">
        <v>5852844</v>
      </c>
      <c r="CD9" s="261">
        <v>8418897</v>
      </c>
      <c r="CE9" s="262">
        <v>0</v>
      </c>
      <c r="CF9" s="263">
        <v>66796579</v>
      </c>
      <c r="CG9" s="263">
        <v>87375370</v>
      </c>
      <c r="CH9" s="267">
        <v>59643541</v>
      </c>
      <c r="CI9" s="263">
        <v>36641167</v>
      </c>
      <c r="CJ9" s="263">
        <v>16950341</v>
      </c>
      <c r="CK9" s="261">
        <v>267406998</v>
      </c>
      <c r="CL9" s="260">
        <v>275825895</v>
      </c>
      <c r="CM9" s="255">
        <v>0</v>
      </c>
      <c r="CN9" s="256">
        <v>0</v>
      </c>
      <c r="CO9" s="261">
        <v>0</v>
      </c>
      <c r="CP9" s="262">
        <v>0</v>
      </c>
      <c r="CQ9" s="263">
        <v>53352226</v>
      </c>
      <c r="CR9" s="263">
        <v>63344573</v>
      </c>
      <c r="CS9" s="263">
        <v>40931557</v>
      </c>
      <c r="CT9" s="263">
        <v>24063547</v>
      </c>
      <c r="CU9" s="263">
        <v>12217172</v>
      </c>
      <c r="CV9" s="268">
        <v>193909075</v>
      </c>
      <c r="CW9" s="260">
        <v>193909075</v>
      </c>
      <c r="CX9" s="264">
        <v>2566053</v>
      </c>
      <c r="CY9" s="263">
        <v>5852844</v>
      </c>
      <c r="CZ9" s="261">
        <v>8418897</v>
      </c>
      <c r="DA9" s="262">
        <v>0</v>
      </c>
      <c r="DB9" s="263">
        <v>13444353</v>
      </c>
      <c r="DC9" s="263">
        <v>24030797</v>
      </c>
      <c r="DD9" s="263">
        <v>18711984</v>
      </c>
      <c r="DE9" s="263">
        <v>12577620</v>
      </c>
      <c r="DF9" s="263">
        <v>4733169</v>
      </c>
      <c r="DG9" s="261">
        <v>73497923</v>
      </c>
      <c r="DH9" s="260">
        <v>81916820</v>
      </c>
      <c r="DI9" s="264">
        <v>79564</v>
      </c>
      <c r="DJ9" s="263">
        <v>683377</v>
      </c>
      <c r="DK9" s="266">
        <v>762941</v>
      </c>
      <c r="DL9" s="262">
        <v>0</v>
      </c>
      <c r="DM9" s="263">
        <v>7666131</v>
      </c>
      <c r="DN9" s="263">
        <v>15196342</v>
      </c>
      <c r="DO9" s="263">
        <v>24315240</v>
      </c>
      <c r="DP9" s="263">
        <v>23053921</v>
      </c>
      <c r="DQ9" s="263">
        <v>11333417</v>
      </c>
      <c r="DR9" s="269">
        <v>81565051</v>
      </c>
      <c r="DS9" s="260">
        <v>82327992</v>
      </c>
      <c r="DT9" s="264">
        <v>57278</v>
      </c>
      <c r="DU9" s="263">
        <v>611962</v>
      </c>
      <c r="DV9" s="261">
        <v>669240</v>
      </c>
      <c r="DW9" s="262">
        <v>0</v>
      </c>
      <c r="DX9" s="263">
        <v>6673554</v>
      </c>
      <c r="DY9" s="263">
        <v>12455230</v>
      </c>
      <c r="DZ9" s="263">
        <v>20448665</v>
      </c>
      <c r="EA9" s="263">
        <v>18061217</v>
      </c>
      <c r="EB9" s="263">
        <v>8987634</v>
      </c>
      <c r="EC9" s="261">
        <v>66626300</v>
      </c>
      <c r="ED9" s="260">
        <v>67295540</v>
      </c>
      <c r="EE9" s="264">
        <v>22286</v>
      </c>
      <c r="EF9" s="259">
        <v>71415</v>
      </c>
      <c r="EG9" s="261">
        <v>93701</v>
      </c>
      <c r="EH9" s="265">
        <v>0</v>
      </c>
      <c r="EI9" s="263">
        <v>992577</v>
      </c>
      <c r="EJ9" s="263">
        <v>2741112</v>
      </c>
      <c r="EK9" s="263">
        <v>3866575</v>
      </c>
      <c r="EL9" s="263">
        <v>4992704</v>
      </c>
      <c r="EM9" s="267">
        <v>2345783</v>
      </c>
      <c r="EN9" s="259">
        <v>14938751</v>
      </c>
      <c r="EO9" s="260">
        <v>15032452</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0</v>
      </c>
      <c r="FF9" s="263">
        <v>0</v>
      </c>
      <c r="FG9" s="263">
        <v>0</v>
      </c>
      <c r="FH9" s="263">
        <v>0</v>
      </c>
      <c r="FI9" s="263">
        <v>0</v>
      </c>
      <c r="FJ9" s="268">
        <v>0</v>
      </c>
      <c r="FK9" s="260">
        <v>0</v>
      </c>
      <c r="FL9" s="264">
        <v>4722171</v>
      </c>
      <c r="FM9" s="263">
        <v>10431474</v>
      </c>
      <c r="FN9" s="261">
        <v>15153645</v>
      </c>
      <c r="FO9" s="262">
        <v>0</v>
      </c>
      <c r="FP9" s="263">
        <v>12388479</v>
      </c>
      <c r="FQ9" s="263">
        <v>34555865</v>
      </c>
      <c r="FR9" s="263">
        <v>23401360</v>
      </c>
      <c r="FS9" s="263">
        <v>21188035</v>
      </c>
      <c r="FT9" s="263">
        <v>14389260</v>
      </c>
      <c r="FU9" s="261">
        <v>105922999</v>
      </c>
      <c r="FV9" s="260">
        <v>121076644</v>
      </c>
      <c r="FW9" s="264">
        <v>2550121</v>
      </c>
      <c r="FX9" s="263">
        <v>7280023</v>
      </c>
      <c r="FY9" s="259">
        <v>9830144</v>
      </c>
      <c r="FZ9" s="265">
        <v>0</v>
      </c>
      <c r="GA9" s="263">
        <v>9739537</v>
      </c>
      <c r="GB9" s="270">
        <v>30113698</v>
      </c>
      <c r="GC9" s="263">
        <v>21153631</v>
      </c>
      <c r="GD9" s="270">
        <v>19288580</v>
      </c>
      <c r="GE9" s="263">
        <v>13939086</v>
      </c>
      <c r="GF9" s="268">
        <v>94234532</v>
      </c>
      <c r="GG9" s="271">
        <v>104064676</v>
      </c>
      <c r="GH9" s="272">
        <v>283450</v>
      </c>
      <c r="GI9" s="263">
        <v>596051</v>
      </c>
      <c r="GJ9" s="270">
        <v>879501</v>
      </c>
      <c r="GK9" s="258">
        <v>0</v>
      </c>
      <c r="GL9" s="263">
        <v>779310</v>
      </c>
      <c r="GM9" s="259">
        <v>1195232</v>
      </c>
      <c r="GN9" s="263">
        <v>928978</v>
      </c>
      <c r="GO9" s="259">
        <v>512650</v>
      </c>
      <c r="GP9" s="263">
        <v>262644</v>
      </c>
      <c r="GQ9" s="269">
        <v>3678814</v>
      </c>
      <c r="GR9" s="260">
        <v>4558315</v>
      </c>
      <c r="GS9" s="259">
        <v>1888600</v>
      </c>
      <c r="GT9" s="263">
        <v>2555400</v>
      </c>
      <c r="GU9" s="261">
        <v>4444000</v>
      </c>
      <c r="GV9" s="259">
        <v>0</v>
      </c>
      <c r="GW9" s="263">
        <v>1869632</v>
      </c>
      <c r="GX9" s="259">
        <v>3246935</v>
      </c>
      <c r="GY9" s="263">
        <v>1318751</v>
      </c>
      <c r="GZ9" s="259">
        <v>1386805</v>
      </c>
      <c r="HA9" s="263">
        <v>187530</v>
      </c>
      <c r="HB9" s="259">
        <v>8009653</v>
      </c>
      <c r="HC9" s="260">
        <v>12453653</v>
      </c>
      <c r="HD9" s="259">
        <v>10962520</v>
      </c>
      <c r="HE9" s="263">
        <v>13228456</v>
      </c>
      <c r="HF9" s="259">
        <v>24190976</v>
      </c>
      <c r="HG9" s="265">
        <v>0</v>
      </c>
      <c r="HH9" s="263">
        <v>98928731</v>
      </c>
      <c r="HI9" s="270">
        <v>108614108</v>
      </c>
      <c r="HJ9" s="263">
        <v>102182767</v>
      </c>
      <c r="HK9" s="270">
        <v>115434377</v>
      </c>
      <c r="HL9" s="263">
        <v>82336089</v>
      </c>
      <c r="HM9" s="268">
        <v>507496072</v>
      </c>
      <c r="HN9" s="259">
        <v>531687048</v>
      </c>
      <c r="HO9" s="272">
        <v>0</v>
      </c>
      <c r="HP9" s="263">
        <v>0</v>
      </c>
      <c r="HQ9" s="268">
        <v>0</v>
      </c>
      <c r="HR9" s="270">
        <v>0</v>
      </c>
      <c r="HS9" s="263">
        <v>0</v>
      </c>
      <c r="HT9" s="270">
        <v>0</v>
      </c>
      <c r="HU9" s="263">
        <v>0</v>
      </c>
      <c r="HV9" s="270">
        <v>0</v>
      </c>
      <c r="HW9" s="263">
        <v>0</v>
      </c>
      <c r="HX9" s="270">
        <v>0</v>
      </c>
      <c r="HY9" s="260">
        <v>0</v>
      </c>
      <c r="HZ9" s="273">
        <v>523549</v>
      </c>
      <c r="IA9" s="274">
        <v>1616088</v>
      </c>
      <c r="IB9" s="275">
        <v>2139637</v>
      </c>
      <c r="IC9" s="276">
        <v>0</v>
      </c>
      <c r="ID9" s="274">
        <v>56899134</v>
      </c>
      <c r="IE9" s="277">
        <v>72743556</v>
      </c>
      <c r="IF9" s="278">
        <v>81183567</v>
      </c>
      <c r="IG9" s="274">
        <v>55063709</v>
      </c>
      <c r="IH9" s="278">
        <v>50361529</v>
      </c>
      <c r="II9" s="279">
        <v>316251495</v>
      </c>
      <c r="IJ9" s="280">
        <v>318391132</v>
      </c>
      <c r="IK9" s="281">
        <v>0</v>
      </c>
      <c r="IL9" s="282">
        <v>0</v>
      </c>
      <c r="IM9" s="283">
        <v>0</v>
      </c>
      <c r="IN9" s="402">
        <v>0</v>
      </c>
      <c r="IO9" s="284">
        <v>869558</v>
      </c>
      <c r="IP9" s="284">
        <v>3479601</v>
      </c>
      <c r="IQ9" s="284">
        <v>4168342</v>
      </c>
      <c r="IR9" s="284">
        <v>5424020</v>
      </c>
      <c r="IS9" s="284">
        <v>5256389</v>
      </c>
      <c r="IT9" s="285">
        <v>19197910</v>
      </c>
      <c r="IU9" s="286">
        <v>19197910</v>
      </c>
      <c r="IV9" s="287">
        <v>0</v>
      </c>
      <c r="IW9" s="284">
        <v>0</v>
      </c>
      <c r="IX9" s="288">
        <v>0</v>
      </c>
      <c r="IY9" s="402">
        <v>0</v>
      </c>
      <c r="IZ9" s="284">
        <v>148524</v>
      </c>
      <c r="JA9" s="284">
        <v>442149</v>
      </c>
      <c r="JB9" s="284">
        <v>400619</v>
      </c>
      <c r="JC9" s="284">
        <v>532547</v>
      </c>
      <c r="JD9" s="284">
        <v>1150308</v>
      </c>
      <c r="JE9" s="288">
        <v>2674147</v>
      </c>
      <c r="JF9" s="289">
        <v>2674147</v>
      </c>
      <c r="JG9" s="287">
        <v>0</v>
      </c>
      <c r="JH9" s="284">
        <v>0</v>
      </c>
      <c r="JI9" s="285">
        <v>0</v>
      </c>
      <c r="JJ9" s="290">
        <v>0</v>
      </c>
      <c r="JK9" s="284">
        <v>26512771</v>
      </c>
      <c r="JL9" s="284">
        <v>28566674</v>
      </c>
      <c r="JM9" s="284">
        <v>19959607</v>
      </c>
      <c r="JN9" s="284">
        <v>10300023</v>
      </c>
      <c r="JO9" s="284">
        <v>5350139</v>
      </c>
      <c r="JP9" s="288">
        <v>90689214</v>
      </c>
      <c r="JQ9" s="286">
        <v>90689214</v>
      </c>
      <c r="JR9" s="287">
        <v>70324</v>
      </c>
      <c r="JS9" s="284">
        <v>0</v>
      </c>
      <c r="JT9" s="285">
        <v>70324</v>
      </c>
      <c r="JU9" s="290">
        <v>0</v>
      </c>
      <c r="JV9" s="284">
        <v>3365401</v>
      </c>
      <c r="JW9" s="284">
        <v>5022439</v>
      </c>
      <c r="JX9" s="284">
        <v>7625469</v>
      </c>
      <c r="JY9" s="284">
        <v>1675471</v>
      </c>
      <c r="JZ9" s="284">
        <v>3017126</v>
      </c>
      <c r="KA9" s="288">
        <v>20705906</v>
      </c>
      <c r="KB9" s="286">
        <v>20776230</v>
      </c>
      <c r="KC9" s="291">
        <v>453225</v>
      </c>
      <c r="KD9" s="292">
        <v>1616088</v>
      </c>
      <c r="KE9" s="288">
        <v>2069313</v>
      </c>
      <c r="KF9" s="290">
        <v>0</v>
      </c>
      <c r="KG9" s="284">
        <v>8628012</v>
      </c>
      <c r="KH9" s="284">
        <v>7689806</v>
      </c>
      <c r="KI9" s="284">
        <v>14273214</v>
      </c>
      <c r="KJ9" s="284">
        <v>7633242</v>
      </c>
      <c r="KK9" s="284">
        <v>5564135</v>
      </c>
      <c r="KL9" s="288">
        <v>43788409</v>
      </c>
      <c r="KM9" s="293">
        <v>45857722</v>
      </c>
      <c r="KN9" s="281">
        <v>0</v>
      </c>
      <c r="KO9" s="282">
        <v>0</v>
      </c>
      <c r="KP9" s="283">
        <v>0</v>
      </c>
      <c r="KQ9" s="406">
        <v>0</v>
      </c>
      <c r="KR9" s="284">
        <v>14543380</v>
      </c>
      <c r="KS9" s="284">
        <v>23411597</v>
      </c>
      <c r="KT9" s="284">
        <v>29262313</v>
      </c>
      <c r="KU9" s="284">
        <v>19357394</v>
      </c>
      <c r="KV9" s="284">
        <v>17599650</v>
      </c>
      <c r="KW9" s="288">
        <v>104174334</v>
      </c>
      <c r="KX9" s="286">
        <v>104174334</v>
      </c>
      <c r="KY9" s="287">
        <v>0</v>
      </c>
      <c r="KZ9" s="284">
        <v>0</v>
      </c>
      <c r="LA9" s="288">
        <v>0</v>
      </c>
      <c r="LB9" s="406">
        <v>0</v>
      </c>
      <c r="LC9" s="284">
        <v>136750</v>
      </c>
      <c r="LD9" s="284">
        <v>778290</v>
      </c>
      <c r="LE9" s="284">
        <v>1211094</v>
      </c>
      <c r="LF9" s="284">
        <v>1109472</v>
      </c>
      <c r="LG9" s="284">
        <v>1316855</v>
      </c>
      <c r="LH9" s="288">
        <v>4552461</v>
      </c>
      <c r="LI9" s="289">
        <v>4552461</v>
      </c>
      <c r="LJ9" s="287">
        <v>0</v>
      </c>
      <c r="LK9" s="284">
        <v>0</v>
      </c>
      <c r="LL9" s="288">
        <v>0</v>
      </c>
      <c r="LM9" s="406">
        <v>0</v>
      </c>
      <c r="LN9" s="284">
        <v>0</v>
      </c>
      <c r="LO9" s="284">
        <v>221209</v>
      </c>
      <c r="LP9" s="284">
        <v>945508</v>
      </c>
      <c r="LQ9" s="284">
        <v>4680657</v>
      </c>
      <c r="LR9" s="284">
        <v>2242068</v>
      </c>
      <c r="LS9" s="288">
        <v>8089442</v>
      </c>
      <c r="LT9" s="286">
        <v>8089442</v>
      </c>
      <c r="LU9" s="287">
        <v>0</v>
      </c>
      <c r="LV9" s="284">
        <v>0</v>
      </c>
      <c r="LW9" s="288">
        <v>0</v>
      </c>
      <c r="LX9" s="406">
        <v>0</v>
      </c>
      <c r="LY9" s="284">
        <v>2694738</v>
      </c>
      <c r="LZ9" s="284">
        <v>3131791</v>
      </c>
      <c r="MA9" s="284">
        <v>3337401</v>
      </c>
      <c r="MB9" s="284">
        <v>4350883</v>
      </c>
      <c r="MC9" s="284">
        <v>8864859</v>
      </c>
      <c r="MD9" s="288">
        <v>22379672</v>
      </c>
      <c r="ME9" s="289">
        <v>22379672</v>
      </c>
      <c r="MF9" s="287">
        <v>0</v>
      </c>
      <c r="MG9" s="284">
        <v>0</v>
      </c>
      <c r="MH9" s="288">
        <v>0</v>
      </c>
      <c r="MI9" s="406">
        <v>0</v>
      </c>
      <c r="MJ9" s="284">
        <v>16612345</v>
      </c>
      <c r="MK9" s="284">
        <v>40647079</v>
      </c>
      <c r="ML9" s="284">
        <v>114183716</v>
      </c>
      <c r="MM9" s="284">
        <v>172360710</v>
      </c>
      <c r="MN9" s="284">
        <v>107525791</v>
      </c>
      <c r="MO9" s="288">
        <v>451329641</v>
      </c>
      <c r="MP9" s="293">
        <v>451329641</v>
      </c>
      <c r="MQ9" s="287">
        <v>0</v>
      </c>
      <c r="MR9" s="284">
        <v>0</v>
      </c>
      <c r="MS9" s="288">
        <v>0</v>
      </c>
      <c r="MT9" s="406">
        <v>0</v>
      </c>
      <c r="MU9" s="284">
        <v>2228889</v>
      </c>
      <c r="MV9" s="284">
        <v>8841905</v>
      </c>
      <c r="MW9" s="284">
        <v>63629309</v>
      </c>
      <c r="MX9" s="284">
        <v>98810045</v>
      </c>
      <c r="MY9" s="284">
        <v>68891454</v>
      </c>
      <c r="MZ9" s="288">
        <v>242401602</v>
      </c>
      <c r="NA9" s="293">
        <v>242401602</v>
      </c>
      <c r="NB9" s="287">
        <v>0</v>
      </c>
      <c r="NC9" s="284">
        <v>0</v>
      </c>
      <c r="ND9" s="288">
        <v>0</v>
      </c>
      <c r="NE9" s="406">
        <v>0</v>
      </c>
      <c r="NF9" s="284">
        <v>14147861</v>
      </c>
      <c r="NG9" s="284">
        <v>31542307</v>
      </c>
      <c r="NH9" s="284">
        <v>49482222</v>
      </c>
      <c r="NI9" s="284">
        <v>70277098</v>
      </c>
      <c r="NJ9" s="284">
        <v>31184157</v>
      </c>
      <c r="NK9" s="288">
        <v>196633645</v>
      </c>
      <c r="NL9" s="286">
        <v>196633645</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235595</v>
      </c>
      <c r="OC9" s="284">
        <v>262867</v>
      </c>
      <c r="OD9" s="284">
        <v>1072185</v>
      </c>
      <c r="OE9" s="284">
        <v>3273567</v>
      </c>
      <c r="OF9" s="284">
        <v>7450180</v>
      </c>
      <c r="OG9" s="288">
        <v>12294394</v>
      </c>
      <c r="OH9" s="289">
        <v>12294394</v>
      </c>
      <c r="OI9" s="287">
        <v>27214419</v>
      </c>
      <c r="OJ9" s="284">
        <v>49336211</v>
      </c>
      <c r="OK9" s="285">
        <v>76550630</v>
      </c>
      <c r="OL9" s="290">
        <v>0</v>
      </c>
      <c r="OM9" s="284">
        <v>343893846</v>
      </c>
      <c r="ON9" s="284">
        <v>489040101</v>
      </c>
      <c r="OO9" s="284">
        <v>506155122</v>
      </c>
      <c r="OP9" s="284">
        <v>532034799</v>
      </c>
      <c r="OQ9" s="284">
        <v>389657426</v>
      </c>
      <c r="OR9" s="288">
        <v>2260781294</v>
      </c>
      <c r="OS9" s="293">
        <v>2337331924</v>
      </c>
    </row>
    <row r="10" spans="2:409" s="407" customFormat="1" ht="21" customHeight="1" x14ac:dyDescent="0.2">
      <c r="B10" s="95" t="s">
        <v>5</v>
      </c>
      <c r="C10" s="295">
        <v>11871036</v>
      </c>
      <c r="D10" s="296">
        <v>24932095</v>
      </c>
      <c r="E10" s="297">
        <v>36803131</v>
      </c>
      <c r="F10" s="298">
        <v>0</v>
      </c>
      <c r="G10" s="296">
        <v>102802300</v>
      </c>
      <c r="H10" s="296">
        <v>179073769</v>
      </c>
      <c r="I10" s="296">
        <v>138995715</v>
      </c>
      <c r="J10" s="296">
        <v>137754621</v>
      </c>
      <c r="K10" s="296">
        <v>104553308</v>
      </c>
      <c r="L10" s="298">
        <v>663179713</v>
      </c>
      <c r="M10" s="299">
        <v>699982844</v>
      </c>
      <c r="N10" s="295">
        <v>3659293</v>
      </c>
      <c r="O10" s="296">
        <v>9943507</v>
      </c>
      <c r="P10" s="297">
        <v>13602800</v>
      </c>
      <c r="Q10" s="295">
        <v>0</v>
      </c>
      <c r="R10" s="296">
        <v>31591856</v>
      </c>
      <c r="S10" s="296">
        <v>64181292</v>
      </c>
      <c r="T10" s="296">
        <v>44259356</v>
      </c>
      <c r="U10" s="296">
        <v>47899433</v>
      </c>
      <c r="V10" s="296">
        <v>49481750</v>
      </c>
      <c r="W10" s="297">
        <v>237413687</v>
      </c>
      <c r="X10" s="299">
        <v>251016487</v>
      </c>
      <c r="Y10" s="295">
        <v>0</v>
      </c>
      <c r="Z10" s="296">
        <v>0</v>
      </c>
      <c r="AA10" s="297">
        <v>0</v>
      </c>
      <c r="AB10" s="295">
        <v>0</v>
      </c>
      <c r="AC10" s="296">
        <v>12840803</v>
      </c>
      <c r="AD10" s="296">
        <v>23536204</v>
      </c>
      <c r="AE10" s="296">
        <v>19365630</v>
      </c>
      <c r="AF10" s="296">
        <v>22766515</v>
      </c>
      <c r="AG10" s="296">
        <v>26420551</v>
      </c>
      <c r="AH10" s="297">
        <v>104929703</v>
      </c>
      <c r="AI10" s="299">
        <v>104929703</v>
      </c>
      <c r="AJ10" s="295">
        <v>0</v>
      </c>
      <c r="AK10" s="296">
        <v>74600</v>
      </c>
      <c r="AL10" s="297">
        <v>74600</v>
      </c>
      <c r="AM10" s="295">
        <v>0</v>
      </c>
      <c r="AN10" s="296">
        <v>145511</v>
      </c>
      <c r="AO10" s="296">
        <v>338381</v>
      </c>
      <c r="AP10" s="296">
        <v>1002631</v>
      </c>
      <c r="AQ10" s="296">
        <v>2184653</v>
      </c>
      <c r="AR10" s="296">
        <v>6474812</v>
      </c>
      <c r="AS10" s="297">
        <v>10145988</v>
      </c>
      <c r="AT10" s="299">
        <v>10220588</v>
      </c>
      <c r="AU10" s="295">
        <v>1854970</v>
      </c>
      <c r="AV10" s="296">
        <v>6850969</v>
      </c>
      <c r="AW10" s="297">
        <v>8705939</v>
      </c>
      <c r="AX10" s="295">
        <v>0</v>
      </c>
      <c r="AY10" s="296">
        <v>10748003</v>
      </c>
      <c r="AZ10" s="296">
        <v>27897048</v>
      </c>
      <c r="BA10" s="296">
        <v>14995734</v>
      </c>
      <c r="BB10" s="296">
        <v>13410237</v>
      </c>
      <c r="BC10" s="296">
        <v>9908435</v>
      </c>
      <c r="BD10" s="297">
        <v>76959457</v>
      </c>
      <c r="BE10" s="299">
        <v>85665396</v>
      </c>
      <c r="BF10" s="295">
        <v>133283</v>
      </c>
      <c r="BG10" s="296">
        <v>858410</v>
      </c>
      <c r="BH10" s="300">
        <v>991693</v>
      </c>
      <c r="BI10" s="301">
        <v>0</v>
      </c>
      <c r="BJ10" s="296">
        <v>1143366</v>
      </c>
      <c r="BK10" s="296">
        <v>2456317</v>
      </c>
      <c r="BL10" s="296">
        <v>980916</v>
      </c>
      <c r="BM10" s="296">
        <v>1129475</v>
      </c>
      <c r="BN10" s="296">
        <v>745081</v>
      </c>
      <c r="BO10" s="297">
        <v>6455155</v>
      </c>
      <c r="BP10" s="299">
        <v>7446848</v>
      </c>
      <c r="BQ10" s="295">
        <v>1671040</v>
      </c>
      <c r="BR10" s="296">
        <v>2159528</v>
      </c>
      <c r="BS10" s="297">
        <v>3830568</v>
      </c>
      <c r="BT10" s="295">
        <v>0</v>
      </c>
      <c r="BU10" s="296">
        <v>6714173</v>
      </c>
      <c r="BV10" s="296">
        <v>9953342</v>
      </c>
      <c r="BW10" s="296">
        <v>7914445</v>
      </c>
      <c r="BX10" s="296">
        <v>8408553</v>
      </c>
      <c r="BY10" s="296">
        <v>5932871</v>
      </c>
      <c r="BZ10" s="297">
        <v>38923384</v>
      </c>
      <c r="CA10" s="299">
        <v>42753952</v>
      </c>
      <c r="CB10" s="295">
        <v>1215121</v>
      </c>
      <c r="CC10" s="296">
        <v>3158594</v>
      </c>
      <c r="CD10" s="297">
        <v>4373715</v>
      </c>
      <c r="CE10" s="295">
        <v>0</v>
      </c>
      <c r="CF10" s="296">
        <v>22780156</v>
      </c>
      <c r="CG10" s="296">
        <v>38298166</v>
      </c>
      <c r="CH10" s="296">
        <v>23678436</v>
      </c>
      <c r="CI10" s="296">
        <v>15165354</v>
      </c>
      <c r="CJ10" s="296">
        <v>6185432</v>
      </c>
      <c r="CK10" s="297">
        <v>106107544</v>
      </c>
      <c r="CL10" s="299">
        <v>110481259</v>
      </c>
      <c r="CM10" s="295">
        <v>0</v>
      </c>
      <c r="CN10" s="296">
        <v>0</v>
      </c>
      <c r="CO10" s="297">
        <v>0</v>
      </c>
      <c r="CP10" s="301">
        <v>0</v>
      </c>
      <c r="CQ10" s="296">
        <v>18575445</v>
      </c>
      <c r="CR10" s="296">
        <v>26870093</v>
      </c>
      <c r="CS10" s="296">
        <v>15320374</v>
      </c>
      <c r="CT10" s="296">
        <v>10065555</v>
      </c>
      <c r="CU10" s="296">
        <v>4094028</v>
      </c>
      <c r="CV10" s="297">
        <v>74925495</v>
      </c>
      <c r="CW10" s="299">
        <v>74925495</v>
      </c>
      <c r="CX10" s="295">
        <v>1215121</v>
      </c>
      <c r="CY10" s="296">
        <v>3158594</v>
      </c>
      <c r="CZ10" s="297">
        <v>4373715</v>
      </c>
      <c r="DA10" s="295">
        <v>0</v>
      </c>
      <c r="DB10" s="296">
        <v>4204711</v>
      </c>
      <c r="DC10" s="296">
        <v>11428073</v>
      </c>
      <c r="DD10" s="296">
        <v>8358062</v>
      </c>
      <c r="DE10" s="296">
        <v>5099799</v>
      </c>
      <c r="DF10" s="296">
        <v>2091404</v>
      </c>
      <c r="DG10" s="297">
        <v>31182049</v>
      </c>
      <c r="DH10" s="299">
        <v>35555764</v>
      </c>
      <c r="DI10" s="295">
        <v>22286</v>
      </c>
      <c r="DJ10" s="296">
        <v>318214</v>
      </c>
      <c r="DK10" s="300">
        <v>340500</v>
      </c>
      <c r="DL10" s="301">
        <v>0</v>
      </c>
      <c r="DM10" s="296">
        <v>3215074</v>
      </c>
      <c r="DN10" s="296">
        <v>6938703</v>
      </c>
      <c r="DO10" s="296">
        <v>10387678</v>
      </c>
      <c r="DP10" s="296">
        <v>11294068</v>
      </c>
      <c r="DQ10" s="296">
        <v>5232583</v>
      </c>
      <c r="DR10" s="297">
        <v>37068106</v>
      </c>
      <c r="DS10" s="299">
        <v>37408606</v>
      </c>
      <c r="DT10" s="295">
        <v>0</v>
      </c>
      <c r="DU10" s="296">
        <v>286713</v>
      </c>
      <c r="DV10" s="297">
        <v>286713</v>
      </c>
      <c r="DW10" s="295">
        <v>0</v>
      </c>
      <c r="DX10" s="296">
        <v>2703135</v>
      </c>
      <c r="DY10" s="296">
        <v>5116063</v>
      </c>
      <c r="DZ10" s="296">
        <v>8198194</v>
      </c>
      <c r="EA10" s="296">
        <v>8228417</v>
      </c>
      <c r="EB10" s="296">
        <v>3802555</v>
      </c>
      <c r="EC10" s="297">
        <v>28048364</v>
      </c>
      <c r="ED10" s="299">
        <v>28335077</v>
      </c>
      <c r="EE10" s="295">
        <v>22286</v>
      </c>
      <c r="EF10" s="300">
        <v>31501</v>
      </c>
      <c r="EG10" s="297">
        <v>53787</v>
      </c>
      <c r="EH10" s="295">
        <v>0</v>
      </c>
      <c r="EI10" s="296">
        <v>511939</v>
      </c>
      <c r="EJ10" s="296">
        <v>1822640</v>
      </c>
      <c r="EK10" s="296">
        <v>2189484</v>
      </c>
      <c r="EL10" s="296">
        <v>3065651</v>
      </c>
      <c r="EM10" s="296">
        <v>1430028</v>
      </c>
      <c r="EN10" s="300">
        <v>9019742</v>
      </c>
      <c r="EO10" s="299">
        <v>9073529</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1992893</v>
      </c>
      <c r="FM10" s="296">
        <v>4814296</v>
      </c>
      <c r="FN10" s="297">
        <v>6807189</v>
      </c>
      <c r="FO10" s="295">
        <v>0</v>
      </c>
      <c r="FP10" s="296">
        <v>4064565</v>
      </c>
      <c r="FQ10" s="296">
        <v>16083621</v>
      </c>
      <c r="FR10" s="296">
        <v>9975775</v>
      </c>
      <c r="FS10" s="296">
        <v>9056746</v>
      </c>
      <c r="FT10" s="296">
        <v>6245592</v>
      </c>
      <c r="FU10" s="297">
        <v>45426299</v>
      </c>
      <c r="FV10" s="299">
        <v>52233488</v>
      </c>
      <c r="FW10" s="302">
        <v>843423</v>
      </c>
      <c r="FX10" s="296">
        <v>3257065</v>
      </c>
      <c r="FY10" s="300">
        <v>4100488</v>
      </c>
      <c r="FZ10" s="301">
        <v>0</v>
      </c>
      <c r="GA10" s="296">
        <v>3036824</v>
      </c>
      <c r="GB10" s="296">
        <v>13715572</v>
      </c>
      <c r="GC10" s="296">
        <v>9038825</v>
      </c>
      <c r="GD10" s="296">
        <v>8126347</v>
      </c>
      <c r="GE10" s="296">
        <v>6028610</v>
      </c>
      <c r="GF10" s="297">
        <v>39946178</v>
      </c>
      <c r="GG10" s="303">
        <v>44046666</v>
      </c>
      <c r="GH10" s="302">
        <v>74340</v>
      </c>
      <c r="GI10" s="296">
        <v>255651</v>
      </c>
      <c r="GJ10" s="300">
        <v>329991</v>
      </c>
      <c r="GK10" s="301">
        <v>0</v>
      </c>
      <c r="GL10" s="296">
        <v>262738</v>
      </c>
      <c r="GM10" s="296">
        <v>487791</v>
      </c>
      <c r="GN10" s="296">
        <v>311675</v>
      </c>
      <c r="GO10" s="296">
        <v>302184</v>
      </c>
      <c r="GP10" s="296">
        <v>174352</v>
      </c>
      <c r="GQ10" s="297">
        <v>1538740</v>
      </c>
      <c r="GR10" s="299">
        <v>1868731</v>
      </c>
      <c r="GS10" s="295">
        <v>1075130</v>
      </c>
      <c r="GT10" s="296">
        <v>1301580</v>
      </c>
      <c r="GU10" s="297">
        <v>2376710</v>
      </c>
      <c r="GV10" s="295">
        <v>0</v>
      </c>
      <c r="GW10" s="296">
        <v>765003</v>
      </c>
      <c r="GX10" s="296">
        <v>1880258</v>
      </c>
      <c r="GY10" s="296">
        <v>625275</v>
      </c>
      <c r="GZ10" s="296">
        <v>628215</v>
      </c>
      <c r="HA10" s="296">
        <v>42630</v>
      </c>
      <c r="HB10" s="300">
        <v>3941381</v>
      </c>
      <c r="HC10" s="299">
        <v>6318091</v>
      </c>
      <c r="HD10" s="295">
        <v>4981443</v>
      </c>
      <c r="HE10" s="296">
        <v>6697484</v>
      </c>
      <c r="HF10" s="300">
        <v>11678927</v>
      </c>
      <c r="HG10" s="301">
        <v>0</v>
      </c>
      <c r="HH10" s="296">
        <v>41150649</v>
      </c>
      <c r="HI10" s="296">
        <v>53571987</v>
      </c>
      <c r="HJ10" s="296">
        <v>50694470</v>
      </c>
      <c r="HK10" s="296">
        <v>54339020</v>
      </c>
      <c r="HL10" s="296">
        <v>37407951</v>
      </c>
      <c r="HM10" s="297">
        <v>237164077</v>
      </c>
      <c r="HN10" s="298">
        <v>248843004</v>
      </c>
      <c r="HO10" s="302">
        <v>0</v>
      </c>
      <c r="HP10" s="296">
        <v>0</v>
      </c>
      <c r="HQ10" s="297">
        <v>0</v>
      </c>
      <c r="HR10" s="295">
        <v>0</v>
      </c>
      <c r="HS10" s="296">
        <v>0</v>
      </c>
      <c r="HT10" s="296">
        <v>0</v>
      </c>
      <c r="HU10" s="296">
        <v>0</v>
      </c>
      <c r="HV10" s="296">
        <v>0</v>
      </c>
      <c r="HW10" s="296">
        <v>0</v>
      </c>
      <c r="HX10" s="300">
        <v>0</v>
      </c>
      <c r="HY10" s="299">
        <v>0</v>
      </c>
      <c r="HZ10" s="304">
        <v>332038</v>
      </c>
      <c r="IA10" s="305">
        <v>771287</v>
      </c>
      <c r="IB10" s="306">
        <v>1103325</v>
      </c>
      <c r="IC10" s="307">
        <v>0</v>
      </c>
      <c r="ID10" s="308">
        <v>23075306</v>
      </c>
      <c r="IE10" s="309">
        <v>32591957</v>
      </c>
      <c r="IF10" s="310">
        <v>35751734</v>
      </c>
      <c r="IG10" s="308">
        <v>23556215</v>
      </c>
      <c r="IH10" s="310">
        <v>20383651</v>
      </c>
      <c r="II10" s="311">
        <v>135358863</v>
      </c>
      <c r="IJ10" s="312">
        <v>136462188</v>
      </c>
      <c r="IK10" s="313">
        <v>0</v>
      </c>
      <c r="IL10" s="314">
        <v>0</v>
      </c>
      <c r="IM10" s="315">
        <v>0</v>
      </c>
      <c r="IN10" s="403">
        <v>0</v>
      </c>
      <c r="IO10" s="316">
        <v>572879</v>
      </c>
      <c r="IP10" s="316">
        <v>1405052</v>
      </c>
      <c r="IQ10" s="316">
        <v>2886802</v>
      </c>
      <c r="IR10" s="316">
        <v>2896635</v>
      </c>
      <c r="IS10" s="316">
        <v>2406320</v>
      </c>
      <c r="IT10" s="317">
        <v>10167688</v>
      </c>
      <c r="IU10" s="318">
        <v>10167688</v>
      </c>
      <c r="IV10" s="319">
        <v>0</v>
      </c>
      <c r="IW10" s="316">
        <v>0</v>
      </c>
      <c r="IX10" s="320">
        <v>0</v>
      </c>
      <c r="IY10" s="403">
        <v>0</v>
      </c>
      <c r="IZ10" s="316">
        <v>71304</v>
      </c>
      <c r="JA10" s="316">
        <v>336309</v>
      </c>
      <c r="JB10" s="316">
        <v>292935</v>
      </c>
      <c r="JC10" s="316">
        <v>412491</v>
      </c>
      <c r="JD10" s="316">
        <v>822664</v>
      </c>
      <c r="JE10" s="320">
        <v>1935703</v>
      </c>
      <c r="JF10" s="321">
        <v>1935703</v>
      </c>
      <c r="JG10" s="319">
        <v>0</v>
      </c>
      <c r="JH10" s="316">
        <v>0</v>
      </c>
      <c r="JI10" s="317">
        <v>0</v>
      </c>
      <c r="JJ10" s="322">
        <v>0</v>
      </c>
      <c r="JK10" s="316">
        <v>9617911</v>
      </c>
      <c r="JL10" s="316">
        <v>15373562</v>
      </c>
      <c r="JM10" s="316">
        <v>10781162</v>
      </c>
      <c r="JN10" s="316">
        <v>4322733</v>
      </c>
      <c r="JO10" s="316">
        <v>1850329</v>
      </c>
      <c r="JP10" s="320">
        <v>41945697</v>
      </c>
      <c r="JQ10" s="318">
        <v>41945697</v>
      </c>
      <c r="JR10" s="319">
        <v>32116</v>
      </c>
      <c r="JS10" s="316">
        <v>0</v>
      </c>
      <c r="JT10" s="317">
        <v>32116</v>
      </c>
      <c r="JU10" s="322">
        <v>0</v>
      </c>
      <c r="JV10" s="316">
        <v>1914439</v>
      </c>
      <c r="JW10" s="316">
        <v>2214237</v>
      </c>
      <c r="JX10" s="316">
        <v>4502150</v>
      </c>
      <c r="JY10" s="316">
        <v>858743</v>
      </c>
      <c r="JZ10" s="316">
        <v>2341871</v>
      </c>
      <c r="KA10" s="320">
        <v>11831440</v>
      </c>
      <c r="KB10" s="318">
        <v>11863556</v>
      </c>
      <c r="KC10" s="323">
        <v>299922</v>
      </c>
      <c r="KD10" s="324">
        <v>771287</v>
      </c>
      <c r="KE10" s="320">
        <v>1071209</v>
      </c>
      <c r="KF10" s="322">
        <v>0</v>
      </c>
      <c r="KG10" s="316">
        <v>3125940</v>
      </c>
      <c r="KH10" s="316">
        <v>3492703</v>
      </c>
      <c r="KI10" s="316">
        <v>6247656</v>
      </c>
      <c r="KJ10" s="316">
        <v>4328101</v>
      </c>
      <c r="KK10" s="316">
        <v>2927255</v>
      </c>
      <c r="KL10" s="320">
        <v>20121655</v>
      </c>
      <c r="KM10" s="325">
        <v>21192864</v>
      </c>
      <c r="KN10" s="313">
        <v>0</v>
      </c>
      <c r="KO10" s="314">
        <v>0</v>
      </c>
      <c r="KP10" s="315">
        <v>0</v>
      </c>
      <c r="KQ10" s="403">
        <v>0</v>
      </c>
      <c r="KR10" s="316">
        <v>6305188</v>
      </c>
      <c r="KS10" s="316">
        <v>8760405</v>
      </c>
      <c r="KT10" s="316">
        <v>10498504</v>
      </c>
      <c r="KU10" s="316">
        <v>8689673</v>
      </c>
      <c r="KV10" s="316">
        <v>7315341</v>
      </c>
      <c r="KW10" s="320">
        <v>41569111</v>
      </c>
      <c r="KX10" s="318">
        <v>41569111</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269888</v>
      </c>
      <c r="LR10" s="316">
        <v>287785</v>
      </c>
      <c r="LS10" s="320">
        <v>557673</v>
      </c>
      <c r="LT10" s="318">
        <v>557673</v>
      </c>
      <c r="LU10" s="319">
        <v>0</v>
      </c>
      <c r="LV10" s="316">
        <v>0</v>
      </c>
      <c r="LW10" s="320">
        <v>0</v>
      </c>
      <c r="LX10" s="403">
        <v>0</v>
      </c>
      <c r="LY10" s="316">
        <v>1467645</v>
      </c>
      <c r="LZ10" s="316">
        <v>1009689</v>
      </c>
      <c r="MA10" s="316">
        <v>542525</v>
      </c>
      <c r="MB10" s="316">
        <v>1777951</v>
      </c>
      <c r="MC10" s="316">
        <v>2432086</v>
      </c>
      <c r="MD10" s="320">
        <v>7229896</v>
      </c>
      <c r="ME10" s="321">
        <v>7229896</v>
      </c>
      <c r="MF10" s="319">
        <v>0</v>
      </c>
      <c r="MG10" s="316">
        <v>0</v>
      </c>
      <c r="MH10" s="320">
        <v>0</v>
      </c>
      <c r="MI10" s="403">
        <v>0</v>
      </c>
      <c r="MJ10" s="316">
        <v>8844582</v>
      </c>
      <c r="MK10" s="316">
        <v>21939248</v>
      </c>
      <c r="ML10" s="316">
        <v>60693300</v>
      </c>
      <c r="MM10" s="316">
        <v>82823265</v>
      </c>
      <c r="MN10" s="316">
        <v>46635658</v>
      </c>
      <c r="MO10" s="320">
        <v>220936053</v>
      </c>
      <c r="MP10" s="325">
        <v>220936053</v>
      </c>
      <c r="MQ10" s="319">
        <v>0</v>
      </c>
      <c r="MR10" s="316">
        <v>0</v>
      </c>
      <c r="MS10" s="320">
        <v>0</v>
      </c>
      <c r="MT10" s="403">
        <v>0</v>
      </c>
      <c r="MU10" s="316">
        <v>1907216</v>
      </c>
      <c r="MV10" s="316">
        <v>6407878</v>
      </c>
      <c r="MW10" s="316">
        <v>33856610</v>
      </c>
      <c r="MX10" s="316">
        <v>45498151</v>
      </c>
      <c r="MY10" s="316">
        <v>26787533</v>
      </c>
      <c r="MZ10" s="320">
        <v>114457388</v>
      </c>
      <c r="NA10" s="325">
        <v>114457388</v>
      </c>
      <c r="NB10" s="319">
        <v>0</v>
      </c>
      <c r="NC10" s="316">
        <v>0</v>
      </c>
      <c r="ND10" s="320">
        <v>0</v>
      </c>
      <c r="NE10" s="403">
        <v>0</v>
      </c>
      <c r="NF10" s="316">
        <v>6937366</v>
      </c>
      <c r="NG10" s="316">
        <v>15531370</v>
      </c>
      <c r="NH10" s="316">
        <v>26836690</v>
      </c>
      <c r="NI10" s="316">
        <v>35766177</v>
      </c>
      <c r="NJ10" s="316">
        <v>17659847</v>
      </c>
      <c r="NK10" s="320">
        <v>102731450</v>
      </c>
      <c r="NL10" s="318">
        <v>102731450</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558937</v>
      </c>
      <c r="OF10" s="316">
        <v>2188278</v>
      </c>
      <c r="OG10" s="320">
        <v>3747215</v>
      </c>
      <c r="OH10" s="321">
        <v>3747215</v>
      </c>
      <c r="OI10" s="319">
        <v>12203074</v>
      </c>
      <c r="OJ10" s="316">
        <v>25703382</v>
      </c>
      <c r="OK10" s="317">
        <v>37906456</v>
      </c>
      <c r="OL10" s="322">
        <v>0</v>
      </c>
      <c r="OM10" s="316">
        <v>134722188</v>
      </c>
      <c r="ON10" s="316">
        <v>233604974</v>
      </c>
      <c r="OO10" s="316">
        <v>235440749</v>
      </c>
      <c r="OP10" s="316">
        <v>244134101</v>
      </c>
      <c r="OQ10" s="316">
        <v>171572617</v>
      </c>
      <c r="OR10" s="320">
        <v>1019474629</v>
      </c>
      <c r="OS10" s="325">
        <v>1057381085</v>
      </c>
    </row>
    <row r="11" spans="2:409" s="70" customFormat="1" ht="21" customHeight="1" x14ac:dyDescent="0.2">
      <c r="B11" s="106" t="s">
        <v>6</v>
      </c>
      <c r="C11" s="326">
        <v>3661659</v>
      </c>
      <c r="D11" s="327">
        <v>5815362</v>
      </c>
      <c r="E11" s="328">
        <v>9477021</v>
      </c>
      <c r="F11" s="329">
        <v>0</v>
      </c>
      <c r="G11" s="327">
        <v>57904774</v>
      </c>
      <c r="H11" s="327">
        <v>58197986</v>
      </c>
      <c r="I11" s="327">
        <v>49000656</v>
      </c>
      <c r="J11" s="327">
        <v>50442279</v>
      </c>
      <c r="K11" s="327">
        <v>40268349</v>
      </c>
      <c r="L11" s="329">
        <v>255814044</v>
      </c>
      <c r="M11" s="330">
        <v>265291065</v>
      </c>
      <c r="N11" s="326">
        <v>1247694</v>
      </c>
      <c r="O11" s="327">
        <v>2517853</v>
      </c>
      <c r="P11" s="328">
        <v>3765547</v>
      </c>
      <c r="Q11" s="326">
        <v>0</v>
      </c>
      <c r="R11" s="327">
        <v>19453624</v>
      </c>
      <c r="S11" s="327">
        <v>19383987</v>
      </c>
      <c r="T11" s="327">
        <v>16289180</v>
      </c>
      <c r="U11" s="327">
        <v>19940121</v>
      </c>
      <c r="V11" s="327">
        <v>19923258</v>
      </c>
      <c r="W11" s="328">
        <v>94990170</v>
      </c>
      <c r="X11" s="330">
        <v>98755717</v>
      </c>
      <c r="Y11" s="326">
        <v>3572</v>
      </c>
      <c r="Z11" s="327">
        <v>0</v>
      </c>
      <c r="AA11" s="328">
        <v>3572</v>
      </c>
      <c r="AB11" s="326">
        <v>0</v>
      </c>
      <c r="AC11" s="327">
        <v>6921770</v>
      </c>
      <c r="AD11" s="327">
        <v>8528516</v>
      </c>
      <c r="AE11" s="327">
        <v>7082036</v>
      </c>
      <c r="AF11" s="327">
        <v>10686593</v>
      </c>
      <c r="AG11" s="327">
        <v>11595576</v>
      </c>
      <c r="AH11" s="328">
        <v>44814491</v>
      </c>
      <c r="AI11" s="330">
        <v>44818063</v>
      </c>
      <c r="AJ11" s="326">
        <v>0</v>
      </c>
      <c r="AK11" s="327">
        <v>0</v>
      </c>
      <c r="AL11" s="328">
        <v>0</v>
      </c>
      <c r="AM11" s="326">
        <v>0</v>
      </c>
      <c r="AN11" s="327">
        <v>161709</v>
      </c>
      <c r="AO11" s="327">
        <v>323421</v>
      </c>
      <c r="AP11" s="327">
        <v>526674</v>
      </c>
      <c r="AQ11" s="327">
        <v>1278132</v>
      </c>
      <c r="AR11" s="327">
        <v>1361450</v>
      </c>
      <c r="AS11" s="328">
        <v>3651386</v>
      </c>
      <c r="AT11" s="330">
        <v>3651386</v>
      </c>
      <c r="AU11" s="326">
        <v>732105</v>
      </c>
      <c r="AV11" s="327">
        <v>1874931</v>
      </c>
      <c r="AW11" s="328">
        <v>2607036</v>
      </c>
      <c r="AX11" s="326">
        <v>0</v>
      </c>
      <c r="AY11" s="327">
        <v>8105319</v>
      </c>
      <c r="AZ11" s="327">
        <v>6632568</v>
      </c>
      <c r="BA11" s="327">
        <v>5190020</v>
      </c>
      <c r="BB11" s="327">
        <v>4323052</v>
      </c>
      <c r="BC11" s="327">
        <v>3701540</v>
      </c>
      <c r="BD11" s="328">
        <v>27952499</v>
      </c>
      <c r="BE11" s="330">
        <v>30559535</v>
      </c>
      <c r="BF11" s="326">
        <v>74391</v>
      </c>
      <c r="BG11" s="327">
        <v>108570</v>
      </c>
      <c r="BH11" s="331">
        <v>182961</v>
      </c>
      <c r="BI11" s="332">
        <v>0</v>
      </c>
      <c r="BJ11" s="327">
        <v>428534</v>
      </c>
      <c r="BK11" s="327">
        <v>525097</v>
      </c>
      <c r="BL11" s="327">
        <v>300725</v>
      </c>
      <c r="BM11" s="327">
        <v>576985</v>
      </c>
      <c r="BN11" s="327">
        <v>289356</v>
      </c>
      <c r="BO11" s="328">
        <v>2120697</v>
      </c>
      <c r="BP11" s="330">
        <v>2303658</v>
      </c>
      <c r="BQ11" s="326">
        <v>437626</v>
      </c>
      <c r="BR11" s="327">
        <v>534352</v>
      </c>
      <c r="BS11" s="328">
        <v>971978</v>
      </c>
      <c r="BT11" s="326">
        <v>0</v>
      </c>
      <c r="BU11" s="327">
        <v>3836292</v>
      </c>
      <c r="BV11" s="327">
        <v>3374385</v>
      </c>
      <c r="BW11" s="327">
        <v>3189725</v>
      </c>
      <c r="BX11" s="327">
        <v>3075359</v>
      </c>
      <c r="BY11" s="327">
        <v>2975336</v>
      </c>
      <c r="BZ11" s="328">
        <v>16451097</v>
      </c>
      <c r="CA11" s="330">
        <v>17423075</v>
      </c>
      <c r="CB11" s="326">
        <v>184408</v>
      </c>
      <c r="CC11" s="327">
        <v>627900</v>
      </c>
      <c r="CD11" s="328">
        <v>812308</v>
      </c>
      <c r="CE11" s="326">
        <v>0</v>
      </c>
      <c r="CF11" s="327">
        <v>13140464</v>
      </c>
      <c r="CG11" s="327">
        <v>12600647</v>
      </c>
      <c r="CH11" s="327">
        <v>8786231</v>
      </c>
      <c r="CI11" s="327">
        <v>5575541</v>
      </c>
      <c r="CJ11" s="327">
        <v>2554538</v>
      </c>
      <c r="CK11" s="328">
        <v>42657421</v>
      </c>
      <c r="CL11" s="330">
        <v>43469729</v>
      </c>
      <c r="CM11" s="326">
        <v>0</v>
      </c>
      <c r="CN11" s="327">
        <v>0</v>
      </c>
      <c r="CO11" s="328">
        <v>0</v>
      </c>
      <c r="CP11" s="332">
        <v>0</v>
      </c>
      <c r="CQ11" s="327">
        <v>10225272</v>
      </c>
      <c r="CR11" s="327">
        <v>9248311</v>
      </c>
      <c r="CS11" s="327">
        <v>6053172</v>
      </c>
      <c r="CT11" s="327">
        <v>3576731</v>
      </c>
      <c r="CU11" s="327">
        <v>2102875</v>
      </c>
      <c r="CV11" s="328">
        <v>31206361</v>
      </c>
      <c r="CW11" s="330">
        <v>31206361</v>
      </c>
      <c r="CX11" s="326">
        <v>184408</v>
      </c>
      <c r="CY11" s="327">
        <v>627900</v>
      </c>
      <c r="CZ11" s="328">
        <v>812308</v>
      </c>
      <c r="DA11" s="326">
        <v>0</v>
      </c>
      <c r="DB11" s="327">
        <v>2915192</v>
      </c>
      <c r="DC11" s="327">
        <v>3352336</v>
      </c>
      <c r="DD11" s="327">
        <v>2733059</v>
      </c>
      <c r="DE11" s="327">
        <v>1998810</v>
      </c>
      <c r="DF11" s="327">
        <v>451663</v>
      </c>
      <c r="DG11" s="328">
        <v>11451060</v>
      </c>
      <c r="DH11" s="330">
        <v>12263368</v>
      </c>
      <c r="DI11" s="326">
        <v>0</v>
      </c>
      <c r="DJ11" s="327">
        <v>79729</v>
      </c>
      <c r="DK11" s="331">
        <v>79729</v>
      </c>
      <c r="DL11" s="332">
        <v>0</v>
      </c>
      <c r="DM11" s="327">
        <v>1023031</v>
      </c>
      <c r="DN11" s="327">
        <v>2197951</v>
      </c>
      <c r="DO11" s="327">
        <v>3724607</v>
      </c>
      <c r="DP11" s="327">
        <v>2181590</v>
      </c>
      <c r="DQ11" s="327">
        <v>1416285</v>
      </c>
      <c r="DR11" s="328">
        <v>10543464</v>
      </c>
      <c r="DS11" s="330">
        <v>10623193</v>
      </c>
      <c r="DT11" s="326">
        <v>0</v>
      </c>
      <c r="DU11" s="327">
        <v>79729</v>
      </c>
      <c r="DV11" s="328">
        <v>79729</v>
      </c>
      <c r="DW11" s="326">
        <v>0</v>
      </c>
      <c r="DX11" s="327">
        <v>870643</v>
      </c>
      <c r="DY11" s="327">
        <v>1695144</v>
      </c>
      <c r="DZ11" s="327">
        <v>2812358</v>
      </c>
      <c r="EA11" s="327">
        <v>1638469</v>
      </c>
      <c r="EB11" s="327">
        <v>1089624</v>
      </c>
      <c r="EC11" s="328">
        <v>8106238</v>
      </c>
      <c r="ED11" s="330">
        <v>8185967</v>
      </c>
      <c r="EE11" s="326">
        <v>0</v>
      </c>
      <c r="EF11" s="331">
        <v>0</v>
      </c>
      <c r="EG11" s="328">
        <v>0</v>
      </c>
      <c r="EH11" s="326">
        <v>0</v>
      </c>
      <c r="EI11" s="327">
        <v>152388</v>
      </c>
      <c r="EJ11" s="327">
        <v>502807</v>
      </c>
      <c r="EK11" s="327">
        <v>912249</v>
      </c>
      <c r="EL11" s="327">
        <v>543121</v>
      </c>
      <c r="EM11" s="327">
        <v>326661</v>
      </c>
      <c r="EN11" s="331">
        <v>2437226</v>
      </c>
      <c r="EO11" s="330">
        <v>2437226</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458828</v>
      </c>
      <c r="FM11" s="327">
        <v>1066059</v>
      </c>
      <c r="FN11" s="328">
        <v>1524887</v>
      </c>
      <c r="FO11" s="326">
        <v>0</v>
      </c>
      <c r="FP11" s="327">
        <v>2652874</v>
      </c>
      <c r="FQ11" s="327">
        <v>5123922</v>
      </c>
      <c r="FR11" s="327">
        <v>3740264</v>
      </c>
      <c r="FS11" s="327">
        <v>3241640</v>
      </c>
      <c r="FT11" s="327">
        <v>2563419</v>
      </c>
      <c r="FU11" s="328">
        <v>17322119</v>
      </c>
      <c r="FV11" s="330">
        <v>18847006</v>
      </c>
      <c r="FW11" s="333">
        <v>427217</v>
      </c>
      <c r="FX11" s="327">
        <v>996849</v>
      </c>
      <c r="FY11" s="331">
        <v>1424066</v>
      </c>
      <c r="FZ11" s="332">
        <v>0</v>
      </c>
      <c r="GA11" s="327">
        <v>2283932</v>
      </c>
      <c r="GB11" s="327">
        <v>4304117</v>
      </c>
      <c r="GC11" s="327">
        <v>3283322</v>
      </c>
      <c r="GD11" s="327">
        <v>3028039</v>
      </c>
      <c r="GE11" s="327">
        <v>2493239</v>
      </c>
      <c r="GF11" s="328">
        <v>15392649</v>
      </c>
      <c r="GG11" s="334">
        <v>16816715</v>
      </c>
      <c r="GH11" s="333">
        <v>31611</v>
      </c>
      <c r="GI11" s="327">
        <v>38500</v>
      </c>
      <c r="GJ11" s="331">
        <v>70111</v>
      </c>
      <c r="GK11" s="332">
        <v>0</v>
      </c>
      <c r="GL11" s="327">
        <v>258342</v>
      </c>
      <c r="GM11" s="327">
        <v>212884</v>
      </c>
      <c r="GN11" s="327">
        <v>294591</v>
      </c>
      <c r="GO11" s="327">
        <v>24601</v>
      </c>
      <c r="GP11" s="327">
        <v>53380</v>
      </c>
      <c r="GQ11" s="328">
        <v>843798</v>
      </c>
      <c r="GR11" s="330">
        <v>913909</v>
      </c>
      <c r="GS11" s="326">
        <v>0</v>
      </c>
      <c r="GT11" s="327">
        <v>30710</v>
      </c>
      <c r="GU11" s="328">
        <v>30710</v>
      </c>
      <c r="GV11" s="326">
        <v>0</v>
      </c>
      <c r="GW11" s="327">
        <v>110600</v>
      </c>
      <c r="GX11" s="327">
        <v>606921</v>
      </c>
      <c r="GY11" s="327">
        <v>162351</v>
      </c>
      <c r="GZ11" s="327">
        <v>189000</v>
      </c>
      <c r="HA11" s="327">
        <v>16800</v>
      </c>
      <c r="HB11" s="331">
        <v>1085672</v>
      </c>
      <c r="HC11" s="330">
        <v>1116382</v>
      </c>
      <c r="HD11" s="326">
        <v>1770729</v>
      </c>
      <c r="HE11" s="327">
        <v>1523821</v>
      </c>
      <c r="HF11" s="331">
        <v>3294550</v>
      </c>
      <c r="HG11" s="332">
        <v>0</v>
      </c>
      <c r="HH11" s="327">
        <v>21634781</v>
      </c>
      <c r="HI11" s="327">
        <v>18891479</v>
      </c>
      <c r="HJ11" s="327">
        <v>16460374</v>
      </c>
      <c r="HK11" s="327">
        <v>19503387</v>
      </c>
      <c r="HL11" s="327">
        <v>13810849</v>
      </c>
      <c r="HM11" s="328">
        <v>90300870</v>
      </c>
      <c r="HN11" s="329">
        <v>93595420</v>
      </c>
      <c r="HO11" s="333">
        <v>0</v>
      </c>
      <c r="HP11" s="327">
        <v>0</v>
      </c>
      <c r="HQ11" s="328">
        <v>0</v>
      </c>
      <c r="HR11" s="326">
        <v>0</v>
      </c>
      <c r="HS11" s="327">
        <v>0</v>
      </c>
      <c r="HT11" s="327">
        <v>0</v>
      </c>
      <c r="HU11" s="327">
        <v>0</v>
      </c>
      <c r="HV11" s="327">
        <v>0</v>
      </c>
      <c r="HW11" s="327">
        <v>0</v>
      </c>
      <c r="HX11" s="331">
        <v>0</v>
      </c>
      <c r="HY11" s="330">
        <v>0</v>
      </c>
      <c r="HZ11" s="335">
        <v>40936</v>
      </c>
      <c r="IA11" s="336">
        <v>430960</v>
      </c>
      <c r="IB11" s="337">
        <v>471896</v>
      </c>
      <c r="IC11" s="338">
        <v>0</v>
      </c>
      <c r="ID11" s="336">
        <v>10541358</v>
      </c>
      <c r="IE11" s="339">
        <v>13375689</v>
      </c>
      <c r="IF11" s="337">
        <v>15939480</v>
      </c>
      <c r="IG11" s="336">
        <v>11092454</v>
      </c>
      <c r="IH11" s="337">
        <v>11656654</v>
      </c>
      <c r="II11" s="340">
        <v>62605635</v>
      </c>
      <c r="IJ11" s="341">
        <v>63077531</v>
      </c>
      <c r="IK11" s="342">
        <v>0</v>
      </c>
      <c r="IL11" s="343">
        <v>0</v>
      </c>
      <c r="IM11" s="344">
        <v>0</v>
      </c>
      <c r="IN11" s="404">
        <v>0</v>
      </c>
      <c r="IO11" s="345">
        <v>250213</v>
      </c>
      <c r="IP11" s="345">
        <v>575272</v>
      </c>
      <c r="IQ11" s="345">
        <v>962098</v>
      </c>
      <c r="IR11" s="345">
        <v>1234368</v>
      </c>
      <c r="IS11" s="345">
        <v>1208214</v>
      </c>
      <c r="IT11" s="346">
        <v>4230165</v>
      </c>
      <c r="IU11" s="347">
        <v>4230165</v>
      </c>
      <c r="IV11" s="348">
        <v>0</v>
      </c>
      <c r="IW11" s="345">
        <v>0</v>
      </c>
      <c r="IX11" s="349">
        <v>0</v>
      </c>
      <c r="IY11" s="404">
        <v>0</v>
      </c>
      <c r="IZ11" s="345">
        <v>77220</v>
      </c>
      <c r="JA11" s="345">
        <v>105840</v>
      </c>
      <c r="JB11" s="345">
        <v>107684</v>
      </c>
      <c r="JC11" s="345">
        <v>72869</v>
      </c>
      <c r="JD11" s="345">
        <v>324579</v>
      </c>
      <c r="JE11" s="349">
        <v>688192</v>
      </c>
      <c r="JF11" s="350">
        <v>688192</v>
      </c>
      <c r="JG11" s="348">
        <v>0</v>
      </c>
      <c r="JH11" s="345">
        <v>0</v>
      </c>
      <c r="JI11" s="346">
        <v>0</v>
      </c>
      <c r="JJ11" s="351">
        <v>0</v>
      </c>
      <c r="JK11" s="345">
        <v>4473616</v>
      </c>
      <c r="JL11" s="345">
        <v>4051226</v>
      </c>
      <c r="JM11" s="345">
        <v>2421700</v>
      </c>
      <c r="JN11" s="345">
        <v>1476700</v>
      </c>
      <c r="JO11" s="345">
        <v>1181113</v>
      </c>
      <c r="JP11" s="349">
        <v>13604355</v>
      </c>
      <c r="JQ11" s="347">
        <v>13604355</v>
      </c>
      <c r="JR11" s="348">
        <v>0</v>
      </c>
      <c r="JS11" s="345">
        <v>0</v>
      </c>
      <c r="JT11" s="346">
        <v>0</v>
      </c>
      <c r="JU11" s="351">
        <v>0</v>
      </c>
      <c r="JV11" s="345">
        <v>757899</v>
      </c>
      <c r="JW11" s="345">
        <v>1837420</v>
      </c>
      <c r="JX11" s="345">
        <v>2088416</v>
      </c>
      <c r="JY11" s="345">
        <v>100362</v>
      </c>
      <c r="JZ11" s="345">
        <v>603991</v>
      </c>
      <c r="KA11" s="349">
        <v>5388088</v>
      </c>
      <c r="KB11" s="347">
        <v>5388088</v>
      </c>
      <c r="KC11" s="352">
        <v>40936</v>
      </c>
      <c r="KD11" s="353">
        <v>430960</v>
      </c>
      <c r="KE11" s="349">
        <v>471896</v>
      </c>
      <c r="KF11" s="351">
        <v>0</v>
      </c>
      <c r="KG11" s="345">
        <v>957414</v>
      </c>
      <c r="KH11" s="345">
        <v>873649</v>
      </c>
      <c r="KI11" s="345">
        <v>2141016</v>
      </c>
      <c r="KJ11" s="345">
        <v>786128</v>
      </c>
      <c r="KK11" s="345">
        <v>771667</v>
      </c>
      <c r="KL11" s="349">
        <v>5529874</v>
      </c>
      <c r="KM11" s="354">
        <v>6001770</v>
      </c>
      <c r="KN11" s="342">
        <v>0</v>
      </c>
      <c r="KO11" s="343">
        <v>0</v>
      </c>
      <c r="KP11" s="344">
        <v>0</v>
      </c>
      <c r="KQ11" s="404">
        <v>0</v>
      </c>
      <c r="KR11" s="345">
        <v>3417813</v>
      </c>
      <c r="KS11" s="345">
        <v>5155663</v>
      </c>
      <c r="KT11" s="345">
        <v>5921159</v>
      </c>
      <c r="KU11" s="345">
        <v>4534802</v>
      </c>
      <c r="KV11" s="345">
        <v>4146880</v>
      </c>
      <c r="KW11" s="349">
        <v>23176317</v>
      </c>
      <c r="KX11" s="347">
        <v>23176317</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21209</v>
      </c>
      <c r="LP11" s="345">
        <v>724518</v>
      </c>
      <c r="LQ11" s="345">
        <v>1504614</v>
      </c>
      <c r="LR11" s="345">
        <v>847747</v>
      </c>
      <c r="LS11" s="349">
        <v>3298088</v>
      </c>
      <c r="LT11" s="347">
        <v>3298088</v>
      </c>
      <c r="LU11" s="348">
        <v>0</v>
      </c>
      <c r="LV11" s="345">
        <v>0</v>
      </c>
      <c r="LW11" s="349">
        <v>0</v>
      </c>
      <c r="LX11" s="404">
        <v>0</v>
      </c>
      <c r="LY11" s="345">
        <v>607183</v>
      </c>
      <c r="LZ11" s="345">
        <v>555410</v>
      </c>
      <c r="MA11" s="345">
        <v>1572889</v>
      </c>
      <c r="MB11" s="345">
        <v>1382611</v>
      </c>
      <c r="MC11" s="345">
        <v>2572463</v>
      </c>
      <c r="MD11" s="349">
        <v>6690556</v>
      </c>
      <c r="ME11" s="350">
        <v>6690556</v>
      </c>
      <c r="MF11" s="348">
        <v>0</v>
      </c>
      <c r="MG11" s="345">
        <v>0</v>
      </c>
      <c r="MH11" s="349">
        <v>0</v>
      </c>
      <c r="MI11" s="404">
        <v>0</v>
      </c>
      <c r="MJ11" s="345">
        <v>1737364</v>
      </c>
      <c r="MK11" s="345">
        <v>4990304</v>
      </c>
      <c r="ML11" s="345">
        <v>11498259</v>
      </c>
      <c r="MM11" s="345">
        <v>23465829</v>
      </c>
      <c r="MN11" s="345">
        <v>14514209</v>
      </c>
      <c r="MO11" s="349">
        <v>56205965</v>
      </c>
      <c r="MP11" s="354">
        <v>56205965</v>
      </c>
      <c r="MQ11" s="348">
        <v>0</v>
      </c>
      <c r="MR11" s="345">
        <v>0</v>
      </c>
      <c r="MS11" s="349">
        <v>0</v>
      </c>
      <c r="MT11" s="404">
        <v>0</v>
      </c>
      <c r="MU11" s="345">
        <v>321673</v>
      </c>
      <c r="MV11" s="345">
        <v>988013</v>
      </c>
      <c r="MW11" s="345">
        <v>6604609</v>
      </c>
      <c r="MX11" s="345">
        <v>11368685</v>
      </c>
      <c r="MY11" s="345">
        <v>9657733</v>
      </c>
      <c r="MZ11" s="349">
        <v>28940713</v>
      </c>
      <c r="NA11" s="354">
        <v>28940713</v>
      </c>
      <c r="NB11" s="348">
        <v>0</v>
      </c>
      <c r="NC11" s="345">
        <v>0</v>
      </c>
      <c r="ND11" s="349">
        <v>0</v>
      </c>
      <c r="NE11" s="404">
        <v>0</v>
      </c>
      <c r="NF11" s="345">
        <v>1415691</v>
      </c>
      <c r="NG11" s="345">
        <v>3739424</v>
      </c>
      <c r="NH11" s="345">
        <v>4893650</v>
      </c>
      <c r="NI11" s="345">
        <v>11913586</v>
      </c>
      <c r="NJ11" s="345">
        <v>4540028</v>
      </c>
      <c r="NK11" s="349">
        <v>26502379</v>
      </c>
      <c r="NL11" s="347">
        <v>26502379</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262867</v>
      </c>
      <c r="OD11" s="345">
        <v>0</v>
      </c>
      <c r="OE11" s="345">
        <v>183558</v>
      </c>
      <c r="OF11" s="345">
        <v>316448</v>
      </c>
      <c r="OG11" s="349">
        <v>762873</v>
      </c>
      <c r="OH11" s="350">
        <v>762873</v>
      </c>
      <c r="OI11" s="348">
        <v>3702595</v>
      </c>
      <c r="OJ11" s="345">
        <v>6246322</v>
      </c>
      <c r="OK11" s="346">
        <v>9948917</v>
      </c>
      <c r="OL11" s="351">
        <v>0</v>
      </c>
      <c r="OM11" s="345">
        <v>70183496</v>
      </c>
      <c r="ON11" s="345">
        <v>76563979</v>
      </c>
      <c r="OO11" s="345">
        <v>76438395</v>
      </c>
      <c r="OP11" s="345">
        <v>85000562</v>
      </c>
      <c r="OQ11" s="345">
        <v>66439212</v>
      </c>
      <c r="OR11" s="349">
        <v>374625644</v>
      </c>
      <c r="OS11" s="354">
        <v>384574561</v>
      </c>
    </row>
    <row r="12" spans="2:409" s="70" customFormat="1" ht="21" customHeight="1" x14ac:dyDescent="0.2">
      <c r="B12" s="106" t="s">
        <v>14</v>
      </c>
      <c r="C12" s="326">
        <v>1198409</v>
      </c>
      <c r="D12" s="327">
        <v>2614102</v>
      </c>
      <c r="E12" s="328">
        <v>3812511</v>
      </c>
      <c r="F12" s="329">
        <v>0</v>
      </c>
      <c r="G12" s="327">
        <v>12803410</v>
      </c>
      <c r="H12" s="327">
        <v>23871703</v>
      </c>
      <c r="I12" s="327">
        <v>19919946</v>
      </c>
      <c r="J12" s="327">
        <v>15833354</v>
      </c>
      <c r="K12" s="327">
        <v>13814588</v>
      </c>
      <c r="L12" s="331">
        <v>86243001</v>
      </c>
      <c r="M12" s="330">
        <v>90055512</v>
      </c>
      <c r="N12" s="326">
        <v>224866</v>
      </c>
      <c r="O12" s="327">
        <v>641318</v>
      </c>
      <c r="P12" s="328">
        <v>866184</v>
      </c>
      <c r="Q12" s="326">
        <v>0</v>
      </c>
      <c r="R12" s="327">
        <v>3797184</v>
      </c>
      <c r="S12" s="327">
        <v>8404245</v>
      </c>
      <c r="T12" s="327">
        <v>6385373</v>
      </c>
      <c r="U12" s="327">
        <v>4842849</v>
      </c>
      <c r="V12" s="327">
        <v>6803245</v>
      </c>
      <c r="W12" s="328">
        <v>30232896</v>
      </c>
      <c r="X12" s="330">
        <v>31099080</v>
      </c>
      <c r="Y12" s="326">
        <v>0</v>
      </c>
      <c r="Z12" s="327">
        <v>0</v>
      </c>
      <c r="AA12" s="328">
        <v>0</v>
      </c>
      <c r="AB12" s="326">
        <v>0</v>
      </c>
      <c r="AC12" s="327">
        <v>1732002</v>
      </c>
      <c r="AD12" s="327">
        <v>4218789</v>
      </c>
      <c r="AE12" s="327">
        <v>3385178</v>
      </c>
      <c r="AF12" s="327">
        <v>2013333</v>
      </c>
      <c r="AG12" s="327">
        <v>4065893</v>
      </c>
      <c r="AH12" s="328">
        <v>15415195</v>
      </c>
      <c r="AI12" s="330">
        <v>15415195</v>
      </c>
      <c r="AJ12" s="326">
        <v>0</v>
      </c>
      <c r="AK12" s="327">
        <v>0</v>
      </c>
      <c r="AL12" s="328">
        <v>0</v>
      </c>
      <c r="AM12" s="326">
        <v>0</v>
      </c>
      <c r="AN12" s="327">
        <v>22680</v>
      </c>
      <c r="AO12" s="327">
        <v>96244</v>
      </c>
      <c r="AP12" s="327">
        <v>213987</v>
      </c>
      <c r="AQ12" s="327">
        <v>612730</v>
      </c>
      <c r="AR12" s="327">
        <v>593580</v>
      </c>
      <c r="AS12" s="328">
        <v>1539221</v>
      </c>
      <c r="AT12" s="330">
        <v>1539221</v>
      </c>
      <c r="AU12" s="326">
        <v>119075</v>
      </c>
      <c r="AV12" s="327">
        <v>389691</v>
      </c>
      <c r="AW12" s="328">
        <v>508766</v>
      </c>
      <c r="AX12" s="326">
        <v>0</v>
      </c>
      <c r="AY12" s="327">
        <v>1151528</v>
      </c>
      <c r="AZ12" s="327">
        <v>2565477</v>
      </c>
      <c r="BA12" s="327">
        <v>1514696</v>
      </c>
      <c r="BB12" s="327">
        <v>1189088</v>
      </c>
      <c r="BC12" s="327">
        <v>1334803</v>
      </c>
      <c r="BD12" s="328">
        <v>7755592</v>
      </c>
      <c r="BE12" s="330">
        <v>8264358</v>
      </c>
      <c r="BF12" s="326">
        <v>0</v>
      </c>
      <c r="BG12" s="327">
        <v>49068</v>
      </c>
      <c r="BH12" s="331">
        <v>49068</v>
      </c>
      <c r="BI12" s="332">
        <v>0</v>
      </c>
      <c r="BJ12" s="327">
        <v>22855</v>
      </c>
      <c r="BK12" s="327">
        <v>178454</v>
      </c>
      <c r="BL12" s="327">
        <v>65664</v>
      </c>
      <c r="BM12" s="327">
        <v>0</v>
      </c>
      <c r="BN12" s="327">
        <v>14616</v>
      </c>
      <c r="BO12" s="328">
        <v>281589</v>
      </c>
      <c r="BP12" s="330">
        <v>330657</v>
      </c>
      <c r="BQ12" s="326">
        <v>105791</v>
      </c>
      <c r="BR12" s="327">
        <v>202559</v>
      </c>
      <c r="BS12" s="328">
        <v>308350</v>
      </c>
      <c r="BT12" s="326">
        <v>0</v>
      </c>
      <c r="BU12" s="327">
        <v>868119</v>
      </c>
      <c r="BV12" s="327">
        <v>1345281</v>
      </c>
      <c r="BW12" s="327">
        <v>1205848</v>
      </c>
      <c r="BX12" s="327">
        <v>1027698</v>
      </c>
      <c r="BY12" s="327">
        <v>794353</v>
      </c>
      <c r="BZ12" s="328">
        <v>5241299</v>
      </c>
      <c r="CA12" s="330">
        <v>5549649</v>
      </c>
      <c r="CB12" s="326">
        <v>163155</v>
      </c>
      <c r="CC12" s="327">
        <v>303810</v>
      </c>
      <c r="CD12" s="328">
        <v>466965</v>
      </c>
      <c r="CE12" s="326">
        <v>0</v>
      </c>
      <c r="CF12" s="327">
        <v>4103494</v>
      </c>
      <c r="CG12" s="327">
        <v>7284553</v>
      </c>
      <c r="CH12" s="327">
        <v>5292852</v>
      </c>
      <c r="CI12" s="327">
        <v>2297793</v>
      </c>
      <c r="CJ12" s="327">
        <v>1633991</v>
      </c>
      <c r="CK12" s="328">
        <v>20612683</v>
      </c>
      <c r="CL12" s="330">
        <v>21079648</v>
      </c>
      <c r="CM12" s="326">
        <v>0</v>
      </c>
      <c r="CN12" s="327">
        <v>0</v>
      </c>
      <c r="CO12" s="328">
        <v>0</v>
      </c>
      <c r="CP12" s="332">
        <v>0</v>
      </c>
      <c r="CQ12" s="327">
        <v>3779390</v>
      </c>
      <c r="CR12" s="327">
        <v>6280384</v>
      </c>
      <c r="CS12" s="327">
        <v>4363964</v>
      </c>
      <c r="CT12" s="327">
        <v>1469678</v>
      </c>
      <c r="CU12" s="327">
        <v>1507393</v>
      </c>
      <c r="CV12" s="328">
        <v>17400809</v>
      </c>
      <c r="CW12" s="330">
        <v>17400809</v>
      </c>
      <c r="CX12" s="326">
        <v>163155</v>
      </c>
      <c r="CY12" s="327">
        <v>303810</v>
      </c>
      <c r="CZ12" s="328">
        <v>466965</v>
      </c>
      <c r="DA12" s="326">
        <v>0</v>
      </c>
      <c r="DB12" s="327">
        <v>324104</v>
      </c>
      <c r="DC12" s="327">
        <v>1004169</v>
      </c>
      <c r="DD12" s="327">
        <v>928888</v>
      </c>
      <c r="DE12" s="327">
        <v>828115</v>
      </c>
      <c r="DF12" s="327">
        <v>126598</v>
      </c>
      <c r="DG12" s="328">
        <v>3211874</v>
      </c>
      <c r="DH12" s="330">
        <v>3678839</v>
      </c>
      <c r="DI12" s="326">
        <v>0</v>
      </c>
      <c r="DJ12" s="327">
        <v>0</v>
      </c>
      <c r="DK12" s="331">
        <v>0</v>
      </c>
      <c r="DL12" s="332">
        <v>0</v>
      </c>
      <c r="DM12" s="327">
        <v>454105</v>
      </c>
      <c r="DN12" s="327">
        <v>795355</v>
      </c>
      <c r="DO12" s="327">
        <v>1452953</v>
      </c>
      <c r="DP12" s="327">
        <v>1265889</v>
      </c>
      <c r="DQ12" s="327">
        <v>961444</v>
      </c>
      <c r="DR12" s="328">
        <v>4929746</v>
      </c>
      <c r="DS12" s="330">
        <v>4929746</v>
      </c>
      <c r="DT12" s="326">
        <v>0</v>
      </c>
      <c r="DU12" s="327">
        <v>0</v>
      </c>
      <c r="DV12" s="328">
        <v>0</v>
      </c>
      <c r="DW12" s="326">
        <v>0</v>
      </c>
      <c r="DX12" s="327">
        <v>426387</v>
      </c>
      <c r="DY12" s="327">
        <v>795355</v>
      </c>
      <c r="DZ12" s="327">
        <v>1452953</v>
      </c>
      <c r="EA12" s="327">
        <v>1265889</v>
      </c>
      <c r="EB12" s="327">
        <v>938049</v>
      </c>
      <c r="EC12" s="328">
        <v>4878633</v>
      </c>
      <c r="ED12" s="330">
        <v>4878633</v>
      </c>
      <c r="EE12" s="326">
        <v>0</v>
      </c>
      <c r="EF12" s="331">
        <v>0</v>
      </c>
      <c r="EG12" s="328">
        <v>0</v>
      </c>
      <c r="EH12" s="326">
        <v>0</v>
      </c>
      <c r="EI12" s="327">
        <v>27718</v>
      </c>
      <c r="EJ12" s="327">
        <v>0</v>
      </c>
      <c r="EK12" s="327">
        <v>0</v>
      </c>
      <c r="EL12" s="327">
        <v>0</v>
      </c>
      <c r="EM12" s="327">
        <v>23395</v>
      </c>
      <c r="EN12" s="331">
        <v>51113</v>
      </c>
      <c r="EO12" s="330">
        <v>51113</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419097</v>
      </c>
      <c r="FM12" s="327">
        <v>1089757</v>
      </c>
      <c r="FN12" s="328">
        <v>1508854</v>
      </c>
      <c r="FO12" s="326">
        <v>0</v>
      </c>
      <c r="FP12" s="327">
        <v>748135</v>
      </c>
      <c r="FQ12" s="327">
        <v>2538872</v>
      </c>
      <c r="FR12" s="327">
        <v>1741841</v>
      </c>
      <c r="FS12" s="327">
        <v>1383978</v>
      </c>
      <c r="FT12" s="327">
        <v>1069498</v>
      </c>
      <c r="FU12" s="328">
        <v>7482324</v>
      </c>
      <c r="FV12" s="330">
        <v>8991178</v>
      </c>
      <c r="FW12" s="333">
        <v>209097</v>
      </c>
      <c r="FX12" s="327">
        <v>634494</v>
      </c>
      <c r="FY12" s="331">
        <v>843591</v>
      </c>
      <c r="FZ12" s="332">
        <v>0</v>
      </c>
      <c r="GA12" s="327">
        <v>537222</v>
      </c>
      <c r="GB12" s="327">
        <v>2455544</v>
      </c>
      <c r="GC12" s="327">
        <v>1630349</v>
      </c>
      <c r="GD12" s="327">
        <v>1099574</v>
      </c>
      <c r="GE12" s="327">
        <v>1050441</v>
      </c>
      <c r="GF12" s="328">
        <v>6773130</v>
      </c>
      <c r="GG12" s="334">
        <v>7616721</v>
      </c>
      <c r="GH12" s="333">
        <v>82950</v>
      </c>
      <c r="GI12" s="327">
        <v>120103</v>
      </c>
      <c r="GJ12" s="331">
        <v>203053</v>
      </c>
      <c r="GK12" s="332">
        <v>0</v>
      </c>
      <c r="GL12" s="327">
        <v>36785</v>
      </c>
      <c r="GM12" s="327">
        <v>83328</v>
      </c>
      <c r="GN12" s="327">
        <v>96092</v>
      </c>
      <c r="GO12" s="327">
        <v>12874</v>
      </c>
      <c r="GP12" s="327">
        <v>19057</v>
      </c>
      <c r="GQ12" s="328">
        <v>248136</v>
      </c>
      <c r="GR12" s="330">
        <v>451189</v>
      </c>
      <c r="GS12" s="326">
        <v>127050</v>
      </c>
      <c r="GT12" s="327">
        <v>335160</v>
      </c>
      <c r="GU12" s="328">
        <v>462210</v>
      </c>
      <c r="GV12" s="326">
        <v>0</v>
      </c>
      <c r="GW12" s="327">
        <v>174128</v>
      </c>
      <c r="GX12" s="327">
        <v>0</v>
      </c>
      <c r="GY12" s="327">
        <v>15400</v>
      </c>
      <c r="GZ12" s="327">
        <v>271530</v>
      </c>
      <c r="HA12" s="327">
        <v>0</v>
      </c>
      <c r="HB12" s="331">
        <v>461058</v>
      </c>
      <c r="HC12" s="330">
        <v>923268</v>
      </c>
      <c r="HD12" s="326">
        <v>391291</v>
      </c>
      <c r="HE12" s="327">
        <v>579217</v>
      </c>
      <c r="HF12" s="331">
        <v>970508</v>
      </c>
      <c r="HG12" s="332">
        <v>0</v>
      </c>
      <c r="HH12" s="327">
        <v>3700492</v>
      </c>
      <c r="HI12" s="327">
        <v>4848678</v>
      </c>
      <c r="HJ12" s="327">
        <v>5046927</v>
      </c>
      <c r="HK12" s="327">
        <v>6042845</v>
      </c>
      <c r="HL12" s="327">
        <v>3346410</v>
      </c>
      <c r="HM12" s="328">
        <v>22985352</v>
      </c>
      <c r="HN12" s="329">
        <v>23955860</v>
      </c>
      <c r="HO12" s="333">
        <v>0</v>
      </c>
      <c r="HP12" s="327">
        <v>0</v>
      </c>
      <c r="HQ12" s="328">
        <v>0</v>
      </c>
      <c r="HR12" s="326">
        <v>0</v>
      </c>
      <c r="HS12" s="327">
        <v>0</v>
      </c>
      <c r="HT12" s="327">
        <v>0</v>
      </c>
      <c r="HU12" s="327">
        <v>0</v>
      </c>
      <c r="HV12" s="327">
        <v>0</v>
      </c>
      <c r="HW12" s="327">
        <v>0</v>
      </c>
      <c r="HX12" s="331">
        <v>0</v>
      </c>
      <c r="HY12" s="330">
        <v>0</v>
      </c>
      <c r="HZ12" s="335">
        <v>69611</v>
      </c>
      <c r="IA12" s="336">
        <v>0</v>
      </c>
      <c r="IB12" s="337">
        <v>69611</v>
      </c>
      <c r="IC12" s="355">
        <v>0</v>
      </c>
      <c r="ID12" s="356">
        <v>2825818</v>
      </c>
      <c r="IE12" s="357">
        <v>5924906</v>
      </c>
      <c r="IF12" s="358">
        <v>6831283</v>
      </c>
      <c r="IG12" s="356">
        <v>3585822</v>
      </c>
      <c r="IH12" s="358">
        <v>2521072</v>
      </c>
      <c r="II12" s="359">
        <v>21688901</v>
      </c>
      <c r="IJ12" s="341">
        <v>21758512</v>
      </c>
      <c r="IK12" s="342">
        <v>0</v>
      </c>
      <c r="IL12" s="343">
        <v>0</v>
      </c>
      <c r="IM12" s="344">
        <v>0</v>
      </c>
      <c r="IN12" s="404">
        <v>0</v>
      </c>
      <c r="IO12" s="345">
        <v>-130300</v>
      </c>
      <c r="IP12" s="345">
        <v>588212</v>
      </c>
      <c r="IQ12" s="345">
        <v>0</v>
      </c>
      <c r="IR12" s="345">
        <v>195201</v>
      </c>
      <c r="IS12" s="345">
        <v>342591</v>
      </c>
      <c r="IT12" s="346">
        <v>995704</v>
      </c>
      <c r="IU12" s="347">
        <v>995704</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651338</v>
      </c>
      <c r="JL12" s="345">
        <v>2253464</v>
      </c>
      <c r="JM12" s="345">
        <v>1398479</v>
      </c>
      <c r="JN12" s="345">
        <v>528222</v>
      </c>
      <c r="JO12" s="345">
        <v>67626</v>
      </c>
      <c r="JP12" s="349">
        <v>5899129</v>
      </c>
      <c r="JQ12" s="347">
        <v>5899129</v>
      </c>
      <c r="JR12" s="348">
        <v>0</v>
      </c>
      <c r="JS12" s="345">
        <v>0</v>
      </c>
      <c r="JT12" s="346">
        <v>0</v>
      </c>
      <c r="JU12" s="351">
        <v>0</v>
      </c>
      <c r="JV12" s="345">
        <v>0</v>
      </c>
      <c r="JW12" s="345">
        <v>115593</v>
      </c>
      <c r="JX12" s="345">
        <v>0</v>
      </c>
      <c r="JY12" s="345">
        <v>37645</v>
      </c>
      <c r="JZ12" s="345">
        <v>0</v>
      </c>
      <c r="KA12" s="349">
        <v>153238</v>
      </c>
      <c r="KB12" s="347">
        <v>153238</v>
      </c>
      <c r="KC12" s="352">
        <v>69611</v>
      </c>
      <c r="KD12" s="353">
        <v>0</v>
      </c>
      <c r="KE12" s="349">
        <v>69611</v>
      </c>
      <c r="KF12" s="351">
        <v>0</v>
      </c>
      <c r="KG12" s="345">
        <v>415750</v>
      </c>
      <c r="KH12" s="345">
        <v>870467</v>
      </c>
      <c r="KI12" s="345">
        <v>1543241</v>
      </c>
      <c r="KJ12" s="345">
        <v>422527</v>
      </c>
      <c r="KK12" s="345">
        <v>515212</v>
      </c>
      <c r="KL12" s="349">
        <v>3767197</v>
      </c>
      <c r="KM12" s="354">
        <v>3836808</v>
      </c>
      <c r="KN12" s="342">
        <v>0</v>
      </c>
      <c r="KO12" s="343">
        <v>0</v>
      </c>
      <c r="KP12" s="344">
        <v>0</v>
      </c>
      <c r="KQ12" s="404">
        <v>0</v>
      </c>
      <c r="KR12" s="345">
        <v>889030</v>
      </c>
      <c r="KS12" s="345">
        <v>1520785</v>
      </c>
      <c r="KT12" s="345">
        <v>3416877</v>
      </c>
      <c r="KU12" s="345">
        <v>1435436</v>
      </c>
      <c r="KV12" s="345">
        <v>1278367</v>
      </c>
      <c r="KW12" s="349">
        <v>8540495</v>
      </c>
      <c r="KX12" s="347">
        <v>8540495</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701697</v>
      </c>
      <c r="LR12" s="345">
        <v>0</v>
      </c>
      <c r="LS12" s="349">
        <v>701697</v>
      </c>
      <c r="LT12" s="347">
        <v>701697</v>
      </c>
      <c r="LU12" s="348">
        <v>0</v>
      </c>
      <c r="LV12" s="345">
        <v>0</v>
      </c>
      <c r="LW12" s="349">
        <v>0</v>
      </c>
      <c r="LX12" s="404">
        <v>0</v>
      </c>
      <c r="LY12" s="345">
        <v>0</v>
      </c>
      <c r="LZ12" s="345">
        <v>576385</v>
      </c>
      <c r="MA12" s="345">
        <v>472686</v>
      </c>
      <c r="MB12" s="345">
        <v>265094</v>
      </c>
      <c r="MC12" s="345">
        <v>317276</v>
      </c>
      <c r="MD12" s="349">
        <v>1631441</v>
      </c>
      <c r="ME12" s="350">
        <v>1631441</v>
      </c>
      <c r="MF12" s="348">
        <v>0</v>
      </c>
      <c r="MG12" s="345">
        <v>0</v>
      </c>
      <c r="MH12" s="349">
        <v>0</v>
      </c>
      <c r="MI12" s="404">
        <v>0</v>
      </c>
      <c r="MJ12" s="345">
        <v>248608</v>
      </c>
      <c r="MK12" s="345">
        <v>2224818</v>
      </c>
      <c r="ML12" s="345">
        <v>7131062</v>
      </c>
      <c r="MM12" s="345">
        <v>14270034</v>
      </c>
      <c r="MN12" s="345">
        <v>8617780</v>
      </c>
      <c r="MO12" s="349">
        <v>32492302</v>
      </c>
      <c r="MP12" s="354">
        <v>32492302</v>
      </c>
      <c r="MQ12" s="348">
        <v>0</v>
      </c>
      <c r="MR12" s="345">
        <v>0</v>
      </c>
      <c r="MS12" s="349">
        <v>0</v>
      </c>
      <c r="MT12" s="404">
        <v>0</v>
      </c>
      <c r="MU12" s="345">
        <v>0</v>
      </c>
      <c r="MV12" s="345">
        <v>0</v>
      </c>
      <c r="MW12" s="345">
        <v>4888672</v>
      </c>
      <c r="MX12" s="345">
        <v>9733153</v>
      </c>
      <c r="MY12" s="345">
        <v>6601036</v>
      </c>
      <c r="MZ12" s="349">
        <v>21222861</v>
      </c>
      <c r="NA12" s="354">
        <v>21222861</v>
      </c>
      <c r="NB12" s="348">
        <v>0</v>
      </c>
      <c r="NC12" s="345">
        <v>0</v>
      </c>
      <c r="ND12" s="349">
        <v>0</v>
      </c>
      <c r="NE12" s="404">
        <v>0</v>
      </c>
      <c r="NF12" s="345">
        <v>248608</v>
      </c>
      <c r="NG12" s="345">
        <v>2224818</v>
      </c>
      <c r="NH12" s="345">
        <v>1964435</v>
      </c>
      <c r="NI12" s="345">
        <v>4240702</v>
      </c>
      <c r="NJ12" s="345">
        <v>1038896</v>
      </c>
      <c r="NK12" s="349">
        <v>9717459</v>
      </c>
      <c r="NL12" s="347">
        <v>9717459</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277955</v>
      </c>
      <c r="OE12" s="345">
        <v>296179</v>
      </c>
      <c r="OF12" s="345">
        <v>977848</v>
      </c>
      <c r="OG12" s="349">
        <v>1551982</v>
      </c>
      <c r="OH12" s="350">
        <v>1551982</v>
      </c>
      <c r="OI12" s="348">
        <v>1268020</v>
      </c>
      <c r="OJ12" s="345">
        <v>2614102</v>
      </c>
      <c r="OK12" s="346">
        <v>3882122</v>
      </c>
      <c r="OL12" s="351">
        <v>0</v>
      </c>
      <c r="OM12" s="345">
        <v>15877836</v>
      </c>
      <c r="ON12" s="345">
        <v>32021427</v>
      </c>
      <c r="OO12" s="345">
        <v>33882291</v>
      </c>
      <c r="OP12" s="345">
        <v>33689210</v>
      </c>
      <c r="OQ12" s="345">
        <v>24953440</v>
      </c>
      <c r="OR12" s="349">
        <v>140424204</v>
      </c>
      <c r="OS12" s="354">
        <v>144306326</v>
      </c>
    </row>
    <row r="13" spans="2:409" s="70" customFormat="1" ht="21" customHeight="1" x14ac:dyDescent="0.2">
      <c r="B13" s="106" t="s">
        <v>7</v>
      </c>
      <c r="C13" s="326">
        <v>1226129</v>
      </c>
      <c r="D13" s="327">
        <v>820768</v>
      </c>
      <c r="E13" s="328">
        <v>2046897</v>
      </c>
      <c r="F13" s="329">
        <v>0</v>
      </c>
      <c r="G13" s="327">
        <v>12002577</v>
      </c>
      <c r="H13" s="327">
        <v>10711135</v>
      </c>
      <c r="I13" s="327">
        <v>7691486</v>
      </c>
      <c r="J13" s="327">
        <v>11181448</v>
      </c>
      <c r="K13" s="327">
        <v>5542038</v>
      </c>
      <c r="L13" s="329">
        <v>47128684</v>
      </c>
      <c r="M13" s="330">
        <v>49175581</v>
      </c>
      <c r="N13" s="326">
        <v>262349</v>
      </c>
      <c r="O13" s="327">
        <v>196171</v>
      </c>
      <c r="P13" s="328">
        <v>458520</v>
      </c>
      <c r="Q13" s="326">
        <v>0</v>
      </c>
      <c r="R13" s="327">
        <v>3083390</v>
      </c>
      <c r="S13" s="327">
        <v>2607198</v>
      </c>
      <c r="T13" s="327">
        <v>2603160</v>
      </c>
      <c r="U13" s="327">
        <v>4428935</v>
      </c>
      <c r="V13" s="327">
        <v>2140568</v>
      </c>
      <c r="W13" s="328">
        <v>14863251</v>
      </c>
      <c r="X13" s="330">
        <v>15321771</v>
      </c>
      <c r="Y13" s="326">
        <v>0</v>
      </c>
      <c r="Z13" s="327">
        <v>0</v>
      </c>
      <c r="AA13" s="328">
        <v>0</v>
      </c>
      <c r="AB13" s="326">
        <v>0</v>
      </c>
      <c r="AC13" s="327">
        <v>1348299</v>
      </c>
      <c r="AD13" s="327">
        <v>1099308</v>
      </c>
      <c r="AE13" s="327">
        <v>1506245</v>
      </c>
      <c r="AF13" s="327">
        <v>2568557</v>
      </c>
      <c r="AG13" s="327">
        <v>432112</v>
      </c>
      <c r="AH13" s="328">
        <v>6954521</v>
      </c>
      <c r="AI13" s="330">
        <v>6954521</v>
      </c>
      <c r="AJ13" s="326">
        <v>0</v>
      </c>
      <c r="AK13" s="327">
        <v>0</v>
      </c>
      <c r="AL13" s="328">
        <v>0</v>
      </c>
      <c r="AM13" s="326">
        <v>0</v>
      </c>
      <c r="AN13" s="327">
        <v>0</v>
      </c>
      <c r="AO13" s="327">
        <v>0</v>
      </c>
      <c r="AP13" s="327">
        <v>33189</v>
      </c>
      <c r="AQ13" s="327">
        <v>297789</v>
      </c>
      <c r="AR13" s="327">
        <v>603133</v>
      </c>
      <c r="AS13" s="328">
        <v>934111</v>
      </c>
      <c r="AT13" s="330">
        <v>934111</v>
      </c>
      <c r="AU13" s="326">
        <v>0</v>
      </c>
      <c r="AV13" s="327">
        <v>97863</v>
      </c>
      <c r="AW13" s="328">
        <v>97863</v>
      </c>
      <c r="AX13" s="326">
        <v>0</v>
      </c>
      <c r="AY13" s="327">
        <v>838282</v>
      </c>
      <c r="AZ13" s="327">
        <v>810568</v>
      </c>
      <c r="BA13" s="327">
        <v>642694</v>
      </c>
      <c r="BB13" s="327">
        <v>797354</v>
      </c>
      <c r="BC13" s="327">
        <v>728177</v>
      </c>
      <c r="BD13" s="328">
        <v>3817075</v>
      </c>
      <c r="BE13" s="330">
        <v>3914938</v>
      </c>
      <c r="BF13" s="326">
        <v>18147</v>
      </c>
      <c r="BG13" s="327">
        <v>0</v>
      </c>
      <c r="BH13" s="331">
        <v>18147</v>
      </c>
      <c r="BI13" s="332">
        <v>0</v>
      </c>
      <c r="BJ13" s="327">
        <v>39337</v>
      </c>
      <c r="BK13" s="327">
        <v>78578</v>
      </c>
      <c r="BL13" s="327">
        <v>18196</v>
      </c>
      <c r="BM13" s="327">
        <v>103791</v>
      </c>
      <c r="BN13" s="327">
        <v>0</v>
      </c>
      <c r="BO13" s="328">
        <v>239902</v>
      </c>
      <c r="BP13" s="330">
        <v>258049</v>
      </c>
      <c r="BQ13" s="326">
        <v>244202</v>
      </c>
      <c r="BR13" s="327">
        <v>98308</v>
      </c>
      <c r="BS13" s="328">
        <v>342510</v>
      </c>
      <c r="BT13" s="326">
        <v>0</v>
      </c>
      <c r="BU13" s="327">
        <v>857472</v>
      </c>
      <c r="BV13" s="327">
        <v>618744</v>
      </c>
      <c r="BW13" s="327">
        <v>402836</v>
      </c>
      <c r="BX13" s="327">
        <v>661444</v>
      </c>
      <c r="BY13" s="327">
        <v>377146</v>
      </c>
      <c r="BZ13" s="328">
        <v>2917642</v>
      </c>
      <c r="CA13" s="330">
        <v>3260152</v>
      </c>
      <c r="CB13" s="326">
        <v>38450</v>
      </c>
      <c r="CC13" s="327">
        <v>70506</v>
      </c>
      <c r="CD13" s="328">
        <v>108956</v>
      </c>
      <c r="CE13" s="326">
        <v>0</v>
      </c>
      <c r="CF13" s="327">
        <v>3364332</v>
      </c>
      <c r="CG13" s="327">
        <v>2738545</v>
      </c>
      <c r="CH13" s="327">
        <v>1578219</v>
      </c>
      <c r="CI13" s="327">
        <v>1353812</v>
      </c>
      <c r="CJ13" s="327">
        <v>196477</v>
      </c>
      <c r="CK13" s="328">
        <v>9231385</v>
      </c>
      <c r="CL13" s="330">
        <v>9340341</v>
      </c>
      <c r="CM13" s="326">
        <v>0</v>
      </c>
      <c r="CN13" s="327">
        <v>0</v>
      </c>
      <c r="CO13" s="328">
        <v>0</v>
      </c>
      <c r="CP13" s="332">
        <v>0</v>
      </c>
      <c r="CQ13" s="327">
        <v>2685573</v>
      </c>
      <c r="CR13" s="327">
        <v>1896977</v>
      </c>
      <c r="CS13" s="327">
        <v>1194745</v>
      </c>
      <c r="CT13" s="327">
        <v>848927</v>
      </c>
      <c r="CU13" s="327">
        <v>165302</v>
      </c>
      <c r="CV13" s="328">
        <v>6791524</v>
      </c>
      <c r="CW13" s="330">
        <v>6791524</v>
      </c>
      <c r="CX13" s="326">
        <v>38450</v>
      </c>
      <c r="CY13" s="327">
        <v>70506</v>
      </c>
      <c r="CZ13" s="328">
        <v>108956</v>
      </c>
      <c r="DA13" s="326">
        <v>0</v>
      </c>
      <c r="DB13" s="327">
        <v>678759</v>
      </c>
      <c r="DC13" s="327">
        <v>841568</v>
      </c>
      <c r="DD13" s="327">
        <v>383474</v>
      </c>
      <c r="DE13" s="327">
        <v>504885</v>
      </c>
      <c r="DF13" s="327">
        <v>31175</v>
      </c>
      <c r="DG13" s="328">
        <v>2439861</v>
      </c>
      <c r="DH13" s="330">
        <v>2548817</v>
      </c>
      <c r="DI13" s="326">
        <v>0</v>
      </c>
      <c r="DJ13" s="327">
        <v>0</v>
      </c>
      <c r="DK13" s="331">
        <v>0</v>
      </c>
      <c r="DL13" s="332">
        <v>0</v>
      </c>
      <c r="DM13" s="327">
        <v>384920</v>
      </c>
      <c r="DN13" s="327">
        <v>263361</v>
      </c>
      <c r="DO13" s="327">
        <v>574574</v>
      </c>
      <c r="DP13" s="327">
        <v>1039289</v>
      </c>
      <c r="DQ13" s="327">
        <v>193398</v>
      </c>
      <c r="DR13" s="328">
        <v>2455542</v>
      </c>
      <c r="DS13" s="330">
        <v>2455542</v>
      </c>
      <c r="DT13" s="326">
        <v>0</v>
      </c>
      <c r="DU13" s="327">
        <v>0</v>
      </c>
      <c r="DV13" s="328">
        <v>0</v>
      </c>
      <c r="DW13" s="326">
        <v>0</v>
      </c>
      <c r="DX13" s="327">
        <v>384920</v>
      </c>
      <c r="DY13" s="327">
        <v>263361</v>
      </c>
      <c r="DZ13" s="327">
        <v>524774</v>
      </c>
      <c r="EA13" s="327">
        <v>1039289</v>
      </c>
      <c r="EB13" s="327">
        <v>193398</v>
      </c>
      <c r="EC13" s="328">
        <v>2405742</v>
      </c>
      <c r="ED13" s="330">
        <v>2405742</v>
      </c>
      <c r="EE13" s="326">
        <v>0</v>
      </c>
      <c r="EF13" s="331">
        <v>0</v>
      </c>
      <c r="EG13" s="328">
        <v>0</v>
      </c>
      <c r="EH13" s="326">
        <v>0</v>
      </c>
      <c r="EI13" s="327">
        <v>0</v>
      </c>
      <c r="EJ13" s="327">
        <v>0</v>
      </c>
      <c r="EK13" s="327">
        <v>49800</v>
      </c>
      <c r="EL13" s="327">
        <v>0</v>
      </c>
      <c r="EM13" s="327">
        <v>0</v>
      </c>
      <c r="EN13" s="331">
        <v>49800</v>
      </c>
      <c r="EO13" s="330">
        <v>49800</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184814</v>
      </c>
      <c r="FM13" s="327">
        <v>141442</v>
      </c>
      <c r="FN13" s="328">
        <v>326256</v>
      </c>
      <c r="FO13" s="326">
        <v>0</v>
      </c>
      <c r="FP13" s="327">
        <v>634578</v>
      </c>
      <c r="FQ13" s="327">
        <v>917329</v>
      </c>
      <c r="FR13" s="327">
        <v>736715</v>
      </c>
      <c r="FS13" s="327">
        <v>855715</v>
      </c>
      <c r="FT13" s="327">
        <v>270732</v>
      </c>
      <c r="FU13" s="328">
        <v>3415069</v>
      </c>
      <c r="FV13" s="330">
        <v>3741325</v>
      </c>
      <c r="FW13" s="333">
        <v>87514</v>
      </c>
      <c r="FX13" s="327">
        <v>57442</v>
      </c>
      <c r="FY13" s="331">
        <v>144956</v>
      </c>
      <c r="FZ13" s="332">
        <v>0</v>
      </c>
      <c r="GA13" s="327">
        <v>484988</v>
      </c>
      <c r="GB13" s="327">
        <v>897001</v>
      </c>
      <c r="GC13" s="327">
        <v>695877</v>
      </c>
      <c r="GD13" s="327">
        <v>761705</v>
      </c>
      <c r="GE13" s="327">
        <v>270732</v>
      </c>
      <c r="GF13" s="328">
        <v>3110303</v>
      </c>
      <c r="GG13" s="334">
        <v>3255259</v>
      </c>
      <c r="GH13" s="333">
        <v>0</v>
      </c>
      <c r="GI13" s="327">
        <v>0</v>
      </c>
      <c r="GJ13" s="331">
        <v>0</v>
      </c>
      <c r="GK13" s="332">
        <v>0</v>
      </c>
      <c r="GL13" s="327">
        <v>18480</v>
      </c>
      <c r="GM13" s="327">
        <v>20328</v>
      </c>
      <c r="GN13" s="327">
        <v>40838</v>
      </c>
      <c r="GO13" s="327">
        <v>36960</v>
      </c>
      <c r="GP13" s="327">
        <v>0</v>
      </c>
      <c r="GQ13" s="328">
        <v>116606</v>
      </c>
      <c r="GR13" s="330">
        <v>116606</v>
      </c>
      <c r="GS13" s="326">
        <v>97300</v>
      </c>
      <c r="GT13" s="327">
        <v>84000</v>
      </c>
      <c r="GU13" s="328">
        <v>181300</v>
      </c>
      <c r="GV13" s="326">
        <v>0</v>
      </c>
      <c r="GW13" s="327">
        <v>131110</v>
      </c>
      <c r="GX13" s="327">
        <v>0</v>
      </c>
      <c r="GY13" s="327">
        <v>0</v>
      </c>
      <c r="GZ13" s="327">
        <v>57050</v>
      </c>
      <c r="HA13" s="327">
        <v>0</v>
      </c>
      <c r="HB13" s="331">
        <v>188160</v>
      </c>
      <c r="HC13" s="330">
        <v>369460</v>
      </c>
      <c r="HD13" s="326">
        <v>740516</v>
      </c>
      <c r="HE13" s="327">
        <v>412649</v>
      </c>
      <c r="HF13" s="331">
        <v>1153165</v>
      </c>
      <c r="HG13" s="332">
        <v>0</v>
      </c>
      <c r="HH13" s="327">
        <v>4535357</v>
      </c>
      <c r="HI13" s="327">
        <v>4184702</v>
      </c>
      <c r="HJ13" s="327">
        <v>2198818</v>
      </c>
      <c r="HK13" s="327">
        <v>3503697</v>
      </c>
      <c r="HL13" s="327">
        <v>2740863</v>
      </c>
      <c r="HM13" s="328">
        <v>17163437</v>
      </c>
      <c r="HN13" s="329">
        <v>18316602</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507319</v>
      </c>
      <c r="IE13" s="339">
        <v>2466791</v>
      </c>
      <c r="IF13" s="337">
        <v>1896632</v>
      </c>
      <c r="IG13" s="336">
        <v>1975828</v>
      </c>
      <c r="IH13" s="337">
        <v>1086689</v>
      </c>
      <c r="II13" s="340">
        <v>9933259</v>
      </c>
      <c r="IJ13" s="341">
        <v>9933259</v>
      </c>
      <c r="IK13" s="342">
        <v>0</v>
      </c>
      <c r="IL13" s="343">
        <v>0</v>
      </c>
      <c r="IM13" s="344">
        <v>0</v>
      </c>
      <c r="IN13" s="404">
        <v>0</v>
      </c>
      <c r="IO13" s="345">
        <v>0</v>
      </c>
      <c r="IP13" s="345">
        <v>124625</v>
      </c>
      <c r="IQ13" s="345">
        <v>0</v>
      </c>
      <c r="IR13" s="345">
        <v>0</v>
      </c>
      <c r="IS13" s="345">
        <v>263576</v>
      </c>
      <c r="IT13" s="346">
        <v>388201</v>
      </c>
      <c r="IU13" s="347">
        <v>388201</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443233</v>
      </c>
      <c r="JL13" s="345">
        <v>861120</v>
      </c>
      <c r="JM13" s="345">
        <v>466334</v>
      </c>
      <c r="JN13" s="345">
        <v>345705</v>
      </c>
      <c r="JO13" s="345">
        <v>86336</v>
      </c>
      <c r="JP13" s="349">
        <v>3202728</v>
      </c>
      <c r="JQ13" s="347">
        <v>3202728</v>
      </c>
      <c r="JR13" s="348">
        <v>0</v>
      </c>
      <c r="JS13" s="345">
        <v>0</v>
      </c>
      <c r="JT13" s="346">
        <v>0</v>
      </c>
      <c r="JU13" s="351">
        <v>0</v>
      </c>
      <c r="JV13" s="345">
        <v>130613</v>
      </c>
      <c r="JW13" s="345">
        <v>334273</v>
      </c>
      <c r="JX13" s="345">
        <v>415719</v>
      </c>
      <c r="JY13" s="345">
        <v>183227</v>
      </c>
      <c r="JZ13" s="345">
        <v>0</v>
      </c>
      <c r="KA13" s="349">
        <v>1063832</v>
      </c>
      <c r="KB13" s="347">
        <v>1063832</v>
      </c>
      <c r="KC13" s="352">
        <v>0</v>
      </c>
      <c r="KD13" s="353">
        <v>0</v>
      </c>
      <c r="KE13" s="349">
        <v>0</v>
      </c>
      <c r="KF13" s="351">
        <v>0</v>
      </c>
      <c r="KG13" s="345">
        <v>261830</v>
      </c>
      <c r="KH13" s="345">
        <v>266130</v>
      </c>
      <c r="KI13" s="345">
        <v>189198</v>
      </c>
      <c r="KJ13" s="345">
        <v>235157</v>
      </c>
      <c r="KK13" s="345">
        <v>0</v>
      </c>
      <c r="KL13" s="349">
        <v>952315</v>
      </c>
      <c r="KM13" s="354">
        <v>952315</v>
      </c>
      <c r="KN13" s="342">
        <v>0</v>
      </c>
      <c r="KO13" s="343">
        <v>0</v>
      </c>
      <c r="KP13" s="344">
        <v>0</v>
      </c>
      <c r="KQ13" s="404">
        <v>0</v>
      </c>
      <c r="KR13" s="345">
        <v>423354</v>
      </c>
      <c r="KS13" s="345">
        <v>880643</v>
      </c>
      <c r="KT13" s="345">
        <v>825381</v>
      </c>
      <c r="KU13" s="345">
        <v>1036789</v>
      </c>
      <c r="KV13" s="345">
        <v>460326</v>
      </c>
      <c r="KW13" s="349">
        <v>3626493</v>
      </c>
      <c r="KX13" s="347">
        <v>3626493</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248289</v>
      </c>
      <c r="LZ13" s="345">
        <v>0</v>
      </c>
      <c r="MA13" s="345">
        <v>0</v>
      </c>
      <c r="MB13" s="345">
        <v>174950</v>
      </c>
      <c r="MC13" s="345">
        <v>276451</v>
      </c>
      <c r="MD13" s="349">
        <v>699690</v>
      </c>
      <c r="ME13" s="350">
        <v>699690</v>
      </c>
      <c r="MF13" s="348">
        <v>0</v>
      </c>
      <c r="MG13" s="345">
        <v>0</v>
      </c>
      <c r="MH13" s="349">
        <v>0</v>
      </c>
      <c r="MI13" s="404">
        <v>0</v>
      </c>
      <c r="MJ13" s="345">
        <v>701585</v>
      </c>
      <c r="MK13" s="345">
        <v>693935</v>
      </c>
      <c r="ML13" s="345">
        <v>3263143</v>
      </c>
      <c r="MM13" s="345">
        <v>3897083</v>
      </c>
      <c r="MN13" s="345">
        <v>2390180</v>
      </c>
      <c r="MO13" s="349">
        <v>10945926</v>
      </c>
      <c r="MP13" s="354">
        <v>10945926</v>
      </c>
      <c r="MQ13" s="348">
        <v>0</v>
      </c>
      <c r="MR13" s="345">
        <v>0</v>
      </c>
      <c r="MS13" s="349">
        <v>0</v>
      </c>
      <c r="MT13" s="404">
        <v>0</v>
      </c>
      <c r="MU13" s="345">
        <v>0</v>
      </c>
      <c r="MV13" s="345">
        <v>0</v>
      </c>
      <c r="MW13" s="345">
        <v>1594984</v>
      </c>
      <c r="MX13" s="345">
        <v>2855222</v>
      </c>
      <c r="MY13" s="345">
        <v>2102387</v>
      </c>
      <c r="MZ13" s="349">
        <v>6552593</v>
      </c>
      <c r="NA13" s="354">
        <v>6552593</v>
      </c>
      <c r="NB13" s="348">
        <v>0</v>
      </c>
      <c r="NC13" s="345">
        <v>0</v>
      </c>
      <c r="ND13" s="349">
        <v>0</v>
      </c>
      <c r="NE13" s="404">
        <v>0</v>
      </c>
      <c r="NF13" s="345">
        <v>701585</v>
      </c>
      <c r="NG13" s="345">
        <v>693935</v>
      </c>
      <c r="NH13" s="345">
        <v>1668159</v>
      </c>
      <c r="NI13" s="345">
        <v>1041861</v>
      </c>
      <c r="NJ13" s="345">
        <v>287793</v>
      </c>
      <c r="NK13" s="349">
        <v>4393333</v>
      </c>
      <c r="NL13" s="347">
        <v>4393333</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226129</v>
      </c>
      <c r="OJ13" s="345">
        <v>820768</v>
      </c>
      <c r="OK13" s="346">
        <v>2046897</v>
      </c>
      <c r="OL13" s="351">
        <v>0</v>
      </c>
      <c r="OM13" s="345">
        <v>15211481</v>
      </c>
      <c r="ON13" s="345">
        <v>13871861</v>
      </c>
      <c r="OO13" s="345">
        <v>12851261</v>
      </c>
      <c r="OP13" s="345">
        <v>17054359</v>
      </c>
      <c r="OQ13" s="345">
        <v>9018907</v>
      </c>
      <c r="OR13" s="349">
        <v>68007869</v>
      </c>
      <c r="OS13" s="354">
        <v>70054766</v>
      </c>
    </row>
    <row r="14" spans="2:409" s="70" customFormat="1" ht="21" customHeight="1" x14ac:dyDescent="0.2">
      <c r="B14" s="106" t="s">
        <v>8</v>
      </c>
      <c r="C14" s="326">
        <v>687406</v>
      </c>
      <c r="D14" s="327">
        <v>597027</v>
      </c>
      <c r="E14" s="328">
        <v>1284433</v>
      </c>
      <c r="F14" s="329">
        <v>0</v>
      </c>
      <c r="G14" s="327">
        <v>6346659</v>
      </c>
      <c r="H14" s="327">
        <v>7300737</v>
      </c>
      <c r="I14" s="327">
        <v>6251690</v>
      </c>
      <c r="J14" s="327">
        <v>5965542</v>
      </c>
      <c r="K14" s="327">
        <v>5472882</v>
      </c>
      <c r="L14" s="329">
        <v>31337510</v>
      </c>
      <c r="M14" s="330">
        <v>32621943</v>
      </c>
      <c r="N14" s="326">
        <v>129802</v>
      </c>
      <c r="O14" s="327">
        <v>181809</v>
      </c>
      <c r="P14" s="328">
        <v>311611</v>
      </c>
      <c r="Q14" s="326">
        <v>0</v>
      </c>
      <c r="R14" s="327">
        <v>1940829</v>
      </c>
      <c r="S14" s="327">
        <v>2026553</v>
      </c>
      <c r="T14" s="327">
        <v>1707363</v>
      </c>
      <c r="U14" s="327">
        <v>1787189</v>
      </c>
      <c r="V14" s="327">
        <v>3166045</v>
      </c>
      <c r="W14" s="328">
        <v>10627979</v>
      </c>
      <c r="X14" s="330">
        <v>10939590</v>
      </c>
      <c r="Y14" s="326">
        <v>0</v>
      </c>
      <c r="Z14" s="327">
        <v>0</v>
      </c>
      <c r="AA14" s="328">
        <v>0</v>
      </c>
      <c r="AB14" s="326">
        <v>0</v>
      </c>
      <c r="AC14" s="327">
        <v>684729</v>
      </c>
      <c r="AD14" s="327">
        <v>956366</v>
      </c>
      <c r="AE14" s="327">
        <v>1119967</v>
      </c>
      <c r="AF14" s="327">
        <v>750998</v>
      </c>
      <c r="AG14" s="327">
        <v>2120169</v>
      </c>
      <c r="AH14" s="328">
        <v>5632229</v>
      </c>
      <c r="AI14" s="330">
        <v>5632229</v>
      </c>
      <c r="AJ14" s="326">
        <v>0</v>
      </c>
      <c r="AK14" s="327">
        <v>0</v>
      </c>
      <c r="AL14" s="328">
        <v>0</v>
      </c>
      <c r="AM14" s="326">
        <v>0</v>
      </c>
      <c r="AN14" s="327">
        <v>0</v>
      </c>
      <c r="AO14" s="327">
        <v>0</v>
      </c>
      <c r="AP14" s="327">
        <v>0</v>
      </c>
      <c r="AQ14" s="327">
        <v>53963</v>
      </c>
      <c r="AR14" s="327">
        <v>181382</v>
      </c>
      <c r="AS14" s="328">
        <v>235345</v>
      </c>
      <c r="AT14" s="330">
        <v>235345</v>
      </c>
      <c r="AU14" s="326">
        <v>68146</v>
      </c>
      <c r="AV14" s="327">
        <v>88219</v>
      </c>
      <c r="AW14" s="328">
        <v>156365</v>
      </c>
      <c r="AX14" s="326">
        <v>0</v>
      </c>
      <c r="AY14" s="327">
        <v>683337</v>
      </c>
      <c r="AZ14" s="327">
        <v>530469</v>
      </c>
      <c r="BA14" s="327">
        <v>329118</v>
      </c>
      <c r="BB14" s="327">
        <v>546214</v>
      </c>
      <c r="BC14" s="327">
        <v>488258</v>
      </c>
      <c r="BD14" s="328">
        <v>2577396</v>
      </c>
      <c r="BE14" s="330">
        <v>2733761</v>
      </c>
      <c r="BF14" s="326">
        <v>0</v>
      </c>
      <c r="BG14" s="327">
        <v>71582</v>
      </c>
      <c r="BH14" s="331">
        <v>71582</v>
      </c>
      <c r="BI14" s="332">
        <v>0</v>
      </c>
      <c r="BJ14" s="327">
        <v>201525</v>
      </c>
      <c r="BK14" s="327">
        <v>235458</v>
      </c>
      <c r="BL14" s="327">
        <v>37386</v>
      </c>
      <c r="BM14" s="327">
        <v>82710</v>
      </c>
      <c r="BN14" s="327">
        <v>50589</v>
      </c>
      <c r="BO14" s="328">
        <v>607668</v>
      </c>
      <c r="BP14" s="330">
        <v>679250</v>
      </c>
      <c r="BQ14" s="326">
        <v>61656</v>
      </c>
      <c r="BR14" s="327">
        <v>22008</v>
      </c>
      <c r="BS14" s="328">
        <v>83664</v>
      </c>
      <c r="BT14" s="326">
        <v>0</v>
      </c>
      <c r="BU14" s="327">
        <v>371238</v>
      </c>
      <c r="BV14" s="327">
        <v>304260</v>
      </c>
      <c r="BW14" s="327">
        <v>220892</v>
      </c>
      <c r="BX14" s="327">
        <v>353304</v>
      </c>
      <c r="BY14" s="327">
        <v>325647</v>
      </c>
      <c r="BZ14" s="328">
        <v>1575341</v>
      </c>
      <c r="CA14" s="330">
        <v>1659005</v>
      </c>
      <c r="CB14" s="326">
        <v>71594</v>
      </c>
      <c r="CC14" s="327">
        <v>199307</v>
      </c>
      <c r="CD14" s="328">
        <v>270901</v>
      </c>
      <c r="CE14" s="326">
        <v>0</v>
      </c>
      <c r="CF14" s="327">
        <v>1591849</v>
      </c>
      <c r="CG14" s="327">
        <v>2241462</v>
      </c>
      <c r="CH14" s="327">
        <v>1759349</v>
      </c>
      <c r="CI14" s="327">
        <v>1217992</v>
      </c>
      <c r="CJ14" s="327">
        <v>620191</v>
      </c>
      <c r="CK14" s="328">
        <v>7430843</v>
      </c>
      <c r="CL14" s="330">
        <v>7701744</v>
      </c>
      <c r="CM14" s="326">
        <v>0</v>
      </c>
      <c r="CN14" s="327">
        <v>0</v>
      </c>
      <c r="CO14" s="328">
        <v>0</v>
      </c>
      <c r="CP14" s="332">
        <v>0</v>
      </c>
      <c r="CQ14" s="327">
        <v>981642</v>
      </c>
      <c r="CR14" s="327">
        <v>1864015</v>
      </c>
      <c r="CS14" s="327">
        <v>1135985</v>
      </c>
      <c r="CT14" s="327">
        <v>651140</v>
      </c>
      <c r="CU14" s="327">
        <v>426965</v>
      </c>
      <c r="CV14" s="328">
        <v>5059747</v>
      </c>
      <c r="CW14" s="330">
        <v>5059747</v>
      </c>
      <c r="CX14" s="326">
        <v>71594</v>
      </c>
      <c r="CY14" s="327">
        <v>199307</v>
      </c>
      <c r="CZ14" s="328">
        <v>270901</v>
      </c>
      <c r="DA14" s="326">
        <v>0</v>
      </c>
      <c r="DB14" s="327">
        <v>610207</v>
      </c>
      <c r="DC14" s="327">
        <v>377447</v>
      </c>
      <c r="DD14" s="327">
        <v>623364</v>
      </c>
      <c r="DE14" s="327">
        <v>566852</v>
      </c>
      <c r="DF14" s="327">
        <v>193226</v>
      </c>
      <c r="DG14" s="328">
        <v>2371096</v>
      </c>
      <c r="DH14" s="330">
        <v>2641997</v>
      </c>
      <c r="DI14" s="326">
        <v>0</v>
      </c>
      <c r="DJ14" s="327">
        <v>0</v>
      </c>
      <c r="DK14" s="331">
        <v>0</v>
      </c>
      <c r="DL14" s="332">
        <v>0</v>
      </c>
      <c r="DM14" s="327">
        <v>279791</v>
      </c>
      <c r="DN14" s="327">
        <v>580621</v>
      </c>
      <c r="DO14" s="327">
        <v>1452772</v>
      </c>
      <c r="DP14" s="327">
        <v>401602</v>
      </c>
      <c r="DQ14" s="327">
        <v>729057</v>
      </c>
      <c r="DR14" s="328">
        <v>3443843</v>
      </c>
      <c r="DS14" s="330">
        <v>3443843</v>
      </c>
      <c r="DT14" s="326">
        <v>0</v>
      </c>
      <c r="DU14" s="327">
        <v>0</v>
      </c>
      <c r="DV14" s="328">
        <v>0</v>
      </c>
      <c r="DW14" s="326">
        <v>0</v>
      </c>
      <c r="DX14" s="327">
        <v>279791</v>
      </c>
      <c r="DY14" s="327">
        <v>580621</v>
      </c>
      <c r="DZ14" s="327">
        <v>1421508</v>
      </c>
      <c r="EA14" s="327">
        <v>124834</v>
      </c>
      <c r="EB14" s="327">
        <v>659668</v>
      </c>
      <c r="EC14" s="328">
        <v>3066422</v>
      </c>
      <c r="ED14" s="330">
        <v>3066422</v>
      </c>
      <c r="EE14" s="326">
        <v>0</v>
      </c>
      <c r="EF14" s="331">
        <v>0</v>
      </c>
      <c r="EG14" s="328">
        <v>0</v>
      </c>
      <c r="EH14" s="326">
        <v>0</v>
      </c>
      <c r="EI14" s="327">
        <v>0</v>
      </c>
      <c r="EJ14" s="327">
        <v>0</v>
      </c>
      <c r="EK14" s="327">
        <v>31264</v>
      </c>
      <c r="EL14" s="327">
        <v>276768</v>
      </c>
      <c r="EM14" s="327">
        <v>69389</v>
      </c>
      <c r="EN14" s="331">
        <v>377421</v>
      </c>
      <c r="EO14" s="330">
        <v>37742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200312</v>
      </c>
      <c r="FM14" s="327">
        <v>103775</v>
      </c>
      <c r="FN14" s="328">
        <v>304087</v>
      </c>
      <c r="FO14" s="326">
        <v>0</v>
      </c>
      <c r="FP14" s="327">
        <v>308747</v>
      </c>
      <c r="FQ14" s="327">
        <v>627298</v>
      </c>
      <c r="FR14" s="327">
        <v>496496</v>
      </c>
      <c r="FS14" s="327">
        <v>492303</v>
      </c>
      <c r="FT14" s="327">
        <v>266588</v>
      </c>
      <c r="FU14" s="328">
        <v>2191432</v>
      </c>
      <c r="FV14" s="330">
        <v>2495519</v>
      </c>
      <c r="FW14" s="333">
        <v>105112</v>
      </c>
      <c r="FX14" s="327">
        <v>83755</v>
      </c>
      <c r="FY14" s="331">
        <v>188867</v>
      </c>
      <c r="FZ14" s="332">
        <v>0</v>
      </c>
      <c r="GA14" s="327">
        <v>254478</v>
      </c>
      <c r="GB14" s="327">
        <v>585333</v>
      </c>
      <c r="GC14" s="327">
        <v>471842</v>
      </c>
      <c r="GD14" s="327">
        <v>492303</v>
      </c>
      <c r="GE14" s="327">
        <v>266588</v>
      </c>
      <c r="GF14" s="328">
        <v>2070544</v>
      </c>
      <c r="GG14" s="334">
        <v>2259411</v>
      </c>
      <c r="GH14" s="333">
        <v>0</v>
      </c>
      <c r="GI14" s="327">
        <v>20020</v>
      </c>
      <c r="GJ14" s="331">
        <v>20020</v>
      </c>
      <c r="GK14" s="332">
        <v>0</v>
      </c>
      <c r="GL14" s="327">
        <v>0</v>
      </c>
      <c r="GM14" s="327">
        <v>20405</v>
      </c>
      <c r="GN14" s="327">
        <v>24654</v>
      </c>
      <c r="GO14" s="327">
        <v>0</v>
      </c>
      <c r="GP14" s="327">
        <v>0</v>
      </c>
      <c r="GQ14" s="328">
        <v>45059</v>
      </c>
      <c r="GR14" s="330">
        <v>65079</v>
      </c>
      <c r="GS14" s="326">
        <v>95200</v>
      </c>
      <c r="GT14" s="327">
        <v>0</v>
      </c>
      <c r="GU14" s="328">
        <v>95200</v>
      </c>
      <c r="GV14" s="326">
        <v>0</v>
      </c>
      <c r="GW14" s="327">
        <v>54269</v>
      </c>
      <c r="GX14" s="327">
        <v>21560</v>
      </c>
      <c r="GY14" s="327">
        <v>0</v>
      </c>
      <c r="GZ14" s="327">
        <v>0</v>
      </c>
      <c r="HA14" s="327">
        <v>0</v>
      </c>
      <c r="HB14" s="331">
        <v>75829</v>
      </c>
      <c r="HC14" s="330">
        <v>171029</v>
      </c>
      <c r="HD14" s="326">
        <v>285698</v>
      </c>
      <c r="HE14" s="327">
        <v>112136</v>
      </c>
      <c r="HF14" s="331">
        <v>397834</v>
      </c>
      <c r="HG14" s="332">
        <v>0</v>
      </c>
      <c r="HH14" s="327">
        <v>2225443</v>
      </c>
      <c r="HI14" s="327">
        <v>1824803</v>
      </c>
      <c r="HJ14" s="327">
        <v>835710</v>
      </c>
      <c r="HK14" s="327">
        <v>2066456</v>
      </c>
      <c r="HL14" s="327">
        <v>691001</v>
      </c>
      <c r="HM14" s="328">
        <v>7643413</v>
      </c>
      <c r="HN14" s="329">
        <v>8041247</v>
      </c>
      <c r="HO14" s="333">
        <v>0</v>
      </c>
      <c r="HP14" s="327">
        <v>0</v>
      </c>
      <c r="HQ14" s="328">
        <v>0</v>
      </c>
      <c r="HR14" s="326">
        <v>0</v>
      </c>
      <c r="HS14" s="327">
        <v>0</v>
      </c>
      <c r="HT14" s="327">
        <v>0</v>
      </c>
      <c r="HU14" s="327">
        <v>0</v>
      </c>
      <c r="HV14" s="327">
        <v>0</v>
      </c>
      <c r="HW14" s="327">
        <v>0</v>
      </c>
      <c r="HX14" s="331">
        <v>0</v>
      </c>
      <c r="HY14" s="330">
        <v>0</v>
      </c>
      <c r="HZ14" s="335">
        <v>0</v>
      </c>
      <c r="IA14" s="336">
        <v>131370</v>
      </c>
      <c r="IB14" s="337">
        <v>131370</v>
      </c>
      <c r="IC14" s="355">
        <v>0</v>
      </c>
      <c r="ID14" s="356">
        <v>1282772</v>
      </c>
      <c r="IE14" s="357">
        <v>1906109</v>
      </c>
      <c r="IF14" s="358">
        <v>1725607</v>
      </c>
      <c r="IG14" s="356">
        <v>1981945</v>
      </c>
      <c r="IH14" s="358">
        <v>190832</v>
      </c>
      <c r="II14" s="359">
        <v>7087265</v>
      </c>
      <c r="IJ14" s="341">
        <v>7218635</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961690</v>
      </c>
      <c r="JL14" s="345">
        <v>892237</v>
      </c>
      <c r="JM14" s="345">
        <v>456199</v>
      </c>
      <c r="JN14" s="345">
        <v>167351</v>
      </c>
      <c r="JO14" s="345">
        <v>42112</v>
      </c>
      <c r="JP14" s="349">
        <v>2519589</v>
      </c>
      <c r="JQ14" s="347">
        <v>2519589</v>
      </c>
      <c r="JR14" s="348">
        <v>0</v>
      </c>
      <c r="JS14" s="345">
        <v>0</v>
      </c>
      <c r="JT14" s="346">
        <v>0</v>
      </c>
      <c r="JU14" s="351">
        <v>0</v>
      </c>
      <c r="JV14" s="345">
        <v>0</v>
      </c>
      <c r="JW14" s="345">
        <v>0</v>
      </c>
      <c r="JX14" s="345">
        <v>0</v>
      </c>
      <c r="JY14" s="345">
        <v>0</v>
      </c>
      <c r="JZ14" s="345">
        <v>0</v>
      </c>
      <c r="KA14" s="349">
        <v>0</v>
      </c>
      <c r="KB14" s="347">
        <v>0</v>
      </c>
      <c r="KC14" s="352">
        <v>0</v>
      </c>
      <c r="KD14" s="353">
        <v>131370</v>
      </c>
      <c r="KE14" s="349">
        <v>131370</v>
      </c>
      <c r="KF14" s="351">
        <v>0</v>
      </c>
      <c r="KG14" s="345">
        <v>0</v>
      </c>
      <c r="KH14" s="345">
        <v>0</v>
      </c>
      <c r="KI14" s="345">
        <v>634125</v>
      </c>
      <c r="KJ14" s="345">
        <v>231881</v>
      </c>
      <c r="KK14" s="345">
        <v>0</v>
      </c>
      <c r="KL14" s="349">
        <v>866006</v>
      </c>
      <c r="KM14" s="354">
        <v>997376</v>
      </c>
      <c r="KN14" s="342">
        <v>0</v>
      </c>
      <c r="KO14" s="343">
        <v>0</v>
      </c>
      <c r="KP14" s="344">
        <v>0</v>
      </c>
      <c r="KQ14" s="404">
        <v>0</v>
      </c>
      <c r="KR14" s="345">
        <v>204570</v>
      </c>
      <c r="KS14" s="345">
        <v>859378</v>
      </c>
      <c r="KT14" s="345">
        <v>635283</v>
      </c>
      <c r="KU14" s="345">
        <v>452395</v>
      </c>
      <c r="KV14" s="345">
        <v>0</v>
      </c>
      <c r="KW14" s="349">
        <v>2151626</v>
      </c>
      <c r="KX14" s="347">
        <v>2151626</v>
      </c>
      <c r="KY14" s="348">
        <v>0</v>
      </c>
      <c r="KZ14" s="345">
        <v>0</v>
      </c>
      <c r="LA14" s="349">
        <v>0</v>
      </c>
      <c r="LB14" s="404">
        <v>0</v>
      </c>
      <c r="LC14" s="345">
        <v>0</v>
      </c>
      <c r="LD14" s="345">
        <v>0</v>
      </c>
      <c r="LE14" s="345">
        <v>0</v>
      </c>
      <c r="LF14" s="345">
        <v>382551</v>
      </c>
      <c r="LG14" s="345">
        <v>148720</v>
      </c>
      <c r="LH14" s="349">
        <v>531271</v>
      </c>
      <c r="LI14" s="350">
        <v>531271</v>
      </c>
      <c r="LJ14" s="348">
        <v>0</v>
      </c>
      <c r="LK14" s="345">
        <v>0</v>
      </c>
      <c r="LL14" s="349">
        <v>0</v>
      </c>
      <c r="LM14" s="404">
        <v>0</v>
      </c>
      <c r="LN14" s="345">
        <v>0</v>
      </c>
      <c r="LO14" s="345">
        <v>0</v>
      </c>
      <c r="LP14" s="345">
        <v>0</v>
      </c>
      <c r="LQ14" s="345">
        <v>505348</v>
      </c>
      <c r="LR14" s="345">
        <v>0</v>
      </c>
      <c r="LS14" s="349">
        <v>505348</v>
      </c>
      <c r="LT14" s="347">
        <v>505348</v>
      </c>
      <c r="LU14" s="348">
        <v>0</v>
      </c>
      <c r="LV14" s="345">
        <v>0</v>
      </c>
      <c r="LW14" s="349">
        <v>0</v>
      </c>
      <c r="LX14" s="404">
        <v>0</v>
      </c>
      <c r="LY14" s="345">
        <v>116512</v>
      </c>
      <c r="LZ14" s="345">
        <v>154494</v>
      </c>
      <c r="MA14" s="345">
        <v>0</v>
      </c>
      <c r="MB14" s="345">
        <v>242419</v>
      </c>
      <c r="MC14" s="345">
        <v>0</v>
      </c>
      <c r="MD14" s="349">
        <v>513425</v>
      </c>
      <c r="ME14" s="350">
        <v>513425</v>
      </c>
      <c r="MF14" s="348">
        <v>0</v>
      </c>
      <c r="MG14" s="345">
        <v>0</v>
      </c>
      <c r="MH14" s="349">
        <v>0</v>
      </c>
      <c r="MI14" s="404">
        <v>0</v>
      </c>
      <c r="MJ14" s="345">
        <v>426478</v>
      </c>
      <c r="MK14" s="345">
        <v>661156</v>
      </c>
      <c r="ML14" s="345">
        <v>3070387</v>
      </c>
      <c r="MM14" s="345">
        <v>3250979</v>
      </c>
      <c r="MN14" s="345">
        <v>3119276</v>
      </c>
      <c r="MO14" s="349">
        <v>10528276</v>
      </c>
      <c r="MP14" s="354">
        <v>10528276</v>
      </c>
      <c r="MQ14" s="348">
        <v>0</v>
      </c>
      <c r="MR14" s="345">
        <v>0</v>
      </c>
      <c r="MS14" s="349">
        <v>0</v>
      </c>
      <c r="MT14" s="404">
        <v>0</v>
      </c>
      <c r="MU14" s="345">
        <v>0</v>
      </c>
      <c r="MV14" s="345">
        <v>210254</v>
      </c>
      <c r="MW14" s="345">
        <v>1456558</v>
      </c>
      <c r="MX14" s="345">
        <v>1936323</v>
      </c>
      <c r="MY14" s="345">
        <v>1554905</v>
      </c>
      <c r="MZ14" s="349">
        <v>5158040</v>
      </c>
      <c r="NA14" s="354">
        <v>5158040</v>
      </c>
      <c r="NB14" s="348">
        <v>0</v>
      </c>
      <c r="NC14" s="345">
        <v>0</v>
      </c>
      <c r="ND14" s="349">
        <v>0</v>
      </c>
      <c r="NE14" s="404">
        <v>0</v>
      </c>
      <c r="NF14" s="345">
        <v>426478</v>
      </c>
      <c r="NG14" s="345">
        <v>450902</v>
      </c>
      <c r="NH14" s="345">
        <v>1613829</v>
      </c>
      <c r="NI14" s="345">
        <v>1314656</v>
      </c>
      <c r="NJ14" s="345">
        <v>598563</v>
      </c>
      <c r="NK14" s="349">
        <v>4404428</v>
      </c>
      <c r="NL14" s="347">
        <v>4404428</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965808</v>
      </c>
      <c r="OG14" s="349">
        <v>965808</v>
      </c>
      <c r="OH14" s="350">
        <v>965808</v>
      </c>
      <c r="OI14" s="348">
        <v>687406</v>
      </c>
      <c r="OJ14" s="345">
        <v>728397</v>
      </c>
      <c r="OK14" s="346">
        <v>1415803</v>
      </c>
      <c r="OL14" s="351">
        <v>0</v>
      </c>
      <c r="OM14" s="345">
        <v>8055909</v>
      </c>
      <c r="ON14" s="345">
        <v>9868002</v>
      </c>
      <c r="OO14" s="345">
        <v>11047684</v>
      </c>
      <c r="OP14" s="345">
        <v>11198466</v>
      </c>
      <c r="OQ14" s="345">
        <v>8782990</v>
      </c>
      <c r="OR14" s="349">
        <v>48953051</v>
      </c>
      <c r="OS14" s="354">
        <v>50368854</v>
      </c>
    </row>
    <row r="15" spans="2:409" s="70" customFormat="1" ht="21" customHeight="1" x14ac:dyDescent="0.2">
      <c r="B15" s="106" t="s">
        <v>9</v>
      </c>
      <c r="C15" s="326">
        <v>1795840</v>
      </c>
      <c r="D15" s="327">
        <v>1633604</v>
      </c>
      <c r="E15" s="328">
        <v>3429444</v>
      </c>
      <c r="F15" s="332">
        <v>0</v>
      </c>
      <c r="G15" s="327">
        <v>13045459</v>
      </c>
      <c r="H15" s="327">
        <v>14391827</v>
      </c>
      <c r="I15" s="327">
        <v>14403237</v>
      </c>
      <c r="J15" s="327">
        <v>12890483</v>
      </c>
      <c r="K15" s="327">
        <v>9215604</v>
      </c>
      <c r="L15" s="329">
        <v>63946610</v>
      </c>
      <c r="M15" s="330">
        <v>67376054</v>
      </c>
      <c r="N15" s="326">
        <v>654804</v>
      </c>
      <c r="O15" s="327">
        <v>503672</v>
      </c>
      <c r="P15" s="328">
        <v>1158476</v>
      </c>
      <c r="Q15" s="326">
        <v>0</v>
      </c>
      <c r="R15" s="327">
        <v>4853421</v>
      </c>
      <c r="S15" s="327">
        <v>4864236</v>
      </c>
      <c r="T15" s="327">
        <v>5627422</v>
      </c>
      <c r="U15" s="327">
        <v>5815180</v>
      </c>
      <c r="V15" s="327">
        <v>4582565</v>
      </c>
      <c r="W15" s="328">
        <v>25742824</v>
      </c>
      <c r="X15" s="330">
        <v>26901300</v>
      </c>
      <c r="Y15" s="326">
        <v>0</v>
      </c>
      <c r="Z15" s="327">
        <v>0</v>
      </c>
      <c r="AA15" s="328">
        <v>0</v>
      </c>
      <c r="AB15" s="326">
        <v>0</v>
      </c>
      <c r="AC15" s="327">
        <v>1844577</v>
      </c>
      <c r="AD15" s="327">
        <v>1630473</v>
      </c>
      <c r="AE15" s="327">
        <v>3231635</v>
      </c>
      <c r="AF15" s="327">
        <v>3519997</v>
      </c>
      <c r="AG15" s="327">
        <v>2770654</v>
      </c>
      <c r="AH15" s="328">
        <v>12997336</v>
      </c>
      <c r="AI15" s="330">
        <v>12997336</v>
      </c>
      <c r="AJ15" s="326">
        <v>0</v>
      </c>
      <c r="AK15" s="327">
        <v>0</v>
      </c>
      <c r="AL15" s="328">
        <v>0</v>
      </c>
      <c r="AM15" s="326">
        <v>0</v>
      </c>
      <c r="AN15" s="327">
        <v>21425</v>
      </c>
      <c r="AO15" s="327">
        <v>0</v>
      </c>
      <c r="AP15" s="327">
        <v>42851</v>
      </c>
      <c r="AQ15" s="327">
        <v>327087</v>
      </c>
      <c r="AR15" s="327">
        <v>448609</v>
      </c>
      <c r="AS15" s="328">
        <v>839972</v>
      </c>
      <c r="AT15" s="330">
        <v>839972</v>
      </c>
      <c r="AU15" s="326">
        <v>370004</v>
      </c>
      <c r="AV15" s="327">
        <v>401790</v>
      </c>
      <c r="AW15" s="328">
        <v>771794</v>
      </c>
      <c r="AX15" s="326">
        <v>0</v>
      </c>
      <c r="AY15" s="327">
        <v>2332632</v>
      </c>
      <c r="AZ15" s="327">
        <v>1964408</v>
      </c>
      <c r="BA15" s="327">
        <v>1312142</v>
      </c>
      <c r="BB15" s="327">
        <v>1069262</v>
      </c>
      <c r="BC15" s="327">
        <v>746297</v>
      </c>
      <c r="BD15" s="328">
        <v>7424741</v>
      </c>
      <c r="BE15" s="330">
        <v>8196535</v>
      </c>
      <c r="BF15" s="326">
        <v>18436</v>
      </c>
      <c r="BG15" s="327">
        <v>22537</v>
      </c>
      <c r="BH15" s="331">
        <v>40973</v>
      </c>
      <c r="BI15" s="332">
        <v>0</v>
      </c>
      <c r="BJ15" s="327">
        <v>39116</v>
      </c>
      <c r="BK15" s="327">
        <v>282054</v>
      </c>
      <c r="BL15" s="327">
        <v>134091</v>
      </c>
      <c r="BM15" s="327">
        <v>124704</v>
      </c>
      <c r="BN15" s="327">
        <v>146108</v>
      </c>
      <c r="BO15" s="328">
        <v>726073</v>
      </c>
      <c r="BP15" s="330">
        <v>767046</v>
      </c>
      <c r="BQ15" s="326">
        <v>266364</v>
      </c>
      <c r="BR15" s="327">
        <v>79345</v>
      </c>
      <c r="BS15" s="328">
        <v>345709</v>
      </c>
      <c r="BT15" s="326">
        <v>0</v>
      </c>
      <c r="BU15" s="327">
        <v>615671</v>
      </c>
      <c r="BV15" s="327">
        <v>987301</v>
      </c>
      <c r="BW15" s="327">
        <v>906703</v>
      </c>
      <c r="BX15" s="327">
        <v>774130</v>
      </c>
      <c r="BY15" s="327">
        <v>470897</v>
      </c>
      <c r="BZ15" s="328">
        <v>3754702</v>
      </c>
      <c r="CA15" s="330">
        <v>4100411</v>
      </c>
      <c r="CB15" s="326">
        <v>154001</v>
      </c>
      <c r="CC15" s="327">
        <v>422009</v>
      </c>
      <c r="CD15" s="328">
        <v>576010</v>
      </c>
      <c r="CE15" s="326">
        <v>0</v>
      </c>
      <c r="CF15" s="327">
        <v>3235346</v>
      </c>
      <c r="CG15" s="327">
        <v>2555934</v>
      </c>
      <c r="CH15" s="327">
        <v>2140968</v>
      </c>
      <c r="CI15" s="327">
        <v>1093848</v>
      </c>
      <c r="CJ15" s="327">
        <v>575805</v>
      </c>
      <c r="CK15" s="328">
        <v>9601901</v>
      </c>
      <c r="CL15" s="330">
        <v>10177911</v>
      </c>
      <c r="CM15" s="326">
        <v>0</v>
      </c>
      <c r="CN15" s="327">
        <v>0</v>
      </c>
      <c r="CO15" s="328">
        <v>0</v>
      </c>
      <c r="CP15" s="332">
        <v>0</v>
      </c>
      <c r="CQ15" s="327">
        <v>2633959</v>
      </c>
      <c r="CR15" s="327">
        <v>1859247</v>
      </c>
      <c r="CS15" s="327">
        <v>1526053</v>
      </c>
      <c r="CT15" s="327">
        <v>629949</v>
      </c>
      <c r="CU15" s="327">
        <v>253844</v>
      </c>
      <c r="CV15" s="328">
        <v>6903052</v>
      </c>
      <c r="CW15" s="330">
        <v>6903052</v>
      </c>
      <c r="CX15" s="326">
        <v>154001</v>
      </c>
      <c r="CY15" s="327">
        <v>422009</v>
      </c>
      <c r="CZ15" s="328">
        <v>576010</v>
      </c>
      <c r="DA15" s="326">
        <v>0</v>
      </c>
      <c r="DB15" s="327">
        <v>601387</v>
      </c>
      <c r="DC15" s="327">
        <v>696687</v>
      </c>
      <c r="DD15" s="327">
        <v>614915</v>
      </c>
      <c r="DE15" s="327">
        <v>463899</v>
      </c>
      <c r="DF15" s="327">
        <v>321961</v>
      </c>
      <c r="DG15" s="328">
        <v>2698849</v>
      </c>
      <c r="DH15" s="330">
        <v>3274859</v>
      </c>
      <c r="DI15" s="326">
        <v>17913</v>
      </c>
      <c r="DJ15" s="327">
        <v>0</v>
      </c>
      <c r="DK15" s="331">
        <v>17913</v>
      </c>
      <c r="DL15" s="332">
        <v>0</v>
      </c>
      <c r="DM15" s="327">
        <v>287466</v>
      </c>
      <c r="DN15" s="327">
        <v>703289</v>
      </c>
      <c r="DO15" s="327">
        <v>1222186</v>
      </c>
      <c r="DP15" s="327">
        <v>818860</v>
      </c>
      <c r="DQ15" s="327">
        <v>440051</v>
      </c>
      <c r="DR15" s="328">
        <v>3471852</v>
      </c>
      <c r="DS15" s="330">
        <v>3489765</v>
      </c>
      <c r="DT15" s="326">
        <v>17913</v>
      </c>
      <c r="DU15" s="327">
        <v>0</v>
      </c>
      <c r="DV15" s="328">
        <v>17913</v>
      </c>
      <c r="DW15" s="326">
        <v>0</v>
      </c>
      <c r="DX15" s="327">
        <v>287466</v>
      </c>
      <c r="DY15" s="327">
        <v>573419</v>
      </c>
      <c r="DZ15" s="327">
        <v>927038</v>
      </c>
      <c r="EA15" s="327">
        <v>316017</v>
      </c>
      <c r="EB15" s="327">
        <v>440051</v>
      </c>
      <c r="EC15" s="328">
        <v>2543991</v>
      </c>
      <c r="ED15" s="330">
        <v>2561904</v>
      </c>
      <c r="EE15" s="326">
        <v>0</v>
      </c>
      <c r="EF15" s="331">
        <v>0</v>
      </c>
      <c r="EG15" s="328">
        <v>0</v>
      </c>
      <c r="EH15" s="326">
        <v>0</v>
      </c>
      <c r="EI15" s="327">
        <v>0</v>
      </c>
      <c r="EJ15" s="327">
        <v>129870</v>
      </c>
      <c r="EK15" s="327">
        <v>295148</v>
      </c>
      <c r="EL15" s="327">
        <v>502843</v>
      </c>
      <c r="EM15" s="327">
        <v>0</v>
      </c>
      <c r="EN15" s="331">
        <v>927861</v>
      </c>
      <c r="EO15" s="330">
        <v>927861</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219198</v>
      </c>
      <c r="FM15" s="327">
        <v>211953</v>
      </c>
      <c r="FN15" s="328">
        <v>431151</v>
      </c>
      <c r="FO15" s="326">
        <v>0</v>
      </c>
      <c r="FP15" s="327">
        <v>563268</v>
      </c>
      <c r="FQ15" s="327">
        <v>1172777</v>
      </c>
      <c r="FR15" s="327">
        <v>813847</v>
      </c>
      <c r="FS15" s="327">
        <v>1021746</v>
      </c>
      <c r="FT15" s="327">
        <v>842576</v>
      </c>
      <c r="FU15" s="328">
        <v>4414214</v>
      </c>
      <c r="FV15" s="330">
        <v>4845365</v>
      </c>
      <c r="FW15" s="333">
        <v>102998</v>
      </c>
      <c r="FX15" s="327">
        <v>186312</v>
      </c>
      <c r="FY15" s="331">
        <v>289310</v>
      </c>
      <c r="FZ15" s="332">
        <v>0</v>
      </c>
      <c r="GA15" s="327">
        <v>536126</v>
      </c>
      <c r="GB15" s="327">
        <v>1147367</v>
      </c>
      <c r="GC15" s="327">
        <v>804299</v>
      </c>
      <c r="GD15" s="327">
        <v>1021746</v>
      </c>
      <c r="GE15" s="327">
        <v>714476</v>
      </c>
      <c r="GF15" s="328">
        <v>4224014</v>
      </c>
      <c r="GG15" s="334">
        <v>4513324</v>
      </c>
      <c r="GH15" s="333">
        <v>0</v>
      </c>
      <c r="GI15" s="327">
        <v>25641</v>
      </c>
      <c r="GJ15" s="331">
        <v>25641</v>
      </c>
      <c r="GK15" s="332">
        <v>0</v>
      </c>
      <c r="GL15" s="327">
        <v>27142</v>
      </c>
      <c r="GM15" s="327">
        <v>25410</v>
      </c>
      <c r="GN15" s="327">
        <v>9548</v>
      </c>
      <c r="GO15" s="327">
        <v>0</v>
      </c>
      <c r="GP15" s="327">
        <v>0</v>
      </c>
      <c r="GQ15" s="328">
        <v>62100</v>
      </c>
      <c r="GR15" s="330">
        <v>87741</v>
      </c>
      <c r="GS15" s="326">
        <v>116200</v>
      </c>
      <c r="GT15" s="327">
        <v>0</v>
      </c>
      <c r="GU15" s="328">
        <v>116200</v>
      </c>
      <c r="GV15" s="326">
        <v>0</v>
      </c>
      <c r="GW15" s="327">
        <v>0</v>
      </c>
      <c r="GX15" s="327">
        <v>0</v>
      </c>
      <c r="GY15" s="327">
        <v>0</v>
      </c>
      <c r="GZ15" s="327">
        <v>0</v>
      </c>
      <c r="HA15" s="327">
        <v>128100</v>
      </c>
      <c r="HB15" s="331">
        <v>128100</v>
      </c>
      <c r="HC15" s="330">
        <v>244300</v>
      </c>
      <c r="HD15" s="326">
        <v>749924</v>
      </c>
      <c r="HE15" s="327">
        <v>495970</v>
      </c>
      <c r="HF15" s="331">
        <v>1245894</v>
      </c>
      <c r="HG15" s="332">
        <v>0</v>
      </c>
      <c r="HH15" s="327">
        <v>4105958</v>
      </c>
      <c r="HI15" s="327">
        <v>5095591</v>
      </c>
      <c r="HJ15" s="327">
        <v>4598814</v>
      </c>
      <c r="HK15" s="327">
        <v>4140849</v>
      </c>
      <c r="HL15" s="327">
        <v>2774607</v>
      </c>
      <c r="HM15" s="328">
        <v>20715819</v>
      </c>
      <c r="HN15" s="329">
        <v>21961713</v>
      </c>
      <c r="HO15" s="333">
        <v>0</v>
      </c>
      <c r="HP15" s="327">
        <v>0</v>
      </c>
      <c r="HQ15" s="328">
        <v>0</v>
      </c>
      <c r="HR15" s="326">
        <v>0</v>
      </c>
      <c r="HS15" s="327">
        <v>0</v>
      </c>
      <c r="HT15" s="327">
        <v>0</v>
      </c>
      <c r="HU15" s="327">
        <v>0</v>
      </c>
      <c r="HV15" s="327">
        <v>0</v>
      </c>
      <c r="HW15" s="327">
        <v>0</v>
      </c>
      <c r="HX15" s="331">
        <v>0</v>
      </c>
      <c r="HY15" s="330">
        <v>0</v>
      </c>
      <c r="HZ15" s="360">
        <v>0</v>
      </c>
      <c r="IA15" s="361">
        <v>67523</v>
      </c>
      <c r="IB15" s="362">
        <v>67523</v>
      </c>
      <c r="IC15" s="338">
        <v>0</v>
      </c>
      <c r="ID15" s="336">
        <v>2836514</v>
      </c>
      <c r="IE15" s="339">
        <v>2179018</v>
      </c>
      <c r="IF15" s="337">
        <v>2948499</v>
      </c>
      <c r="IG15" s="336">
        <v>1999791</v>
      </c>
      <c r="IH15" s="337">
        <v>2030885</v>
      </c>
      <c r="II15" s="340">
        <v>11994707</v>
      </c>
      <c r="IJ15" s="363">
        <v>12062230</v>
      </c>
      <c r="IK15" s="342">
        <v>0</v>
      </c>
      <c r="IL15" s="343">
        <v>0</v>
      </c>
      <c r="IM15" s="344">
        <v>0</v>
      </c>
      <c r="IN15" s="404">
        <v>0</v>
      </c>
      <c r="IO15" s="345">
        <v>0</v>
      </c>
      <c r="IP15" s="345">
        <v>111321</v>
      </c>
      <c r="IQ15" s="345">
        <v>-144783</v>
      </c>
      <c r="IR15" s="345">
        <v>196383</v>
      </c>
      <c r="IS15" s="345">
        <v>255502</v>
      </c>
      <c r="IT15" s="346">
        <v>418423</v>
      </c>
      <c r="IU15" s="347">
        <v>418423</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232868</v>
      </c>
      <c r="JL15" s="345">
        <v>1332912</v>
      </c>
      <c r="JM15" s="345">
        <v>1284330</v>
      </c>
      <c r="JN15" s="345">
        <v>883280</v>
      </c>
      <c r="JO15" s="345">
        <v>438201</v>
      </c>
      <c r="JP15" s="349">
        <v>5171591</v>
      </c>
      <c r="JQ15" s="347">
        <v>5171591</v>
      </c>
      <c r="JR15" s="348">
        <v>0</v>
      </c>
      <c r="JS15" s="345">
        <v>0</v>
      </c>
      <c r="JT15" s="346">
        <v>0</v>
      </c>
      <c r="JU15" s="351">
        <v>0</v>
      </c>
      <c r="JV15" s="345">
        <v>0</v>
      </c>
      <c r="JW15" s="345">
        <v>81313</v>
      </c>
      <c r="JX15" s="345">
        <v>113009</v>
      </c>
      <c r="JY15" s="345">
        <v>0</v>
      </c>
      <c r="JZ15" s="345">
        <v>0</v>
      </c>
      <c r="KA15" s="349">
        <v>194322</v>
      </c>
      <c r="KB15" s="347">
        <v>194322</v>
      </c>
      <c r="KC15" s="352">
        <v>0</v>
      </c>
      <c r="KD15" s="353">
        <v>67523</v>
      </c>
      <c r="KE15" s="349">
        <v>67523</v>
      </c>
      <c r="KF15" s="351">
        <v>0</v>
      </c>
      <c r="KG15" s="345">
        <v>1603646</v>
      </c>
      <c r="KH15" s="345">
        <v>93746</v>
      </c>
      <c r="KI15" s="345">
        <v>383157</v>
      </c>
      <c r="KJ15" s="345">
        <v>0</v>
      </c>
      <c r="KK15" s="345">
        <v>298432</v>
      </c>
      <c r="KL15" s="349">
        <v>2378981</v>
      </c>
      <c r="KM15" s="354">
        <v>2446504</v>
      </c>
      <c r="KN15" s="342">
        <v>0</v>
      </c>
      <c r="KO15" s="343">
        <v>0</v>
      </c>
      <c r="KP15" s="344">
        <v>0</v>
      </c>
      <c r="KQ15" s="404">
        <v>0</v>
      </c>
      <c r="KR15" s="345">
        <v>0</v>
      </c>
      <c r="KS15" s="345">
        <v>218403</v>
      </c>
      <c r="KT15" s="345">
        <v>1137729</v>
      </c>
      <c r="KU15" s="345">
        <v>920128</v>
      </c>
      <c r="KV15" s="345">
        <v>245585</v>
      </c>
      <c r="KW15" s="349">
        <v>2521845</v>
      </c>
      <c r="KX15" s="347">
        <v>2521845</v>
      </c>
      <c r="KY15" s="348">
        <v>0</v>
      </c>
      <c r="KZ15" s="345">
        <v>0</v>
      </c>
      <c r="LA15" s="349">
        <v>0</v>
      </c>
      <c r="LB15" s="404">
        <v>0</v>
      </c>
      <c r="LC15" s="345">
        <v>0</v>
      </c>
      <c r="LD15" s="345">
        <v>157189</v>
      </c>
      <c r="LE15" s="345">
        <v>175057</v>
      </c>
      <c r="LF15" s="345">
        <v>0</v>
      </c>
      <c r="LG15" s="345">
        <v>209028</v>
      </c>
      <c r="LH15" s="349">
        <v>541274</v>
      </c>
      <c r="LI15" s="350">
        <v>541274</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4134</v>
      </c>
      <c r="MA15" s="345">
        <v>0</v>
      </c>
      <c r="MB15" s="345">
        <v>0</v>
      </c>
      <c r="MC15" s="345">
        <v>584137</v>
      </c>
      <c r="MD15" s="349">
        <v>768271</v>
      </c>
      <c r="ME15" s="350">
        <v>768271</v>
      </c>
      <c r="MF15" s="348">
        <v>0</v>
      </c>
      <c r="MG15" s="345">
        <v>0</v>
      </c>
      <c r="MH15" s="349">
        <v>0</v>
      </c>
      <c r="MI15" s="404">
        <v>0</v>
      </c>
      <c r="MJ15" s="345">
        <v>637433</v>
      </c>
      <c r="MK15" s="345">
        <v>1339282</v>
      </c>
      <c r="ML15" s="345">
        <v>2928986</v>
      </c>
      <c r="MM15" s="345">
        <v>5662746</v>
      </c>
      <c r="MN15" s="345">
        <v>4584115</v>
      </c>
      <c r="MO15" s="349">
        <v>15152562</v>
      </c>
      <c r="MP15" s="354">
        <v>15152562</v>
      </c>
      <c r="MQ15" s="348">
        <v>0</v>
      </c>
      <c r="MR15" s="345">
        <v>0</v>
      </c>
      <c r="MS15" s="349">
        <v>0</v>
      </c>
      <c r="MT15" s="404">
        <v>0</v>
      </c>
      <c r="MU15" s="345">
        <v>0</v>
      </c>
      <c r="MV15" s="345">
        <v>0</v>
      </c>
      <c r="MW15" s="345">
        <v>1317858</v>
      </c>
      <c r="MX15" s="345">
        <v>4317949</v>
      </c>
      <c r="MY15" s="345">
        <v>2704046</v>
      </c>
      <c r="MZ15" s="349">
        <v>8339853</v>
      </c>
      <c r="NA15" s="354">
        <v>8339853</v>
      </c>
      <c r="NB15" s="348">
        <v>0</v>
      </c>
      <c r="NC15" s="345">
        <v>0</v>
      </c>
      <c r="ND15" s="349">
        <v>0</v>
      </c>
      <c r="NE15" s="404">
        <v>0</v>
      </c>
      <c r="NF15" s="345">
        <v>637433</v>
      </c>
      <c r="NG15" s="345">
        <v>1339282</v>
      </c>
      <c r="NH15" s="345">
        <v>1611128</v>
      </c>
      <c r="NI15" s="345">
        <v>1344797</v>
      </c>
      <c r="NJ15" s="345">
        <v>1880069</v>
      </c>
      <c r="NK15" s="349">
        <v>6812709</v>
      </c>
      <c r="NL15" s="347">
        <v>6812709</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795840</v>
      </c>
      <c r="OJ15" s="345">
        <v>1701127</v>
      </c>
      <c r="OK15" s="346">
        <v>3496967</v>
      </c>
      <c r="OL15" s="351">
        <v>0</v>
      </c>
      <c r="OM15" s="345">
        <v>16519406</v>
      </c>
      <c r="ON15" s="345">
        <v>17910127</v>
      </c>
      <c r="OO15" s="345">
        <v>20280722</v>
      </c>
      <c r="OP15" s="345">
        <v>20553020</v>
      </c>
      <c r="OQ15" s="345">
        <v>15830604</v>
      </c>
      <c r="OR15" s="349">
        <v>91093879</v>
      </c>
      <c r="OS15" s="354">
        <v>94590846</v>
      </c>
    </row>
    <row r="16" spans="2:409" s="70" customFormat="1" ht="21" customHeight="1" x14ac:dyDescent="0.2">
      <c r="B16" s="106" t="s">
        <v>10</v>
      </c>
      <c r="C16" s="326">
        <v>1273876</v>
      </c>
      <c r="D16" s="327">
        <v>2618037</v>
      </c>
      <c r="E16" s="328">
        <v>3891913</v>
      </c>
      <c r="F16" s="364">
        <v>0</v>
      </c>
      <c r="G16" s="327">
        <v>17777522</v>
      </c>
      <c r="H16" s="327">
        <v>17268588</v>
      </c>
      <c r="I16" s="327">
        <v>18804773</v>
      </c>
      <c r="J16" s="327">
        <v>14147199</v>
      </c>
      <c r="K16" s="327">
        <v>11327238</v>
      </c>
      <c r="L16" s="329">
        <v>79325320</v>
      </c>
      <c r="M16" s="330">
        <v>83217233</v>
      </c>
      <c r="N16" s="326">
        <v>552515</v>
      </c>
      <c r="O16" s="327">
        <v>869834</v>
      </c>
      <c r="P16" s="328">
        <v>1422349</v>
      </c>
      <c r="Q16" s="326">
        <v>0</v>
      </c>
      <c r="R16" s="327">
        <v>6122641</v>
      </c>
      <c r="S16" s="327">
        <v>6719228</v>
      </c>
      <c r="T16" s="327">
        <v>7067703</v>
      </c>
      <c r="U16" s="327">
        <v>5392753</v>
      </c>
      <c r="V16" s="327">
        <v>4324865</v>
      </c>
      <c r="W16" s="328">
        <v>29627190</v>
      </c>
      <c r="X16" s="330">
        <v>31049539</v>
      </c>
      <c r="Y16" s="326">
        <v>0</v>
      </c>
      <c r="Z16" s="327">
        <v>0</v>
      </c>
      <c r="AA16" s="328">
        <v>0</v>
      </c>
      <c r="AB16" s="326">
        <v>0</v>
      </c>
      <c r="AC16" s="327">
        <v>2704456</v>
      </c>
      <c r="AD16" s="327">
        <v>3175116</v>
      </c>
      <c r="AE16" s="327">
        <v>4651601</v>
      </c>
      <c r="AF16" s="327">
        <v>3070609</v>
      </c>
      <c r="AG16" s="327">
        <v>2406793</v>
      </c>
      <c r="AH16" s="328">
        <v>16008575</v>
      </c>
      <c r="AI16" s="330">
        <v>16008575</v>
      </c>
      <c r="AJ16" s="326">
        <v>0</v>
      </c>
      <c r="AK16" s="327">
        <v>0</v>
      </c>
      <c r="AL16" s="328">
        <v>0</v>
      </c>
      <c r="AM16" s="326">
        <v>0</v>
      </c>
      <c r="AN16" s="327">
        <v>0</v>
      </c>
      <c r="AO16" s="327">
        <v>128205</v>
      </c>
      <c r="AP16" s="327">
        <v>203076</v>
      </c>
      <c r="AQ16" s="327">
        <v>265704</v>
      </c>
      <c r="AR16" s="327">
        <v>269249</v>
      </c>
      <c r="AS16" s="328">
        <v>866234</v>
      </c>
      <c r="AT16" s="330">
        <v>866234</v>
      </c>
      <c r="AU16" s="326">
        <v>374496</v>
      </c>
      <c r="AV16" s="327">
        <v>631302</v>
      </c>
      <c r="AW16" s="328">
        <v>1005798</v>
      </c>
      <c r="AX16" s="326">
        <v>0</v>
      </c>
      <c r="AY16" s="327">
        <v>2034804</v>
      </c>
      <c r="AZ16" s="327">
        <v>2008634</v>
      </c>
      <c r="BA16" s="327">
        <v>907903</v>
      </c>
      <c r="BB16" s="327">
        <v>1114012</v>
      </c>
      <c r="BC16" s="327">
        <v>666149</v>
      </c>
      <c r="BD16" s="328">
        <v>6731502</v>
      </c>
      <c r="BE16" s="330">
        <v>7737300</v>
      </c>
      <c r="BF16" s="326">
        <v>13610</v>
      </c>
      <c r="BG16" s="327">
        <v>66976</v>
      </c>
      <c r="BH16" s="331">
        <v>80586</v>
      </c>
      <c r="BI16" s="332">
        <v>0</v>
      </c>
      <c r="BJ16" s="327">
        <v>236900</v>
      </c>
      <c r="BK16" s="327">
        <v>231784</v>
      </c>
      <c r="BL16" s="327">
        <v>73179</v>
      </c>
      <c r="BM16" s="327">
        <v>18743</v>
      </c>
      <c r="BN16" s="327">
        <v>55874</v>
      </c>
      <c r="BO16" s="328">
        <v>616480</v>
      </c>
      <c r="BP16" s="330">
        <v>697066</v>
      </c>
      <c r="BQ16" s="326">
        <v>164409</v>
      </c>
      <c r="BR16" s="327">
        <v>171556</v>
      </c>
      <c r="BS16" s="328">
        <v>335965</v>
      </c>
      <c r="BT16" s="326">
        <v>0</v>
      </c>
      <c r="BU16" s="327">
        <v>1146481</v>
      </c>
      <c r="BV16" s="327">
        <v>1175489</v>
      </c>
      <c r="BW16" s="327">
        <v>1231944</v>
      </c>
      <c r="BX16" s="327">
        <v>923685</v>
      </c>
      <c r="BY16" s="327">
        <v>926800</v>
      </c>
      <c r="BZ16" s="328">
        <v>5404399</v>
      </c>
      <c r="CA16" s="330">
        <v>5740364</v>
      </c>
      <c r="CB16" s="326">
        <v>89728</v>
      </c>
      <c r="CC16" s="327">
        <v>101678</v>
      </c>
      <c r="CD16" s="328">
        <v>191406</v>
      </c>
      <c r="CE16" s="326">
        <v>0</v>
      </c>
      <c r="CF16" s="327">
        <v>5848317</v>
      </c>
      <c r="CG16" s="327">
        <v>3635365</v>
      </c>
      <c r="CH16" s="327">
        <v>4206358</v>
      </c>
      <c r="CI16" s="327">
        <v>1295909</v>
      </c>
      <c r="CJ16" s="327">
        <v>720477</v>
      </c>
      <c r="CK16" s="328">
        <v>15706426</v>
      </c>
      <c r="CL16" s="330">
        <v>15897832</v>
      </c>
      <c r="CM16" s="326">
        <v>0</v>
      </c>
      <c r="CN16" s="327">
        <v>0</v>
      </c>
      <c r="CO16" s="328">
        <v>0</v>
      </c>
      <c r="CP16" s="332">
        <v>0</v>
      </c>
      <c r="CQ16" s="327">
        <v>5064999</v>
      </c>
      <c r="CR16" s="327">
        <v>2715473</v>
      </c>
      <c r="CS16" s="327">
        <v>3459240</v>
      </c>
      <c r="CT16" s="327">
        <v>1168617</v>
      </c>
      <c r="CU16" s="327">
        <v>497439</v>
      </c>
      <c r="CV16" s="328">
        <v>12905768</v>
      </c>
      <c r="CW16" s="330">
        <v>12905768</v>
      </c>
      <c r="CX16" s="326">
        <v>89728</v>
      </c>
      <c r="CY16" s="327">
        <v>101678</v>
      </c>
      <c r="CZ16" s="328">
        <v>191406</v>
      </c>
      <c r="DA16" s="326">
        <v>0</v>
      </c>
      <c r="DB16" s="327">
        <v>783318</v>
      </c>
      <c r="DC16" s="327">
        <v>919892</v>
      </c>
      <c r="DD16" s="327">
        <v>747118</v>
      </c>
      <c r="DE16" s="327">
        <v>127292</v>
      </c>
      <c r="DF16" s="327">
        <v>223038</v>
      </c>
      <c r="DG16" s="328">
        <v>2800658</v>
      </c>
      <c r="DH16" s="330">
        <v>2992064</v>
      </c>
      <c r="DI16" s="326">
        <v>0</v>
      </c>
      <c r="DJ16" s="327">
        <v>146305</v>
      </c>
      <c r="DK16" s="331">
        <v>146305</v>
      </c>
      <c r="DL16" s="332">
        <v>0</v>
      </c>
      <c r="DM16" s="327">
        <v>443638</v>
      </c>
      <c r="DN16" s="327">
        <v>623046</v>
      </c>
      <c r="DO16" s="327">
        <v>1261370</v>
      </c>
      <c r="DP16" s="327">
        <v>1337056</v>
      </c>
      <c r="DQ16" s="327">
        <v>391148</v>
      </c>
      <c r="DR16" s="328">
        <v>4056258</v>
      </c>
      <c r="DS16" s="330">
        <v>4202563</v>
      </c>
      <c r="DT16" s="326">
        <v>0</v>
      </c>
      <c r="DU16" s="327">
        <v>146305</v>
      </c>
      <c r="DV16" s="328">
        <v>146305</v>
      </c>
      <c r="DW16" s="326">
        <v>0</v>
      </c>
      <c r="DX16" s="327">
        <v>443638</v>
      </c>
      <c r="DY16" s="327">
        <v>602137</v>
      </c>
      <c r="DZ16" s="327">
        <v>1217177</v>
      </c>
      <c r="EA16" s="327">
        <v>1084510</v>
      </c>
      <c r="EB16" s="327">
        <v>341399</v>
      </c>
      <c r="EC16" s="328">
        <v>3688861</v>
      </c>
      <c r="ED16" s="330">
        <v>3835166</v>
      </c>
      <c r="EE16" s="326">
        <v>0</v>
      </c>
      <c r="EF16" s="331">
        <v>0</v>
      </c>
      <c r="EG16" s="328">
        <v>0</v>
      </c>
      <c r="EH16" s="326">
        <v>0</v>
      </c>
      <c r="EI16" s="327">
        <v>0</v>
      </c>
      <c r="EJ16" s="327">
        <v>20909</v>
      </c>
      <c r="EK16" s="327">
        <v>44193</v>
      </c>
      <c r="EL16" s="327">
        <v>252546</v>
      </c>
      <c r="EM16" s="327">
        <v>49749</v>
      </c>
      <c r="EN16" s="331">
        <v>367397</v>
      </c>
      <c r="EO16" s="330">
        <v>36739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286069</v>
      </c>
      <c r="FM16" s="327">
        <v>750407</v>
      </c>
      <c r="FN16" s="328">
        <v>1036476</v>
      </c>
      <c r="FO16" s="326">
        <v>0</v>
      </c>
      <c r="FP16" s="327">
        <v>904274</v>
      </c>
      <c r="FQ16" s="327">
        <v>1809075</v>
      </c>
      <c r="FR16" s="327">
        <v>1086155</v>
      </c>
      <c r="FS16" s="327">
        <v>766577</v>
      </c>
      <c r="FT16" s="327">
        <v>430066</v>
      </c>
      <c r="FU16" s="328">
        <v>4996147</v>
      </c>
      <c r="FV16" s="330">
        <v>6032623</v>
      </c>
      <c r="FW16" s="333">
        <v>197169</v>
      </c>
      <c r="FX16" s="327">
        <v>549857</v>
      </c>
      <c r="FY16" s="331">
        <v>747026</v>
      </c>
      <c r="FZ16" s="332">
        <v>0</v>
      </c>
      <c r="GA16" s="327">
        <v>726061</v>
      </c>
      <c r="GB16" s="327">
        <v>1418263</v>
      </c>
      <c r="GC16" s="327">
        <v>1009309</v>
      </c>
      <c r="GD16" s="327">
        <v>645974</v>
      </c>
      <c r="GE16" s="327">
        <v>426916</v>
      </c>
      <c r="GF16" s="328">
        <v>4226523</v>
      </c>
      <c r="GG16" s="334">
        <v>4973549</v>
      </c>
      <c r="GH16" s="333">
        <v>0</v>
      </c>
      <c r="GI16" s="327">
        <v>50050</v>
      </c>
      <c r="GJ16" s="331">
        <v>50050</v>
      </c>
      <c r="GK16" s="332">
        <v>0</v>
      </c>
      <c r="GL16" s="327">
        <v>36190</v>
      </c>
      <c r="GM16" s="327">
        <v>250812</v>
      </c>
      <c r="GN16" s="327">
        <v>76846</v>
      </c>
      <c r="GO16" s="327">
        <v>41503</v>
      </c>
      <c r="GP16" s="327">
        <v>3150</v>
      </c>
      <c r="GQ16" s="328">
        <v>408501</v>
      </c>
      <c r="GR16" s="330">
        <v>458551</v>
      </c>
      <c r="GS16" s="326">
        <v>88900</v>
      </c>
      <c r="GT16" s="327">
        <v>150500</v>
      </c>
      <c r="GU16" s="328">
        <v>239400</v>
      </c>
      <c r="GV16" s="326">
        <v>0</v>
      </c>
      <c r="GW16" s="327">
        <v>142023</v>
      </c>
      <c r="GX16" s="327">
        <v>140000</v>
      </c>
      <c r="GY16" s="327">
        <v>0</v>
      </c>
      <c r="GZ16" s="327">
        <v>79100</v>
      </c>
      <c r="HA16" s="327">
        <v>0</v>
      </c>
      <c r="HB16" s="331">
        <v>361123</v>
      </c>
      <c r="HC16" s="330">
        <v>600523</v>
      </c>
      <c r="HD16" s="326">
        <v>345564</v>
      </c>
      <c r="HE16" s="327">
        <v>749813</v>
      </c>
      <c r="HF16" s="331">
        <v>1095377</v>
      </c>
      <c r="HG16" s="332">
        <v>0</v>
      </c>
      <c r="HH16" s="327">
        <v>4458652</v>
      </c>
      <c r="HI16" s="327">
        <v>4481874</v>
      </c>
      <c r="HJ16" s="327">
        <v>5183187</v>
      </c>
      <c r="HK16" s="327">
        <v>5354904</v>
      </c>
      <c r="HL16" s="327">
        <v>5460682</v>
      </c>
      <c r="HM16" s="328">
        <v>24939299</v>
      </c>
      <c r="HN16" s="329">
        <v>26034676</v>
      </c>
      <c r="HO16" s="333">
        <v>0</v>
      </c>
      <c r="HP16" s="327">
        <v>0</v>
      </c>
      <c r="HQ16" s="328">
        <v>0</v>
      </c>
      <c r="HR16" s="326">
        <v>0</v>
      </c>
      <c r="HS16" s="327">
        <v>0</v>
      </c>
      <c r="HT16" s="327">
        <v>0</v>
      </c>
      <c r="HU16" s="327">
        <v>0</v>
      </c>
      <c r="HV16" s="327">
        <v>0</v>
      </c>
      <c r="HW16" s="327">
        <v>0</v>
      </c>
      <c r="HX16" s="331">
        <v>0</v>
      </c>
      <c r="HY16" s="330">
        <v>0</v>
      </c>
      <c r="HZ16" s="358">
        <v>42756</v>
      </c>
      <c r="IA16" s="356">
        <v>72873</v>
      </c>
      <c r="IB16" s="358">
        <v>115629</v>
      </c>
      <c r="IC16" s="355">
        <v>0</v>
      </c>
      <c r="ID16" s="356">
        <v>2997167</v>
      </c>
      <c r="IE16" s="357">
        <v>2831530</v>
      </c>
      <c r="IF16" s="358">
        <v>3142264</v>
      </c>
      <c r="IG16" s="356">
        <v>3067195</v>
      </c>
      <c r="IH16" s="358">
        <v>3889879</v>
      </c>
      <c r="II16" s="359">
        <v>15928035</v>
      </c>
      <c r="IJ16" s="358">
        <v>16043664</v>
      </c>
      <c r="IK16" s="342">
        <v>0</v>
      </c>
      <c r="IL16" s="343">
        <v>0</v>
      </c>
      <c r="IM16" s="344">
        <v>0</v>
      </c>
      <c r="IN16" s="404">
        <v>0</v>
      </c>
      <c r="IO16" s="345">
        <v>59003</v>
      </c>
      <c r="IP16" s="345">
        <v>217349</v>
      </c>
      <c r="IQ16" s="345">
        <v>327193</v>
      </c>
      <c r="IR16" s="345">
        <v>0</v>
      </c>
      <c r="IS16" s="345">
        <v>257779</v>
      </c>
      <c r="IT16" s="346">
        <v>861324</v>
      </c>
      <c r="IU16" s="347">
        <v>861324</v>
      </c>
      <c r="IV16" s="348">
        <v>0</v>
      </c>
      <c r="IW16" s="345">
        <v>0</v>
      </c>
      <c r="IX16" s="349">
        <v>0</v>
      </c>
      <c r="IY16" s="404">
        <v>0</v>
      </c>
      <c r="IZ16" s="345">
        <v>0</v>
      </c>
      <c r="JA16" s="345">
        <v>0</v>
      </c>
      <c r="JB16" s="345">
        <v>0</v>
      </c>
      <c r="JC16" s="345">
        <v>9188</v>
      </c>
      <c r="JD16" s="345">
        <v>3065</v>
      </c>
      <c r="JE16" s="349">
        <v>12253</v>
      </c>
      <c r="JF16" s="350">
        <v>12253</v>
      </c>
      <c r="JG16" s="348">
        <v>0</v>
      </c>
      <c r="JH16" s="345">
        <v>0</v>
      </c>
      <c r="JI16" s="346">
        <v>0</v>
      </c>
      <c r="JJ16" s="351">
        <v>0</v>
      </c>
      <c r="JK16" s="345">
        <v>1371468</v>
      </c>
      <c r="JL16" s="345">
        <v>577903</v>
      </c>
      <c r="JM16" s="345">
        <v>296788</v>
      </c>
      <c r="JN16" s="345">
        <v>370564</v>
      </c>
      <c r="JO16" s="345">
        <v>4153</v>
      </c>
      <c r="JP16" s="349">
        <v>2620876</v>
      </c>
      <c r="JQ16" s="347">
        <v>2620876</v>
      </c>
      <c r="JR16" s="348">
        <v>0</v>
      </c>
      <c r="JS16" s="345">
        <v>0</v>
      </c>
      <c r="JT16" s="346">
        <v>0</v>
      </c>
      <c r="JU16" s="351">
        <v>0</v>
      </c>
      <c r="JV16" s="345">
        <v>137180</v>
      </c>
      <c r="JW16" s="345">
        <v>0</v>
      </c>
      <c r="JX16" s="345">
        <v>154992</v>
      </c>
      <c r="JY16" s="345">
        <v>289188</v>
      </c>
      <c r="JZ16" s="345">
        <v>0</v>
      </c>
      <c r="KA16" s="349">
        <v>581360</v>
      </c>
      <c r="KB16" s="347">
        <v>581360</v>
      </c>
      <c r="KC16" s="352">
        <v>42756</v>
      </c>
      <c r="KD16" s="353">
        <v>72873</v>
      </c>
      <c r="KE16" s="349">
        <v>115629</v>
      </c>
      <c r="KF16" s="351">
        <v>0</v>
      </c>
      <c r="KG16" s="345">
        <v>412750</v>
      </c>
      <c r="KH16" s="345">
        <v>262452</v>
      </c>
      <c r="KI16" s="345">
        <v>599497</v>
      </c>
      <c r="KJ16" s="345">
        <v>241380</v>
      </c>
      <c r="KK16" s="345">
        <v>0</v>
      </c>
      <c r="KL16" s="349">
        <v>1516079</v>
      </c>
      <c r="KM16" s="354">
        <v>1631708</v>
      </c>
      <c r="KN16" s="342">
        <v>0</v>
      </c>
      <c r="KO16" s="343">
        <v>0</v>
      </c>
      <c r="KP16" s="344">
        <v>0</v>
      </c>
      <c r="KQ16" s="404">
        <v>0</v>
      </c>
      <c r="KR16" s="345">
        <v>624907</v>
      </c>
      <c r="KS16" s="345">
        <v>1315278</v>
      </c>
      <c r="KT16" s="345">
        <v>898948</v>
      </c>
      <c r="KU16" s="345">
        <v>1149864</v>
      </c>
      <c r="KV16" s="345">
        <v>2096031</v>
      </c>
      <c r="KW16" s="349">
        <v>6085028</v>
      </c>
      <c r="KX16" s="347">
        <v>6085028</v>
      </c>
      <c r="KY16" s="348">
        <v>0</v>
      </c>
      <c r="KZ16" s="345">
        <v>0</v>
      </c>
      <c r="LA16" s="349">
        <v>0</v>
      </c>
      <c r="LB16" s="404">
        <v>0</v>
      </c>
      <c r="LC16" s="345">
        <v>136750</v>
      </c>
      <c r="LD16" s="345">
        <v>458548</v>
      </c>
      <c r="LE16" s="345">
        <v>864846</v>
      </c>
      <c r="LF16" s="345">
        <v>530704</v>
      </c>
      <c r="LG16" s="345">
        <v>959107</v>
      </c>
      <c r="LH16" s="349">
        <v>2949955</v>
      </c>
      <c r="LI16" s="350">
        <v>2949955</v>
      </c>
      <c r="LJ16" s="348">
        <v>0</v>
      </c>
      <c r="LK16" s="345">
        <v>0</v>
      </c>
      <c r="LL16" s="349">
        <v>0</v>
      </c>
      <c r="LM16" s="404">
        <v>0</v>
      </c>
      <c r="LN16" s="345">
        <v>0</v>
      </c>
      <c r="LO16" s="345">
        <v>0</v>
      </c>
      <c r="LP16" s="345">
        <v>0</v>
      </c>
      <c r="LQ16" s="345">
        <v>476307</v>
      </c>
      <c r="LR16" s="345">
        <v>0</v>
      </c>
      <c r="LS16" s="349">
        <v>476307</v>
      </c>
      <c r="LT16" s="347">
        <v>476307</v>
      </c>
      <c r="LU16" s="348">
        <v>0</v>
      </c>
      <c r="LV16" s="345">
        <v>0</v>
      </c>
      <c r="LW16" s="349">
        <v>0</v>
      </c>
      <c r="LX16" s="404">
        <v>0</v>
      </c>
      <c r="LY16" s="345">
        <v>255109</v>
      </c>
      <c r="LZ16" s="345">
        <v>0</v>
      </c>
      <c r="MA16" s="345">
        <v>0</v>
      </c>
      <c r="MB16" s="345">
        <v>0</v>
      </c>
      <c r="MC16" s="345">
        <v>569744</v>
      </c>
      <c r="MD16" s="349">
        <v>824853</v>
      </c>
      <c r="ME16" s="350">
        <v>824853</v>
      </c>
      <c r="MF16" s="348">
        <v>0</v>
      </c>
      <c r="MG16" s="345">
        <v>0</v>
      </c>
      <c r="MH16" s="349">
        <v>0</v>
      </c>
      <c r="MI16" s="404">
        <v>0</v>
      </c>
      <c r="MJ16" s="345">
        <v>676338</v>
      </c>
      <c r="MK16" s="345">
        <v>778221</v>
      </c>
      <c r="ML16" s="345">
        <v>5149438</v>
      </c>
      <c r="MM16" s="345">
        <v>7560187</v>
      </c>
      <c r="MN16" s="345">
        <v>5382032</v>
      </c>
      <c r="MO16" s="349">
        <v>19546216</v>
      </c>
      <c r="MP16" s="354">
        <v>19546216</v>
      </c>
      <c r="MQ16" s="348">
        <v>0</v>
      </c>
      <c r="MR16" s="345">
        <v>0</v>
      </c>
      <c r="MS16" s="349">
        <v>0</v>
      </c>
      <c r="MT16" s="404">
        <v>0</v>
      </c>
      <c r="MU16" s="345">
        <v>0</v>
      </c>
      <c r="MV16" s="345">
        <v>186641</v>
      </c>
      <c r="MW16" s="345">
        <v>3477771</v>
      </c>
      <c r="MX16" s="345">
        <v>4016427</v>
      </c>
      <c r="MY16" s="345">
        <v>4578576</v>
      </c>
      <c r="MZ16" s="349">
        <v>12259415</v>
      </c>
      <c r="NA16" s="354">
        <v>12259415</v>
      </c>
      <c r="NB16" s="348">
        <v>0</v>
      </c>
      <c r="NC16" s="345">
        <v>0</v>
      </c>
      <c r="ND16" s="349">
        <v>0</v>
      </c>
      <c r="NE16" s="404">
        <v>0</v>
      </c>
      <c r="NF16" s="345">
        <v>676338</v>
      </c>
      <c r="NG16" s="345">
        <v>591580</v>
      </c>
      <c r="NH16" s="345">
        <v>1393760</v>
      </c>
      <c r="NI16" s="345">
        <v>3543760</v>
      </c>
      <c r="NJ16" s="345">
        <v>495045</v>
      </c>
      <c r="NK16" s="349">
        <v>6700483</v>
      </c>
      <c r="NL16" s="347">
        <v>6700483</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77907</v>
      </c>
      <c r="OE16" s="345">
        <v>0</v>
      </c>
      <c r="OF16" s="345">
        <v>308411</v>
      </c>
      <c r="OG16" s="349">
        <v>586318</v>
      </c>
      <c r="OH16" s="350">
        <v>586318</v>
      </c>
      <c r="OI16" s="348">
        <v>1316632</v>
      </c>
      <c r="OJ16" s="345">
        <v>2690910</v>
      </c>
      <c r="OK16" s="346">
        <v>4007542</v>
      </c>
      <c r="OL16" s="351">
        <v>0</v>
      </c>
      <c r="OM16" s="345">
        <v>21451027</v>
      </c>
      <c r="ON16" s="345">
        <v>20878339</v>
      </c>
      <c r="OO16" s="345">
        <v>27096475</v>
      </c>
      <c r="OP16" s="345">
        <v>24774581</v>
      </c>
      <c r="OQ16" s="345">
        <v>20599149</v>
      </c>
      <c r="OR16" s="349">
        <v>114799571</v>
      </c>
      <c r="OS16" s="354">
        <v>118807113</v>
      </c>
    </row>
    <row r="17" spans="2:409" s="70" customFormat="1" ht="21" customHeight="1" x14ac:dyDescent="0.2">
      <c r="B17" s="106" t="s">
        <v>11</v>
      </c>
      <c r="C17" s="326">
        <v>431664</v>
      </c>
      <c r="D17" s="327">
        <v>459209</v>
      </c>
      <c r="E17" s="365">
        <v>890873</v>
      </c>
      <c r="F17" s="332">
        <v>0</v>
      </c>
      <c r="G17" s="327">
        <v>6249092</v>
      </c>
      <c r="H17" s="327">
        <v>4978182</v>
      </c>
      <c r="I17" s="327">
        <v>4798039</v>
      </c>
      <c r="J17" s="327">
        <v>5267848</v>
      </c>
      <c r="K17" s="327">
        <v>3477122</v>
      </c>
      <c r="L17" s="329">
        <v>24770283</v>
      </c>
      <c r="M17" s="330">
        <v>25661156</v>
      </c>
      <c r="N17" s="326">
        <v>118790</v>
      </c>
      <c r="O17" s="327">
        <v>118343</v>
      </c>
      <c r="P17" s="328">
        <v>237133</v>
      </c>
      <c r="Q17" s="326">
        <v>0</v>
      </c>
      <c r="R17" s="327">
        <v>1638621</v>
      </c>
      <c r="S17" s="327">
        <v>1310991</v>
      </c>
      <c r="T17" s="327">
        <v>1380075</v>
      </c>
      <c r="U17" s="327">
        <v>1809658</v>
      </c>
      <c r="V17" s="327">
        <v>1090994</v>
      </c>
      <c r="W17" s="328">
        <v>7230339</v>
      </c>
      <c r="X17" s="330">
        <v>7467472</v>
      </c>
      <c r="Y17" s="326">
        <v>0</v>
      </c>
      <c r="Z17" s="327">
        <v>0</v>
      </c>
      <c r="AA17" s="328">
        <v>0</v>
      </c>
      <c r="AB17" s="326">
        <v>0</v>
      </c>
      <c r="AC17" s="327">
        <v>576431</v>
      </c>
      <c r="AD17" s="327">
        <v>322008</v>
      </c>
      <c r="AE17" s="327">
        <v>678595</v>
      </c>
      <c r="AF17" s="327">
        <v>734074</v>
      </c>
      <c r="AG17" s="327">
        <v>639554</v>
      </c>
      <c r="AH17" s="328">
        <v>2950662</v>
      </c>
      <c r="AI17" s="330">
        <v>2950662</v>
      </c>
      <c r="AJ17" s="326">
        <v>0</v>
      </c>
      <c r="AK17" s="327">
        <v>0</v>
      </c>
      <c r="AL17" s="328">
        <v>0</v>
      </c>
      <c r="AM17" s="326">
        <v>0</v>
      </c>
      <c r="AN17" s="327">
        <v>12013</v>
      </c>
      <c r="AO17" s="327">
        <v>0</v>
      </c>
      <c r="AP17" s="327">
        <v>32760</v>
      </c>
      <c r="AQ17" s="327">
        <v>173041</v>
      </c>
      <c r="AR17" s="327">
        <v>39594</v>
      </c>
      <c r="AS17" s="328">
        <v>257408</v>
      </c>
      <c r="AT17" s="330">
        <v>257408</v>
      </c>
      <c r="AU17" s="326">
        <v>64874</v>
      </c>
      <c r="AV17" s="327">
        <v>75594</v>
      </c>
      <c r="AW17" s="328">
        <v>140468</v>
      </c>
      <c r="AX17" s="326">
        <v>0</v>
      </c>
      <c r="AY17" s="327">
        <v>786108</v>
      </c>
      <c r="AZ17" s="327">
        <v>629115</v>
      </c>
      <c r="BA17" s="327">
        <v>414909</v>
      </c>
      <c r="BB17" s="327">
        <v>651114</v>
      </c>
      <c r="BC17" s="327">
        <v>264399</v>
      </c>
      <c r="BD17" s="328">
        <v>2745645</v>
      </c>
      <c r="BE17" s="330">
        <v>2886113</v>
      </c>
      <c r="BF17" s="326">
        <v>0</v>
      </c>
      <c r="BG17" s="327">
        <v>12985</v>
      </c>
      <c r="BH17" s="331">
        <v>12985</v>
      </c>
      <c r="BI17" s="332">
        <v>0</v>
      </c>
      <c r="BJ17" s="327">
        <v>22912</v>
      </c>
      <c r="BK17" s="327">
        <v>102051</v>
      </c>
      <c r="BL17" s="327">
        <v>73022</v>
      </c>
      <c r="BM17" s="327">
        <v>20821</v>
      </c>
      <c r="BN17" s="327">
        <v>20999</v>
      </c>
      <c r="BO17" s="328">
        <v>239805</v>
      </c>
      <c r="BP17" s="330">
        <v>252790</v>
      </c>
      <c r="BQ17" s="326">
        <v>53916</v>
      </c>
      <c r="BR17" s="327">
        <v>29764</v>
      </c>
      <c r="BS17" s="328">
        <v>83680</v>
      </c>
      <c r="BT17" s="326">
        <v>0</v>
      </c>
      <c r="BU17" s="327">
        <v>241157</v>
      </c>
      <c r="BV17" s="327">
        <v>257817</v>
      </c>
      <c r="BW17" s="327">
        <v>180789</v>
      </c>
      <c r="BX17" s="327">
        <v>230608</v>
      </c>
      <c r="BY17" s="327">
        <v>126448</v>
      </c>
      <c r="BZ17" s="328">
        <v>1036819</v>
      </c>
      <c r="CA17" s="330">
        <v>1120499</v>
      </c>
      <c r="CB17" s="326">
        <v>18077</v>
      </c>
      <c r="CC17" s="327">
        <v>162099</v>
      </c>
      <c r="CD17" s="328">
        <v>180176</v>
      </c>
      <c r="CE17" s="326">
        <v>0</v>
      </c>
      <c r="CF17" s="327">
        <v>1290549</v>
      </c>
      <c r="CG17" s="327">
        <v>1161135</v>
      </c>
      <c r="CH17" s="327">
        <v>1550304</v>
      </c>
      <c r="CI17" s="327">
        <v>552245</v>
      </c>
      <c r="CJ17" s="327">
        <v>207288</v>
      </c>
      <c r="CK17" s="328">
        <v>4761521</v>
      </c>
      <c r="CL17" s="330">
        <v>4941697</v>
      </c>
      <c r="CM17" s="326">
        <v>0</v>
      </c>
      <c r="CN17" s="327">
        <v>0</v>
      </c>
      <c r="CO17" s="328">
        <v>0</v>
      </c>
      <c r="CP17" s="332">
        <v>0</v>
      </c>
      <c r="CQ17" s="327">
        <v>931706</v>
      </c>
      <c r="CR17" s="327">
        <v>803277</v>
      </c>
      <c r="CS17" s="327">
        <v>949584</v>
      </c>
      <c r="CT17" s="327">
        <v>472429</v>
      </c>
      <c r="CU17" s="327">
        <v>166612</v>
      </c>
      <c r="CV17" s="328">
        <v>3323608</v>
      </c>
      <c r="CW17" s="330">
        <v>3323608</v>
      </c>
      <c r="CX17" s="326">
        <v>18077</v>
      </c>
      <c r="CY17" s="327">
        <v>162099</v>
      </c>
      <c r="CZ17" s="328">
        <v>180176</v>
      </c>
      <c r="DA17" s="326">
        <v>0</v>
      </c>
      <c r="DB17" s="327">
        <v>358843</v>
      </c>
      <c r="DC17" s="327">
        <v>357858</v>
      </c>
      <c r="DD17" s="327">
        <v>600720</v>
      </c>
      <c r="DE17" s="327">
        <v>79816</v>
      </c>
      <c r="DF17" s="327">
        <v>40676</v>
      </c>
      <c r="DG17" s="328">
        <v>1437913</v>
      </c>
      <c r="DH17" s="330">
        <v>1618089</v>
      </c>
      <c r="DI17" s="326">
        <v>0</v>
      </c>
      <c r="DJ17" s="327">
        <v>0</v>
      </c>
      <c r="DK17" s="331">
        <v>0</v>
      </c>
      <c r="DL17" s="332">
        <v>0</v>
      </c>
      <c r="DM17" s="327">
        <v>99118</v>
      </c>
      <c r="DN17" s="327">
        <v>66811</v>
      </c>
      <c r="DO17" s="327">
        <v>127286</v>
      </c>
      <c r="DP17" s="327">
        <v>199552</v>
      </c>
      <c r="DQ17" s="327">
        <v>444207</v>
      </c>
      <c r="DR17" s="328">
        <v>936974</v>
      </c>
      <c r="DS17" s="330">
        <v>936974</v>
      </c>
      <c r="DT17" s="326">
        <v>0</v>
      </c>
      <c r="DU17" s="327">
        <v>0</v>
      </c>
      <c r="DV17" s="328">
        <v>0</v>
      </c>
      <c r="DW17" s="326">
        <v>0</v>
      </c>
      <c r="DX17" s="327">
        <v>99118</v>
      </c>
      <c r="DY17" s="327">
        <v>66811</v>
      </c>
      <c r="DZ17" s="327">
        <v>16940</v>
      </c>
      <c r="EA17" s="327">
        <v>67011</v>
      </c>
      <c r="EB17" s="327">
        <v>70282</v>
      </c>
      <c r="EC17" s="328">
        <v>320162</v>
      </c>
      <c r="ED17" s="330">
        <v>320162</v>
      </c>
      <c r="EE17" s="326">
        <v>0</v>
      </c>
      <c r="EF17" s="331">
        <v>0</v>
      </c>
      <c r="EG17" s="328">
        <v>0</v>
      </c>
      <c r="EH17" s="326">
        <v>0</v>
      </c>
      <c r="EI17" s="327">
        <v>0</v>
      </c>
      <c r="EJ17" s="327">
        <v>0</v>
      </c>
      <c r="EK17" s="327">
        <v>110346</v>
      </c>
      <c r="EL17" s="327">
        <v>132541</v>
      </c>
      <c r="EM17" s="327">
        <v>373925</v>
      </c>
      <c r="EN17" s="331">
        <v>616812</v>
      </c>
      <c r="EO17" s="330">
        <v>616812</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92659</v>
      </c>
      <c r="FM17" s="327">
        <v>87836</v>
      </c>
      <c r="FN17" s="328">
        <v>180495</v>
      </c>
      <c r="FO17" s="326">
        <v>0</v>
      </c>
      <c r="FP17" s="327">
        <v>284679</v>
      </c>
      <c r="FQ17" s="327">
        <v>619437</v>
      </c>
      <c r="FR17" s="327">
        <v>393176</v>
      </c>
      <c r="FS17" s="327">
        <v>445956</v>
      </c>
      <c r="FT17" s="327">
        <v>274190</v>
      </c>
      <c r="FU17" s="328">
        <v>2017438</v>
      </c>
      <c r="FV17" s="330">
        <v>2197933</v>
      </c>
      <c r="FW17" s="333">
        <v>77959</v>
      </c>
      <c r="FX17" s="327">
        <v>76286</v>
      </c>
      <c r="FY17" s="331">
        <v>154245</v>
      </c>
      <c r="FZ17" s="332">
        <v>0</v>
      </c>
      <c r="GA17" s="327">
        <v>245525</v>
      </c>
      <c r="GB17" s="327">
        <v>513177</v>
      </c>
      <c r="GC17" s="327">
        <v>393176</v>
      </c>
      <c r="GD17" s="327">
        <v>445956</v>
      </c>
      <c r="GE17" s="327">
        <v>274190</v>
      </c>
      <c r="GF17" s="328">
        <v>1872024</v>
      </c>
      <c r="GG17" s="334">
        <v>2026269</v>
      </c>
      <c r="GH17" s="333">
        <v>14700</v>
      </c>
      <c r="GI17" s="327">
        <v>0</v>
      </c>
      <c r="GJ17" s="331">
        <v>14700</v>
      </c>
      <c r="GK17" s="332">
        <v>0</v>
      </c>
      <c r="GL17" s="327">
        <v>39154</v>
      </c>
      <c r="GM17" s="327">
        <v>0</v>
      </c>
      <c r="GN17" s="327">
        <v>0</v>
      </c>
      <c r="GO17" s="327">
        <v>0</v>
      </c>
      <c r="GP17" s="327">
        <v>0</v>
      </c>
      <c r="GQ17" s="328">
        <v>39154</v>
      </c>
      <c r="GR17" s="330">
        <v>53854</v>
      </c>
      <c r="GS17" s="326">
        <v>0</v>
      </c>
      <c r="GT17" s="327">
        <v>11550</v>
      </c>
      <c r="GU17" s="328">
        <v>11550</v>
      </c>
      <c r="GV17" s="326">
        <v>0</v>
      </c>
      <c r="GW17" s="327">
        <v>0</v>
      </c>
      <c r="GX17" s="327">
        <v>106260</v>
      </c>
      <c r="GY17" s="327">
        <v>0</v>
      </c>
      <c r="GZ17" s="327">
        <v>0</v>
      </c>
      <c r="HA17" s="327">
        <v>0</v>
      </c>
      <c r="HB17" s="331">
        <v>106260</v>
      </c>
      <c r="HC17" s="330">
        <v>117810</v>
      </c>
      <c r="HD17" s="326">
        <v>202138</v>
      </c>
      <c r="HE17" s="327">
        <v>90931</v>
      </c>
      <c r="HF17" s="331">
        <v>293069</v>
      </c>
      <c r="HG17" s="332">
        <v>0</v>
      </c>
      <c r="HH17" s="327">
        <v>2936125</v>
      </c>
      <c r="HI17" s="327">
        <v>1819808</v>
      </c>
      <c r="HJ17" s="327">
        <v>1347198</v>
      </c>
      <c r="HK17" s="327">
        <v>2260437</v>
      </c>
      <c r="HL17" s="327">
        <v>1460443</v>
      </c>
      <c r="HM17" s="328">
        <v>9824011</v>
      </c>
      <c r="HN17" s="329">
        <v>10117080</v>
      </c>
      <c r="HO17" s="333">
        <v>0</v>
      </c>
      <c r="HP17" s="327">
        <v>0</v>
      </c>
      <c r="HQ17" s="328">
        <v>0</v>
      </c>
      <c r="HR17" s="326">
        <v>0</v>
      </c>
      <c r="HS17" s="327">
        <v>0</v>
      </c>
      <c r="HT17" s="327">
        <v>0</v>
      </c>
      <c r="HU17" s="327">
        <v>0</v>
      </c>
      <c r="HV17" s="327">
        <v>0</v>
      </c>
      <c r="HW17" s="327">
        <v>0</v>
      </c>
      <c r="HX17" s="331">
        <v>0</v>
      </c>
      <c r="HY17" s="330">
        <v>0</v>
      </c>
      <c r="HZ17" s="335">
        <v>0</v>
      </c>
      <c r="IA17" s="336">
        <v>62349</v>
      </c>
      <c r="IB17" s="337">
        <v>62349</v>
      </c>
      <c r="IC17" s="338">
        <v>0</v>
      </c>
      <c r="ID17" s="336">
        <v>1660871</v>
      </c>
      <c r="IE17" s="339">
        <v>1651915</v>
      </c>
      <c r="IF17" s="337">
        <v>1404623</v>
      </c>
      <c r="IG17" s="336">
        <v>1087041</v>
      </c>
      <c r="IH17" s="337">
        <v>507808</v>
      </c>
      <c r="II17" s="340">
        <v>6312258</v>
      </c>
      <c r="IJ17" s="341">
        <v>6374607</v>
      </c>
      <c r="IK17" s="342">
        <v>0</v>
      </c>
      <c r="IL17" s="343">
        <v>0</v>
      </c>
      <c r="IM17" s="344">
        <v>0</v>
      </c>
      <c r="IN17" s="404">
        <v>0</v>
      </c>
      <c r="IO17" s="345">
        <v>0</v>
      </c>
      <c r="IP17" s="345">
        <v>108822</v>
      </c>
      <c r="IQ17" s="345">
        <v>0</v>
      </c>
      <c r="IR17" s="345">
        <v>0</v>
      </c>
      <c r="IS17" s="345">
        <v>248435</v>
      </c>
      <c r="IT17" s="346">
        <v>357257</v>
      </c>
      <c r="IU17" s="347">
        <v>357257</v>
      </c>
      <c r="IV17" s="348">
        <v>0</v>
      </c>
      <c r="IW17" s="345">
        <v>0</v>
      </c>
      <c r="IX17" s="349">
        <v>0</v>
      </c>
      <c r="IY17" s="404">
        <v>0</v>
      </c>
      <c r="IZ17" s="345">
        <v>0</v>
      </c>
      <c r="JA17" s="345">
        <v>0</v>
      </c>
      <c r="JB17" s="345">
        <v>0</v>
      </c>
      <c r="JC17" s="345">
        <v>14657</v>
      </c>
      <c r="JD17" s="345">
        <v>0</v>
      </c>
      <c r="JE17" s="349">
        <v>14657</v>
      </c>
      <c r="JF17" s="350">
        <v>14657</v>
      </c>
      <c r="JG17" s="348">
        <v>0</v>
      </c>
      <c r="JH17" s="345">
        <v>0</v>
      </c>
      <c r="JI17" s="346">
        <v>0</v>
      </c>
      <c r="JJ17" s="351">
        <v>0</v>
      </c>
      <c r="JK17" s="345">
        <v>1051919</v>
      </c>
      <c r="JL17" s="345">
        <v>473732</v>
      </c>
      <c r="JM17" s="345">
        <v>149070</v>
      </c>
      <c r="JN17" s="345">
        <v>372857</v>
      </c>
      <c r="JO17" s="345">
        <v>259373</v>
      </c>
      <c r="JP17" s="349">
        <v>2306951</v>
      </c>
      <c r="JQ17" s="347">
        <v>2306951</v>
      </c>
      <c r="JR17" s="348">
        <v>0</v>
      </c>
      <c r="JS17" s="345">
        <v>0</v>
      </c>
      <c r="JT17" s="346">
        <v>0</v>
      </c>
      <c r="JU17" s="351">
        <v>0</v>
      </c>
      <c r="JV17" s="345">
        <v>179771</v>
      </c>
      <c r="JW17" s="345">
        <v>0</v>
      </c>
      <c r="JX17" s="345">
        <v>0</v>
      </c>
      <c r="JY17" s="345">
        <v>0</v>
      </c>
      <c r="JZ17" s="345">
        <v>0</v>
      </c>
      <c r="KA17" s="349">
        <v>179771</v>
      </c>
      <c r="KB17" s="347">
        <v>179771</v>
      </c>
      <c r="KC17" s="352">
        <v>0</v>
      </c>
      <c r="KD17" s="353">
        <v>62349</v>
      </c>
      <c r="KE17" s="349">
        <v>62349</v>
      </c>
      <c r="KF17" s="351">
        <v>0</v>
      </c>
      <c r="KG17" s="345">
        <v>220390</v>
      </c>
      <c r="KH17" s="345">
        <v>301432</v>
      </c>
      <c r="KI17" s="345">
        <v>356162</v>
      </c>
      <c r="KJ17" s="345">
        <v>468842</v>
      </c>
      <c r="KK17" s="345">
        <v>0</v>
      </c>
      <c r="KL17" s="349">
        <v>1346826</v>
      </c>
      <c r="KM17" s="354">
        <v>1409175</v>
      </c>
      <c r="KN17" s="342">
        <v>0</v>
      </c>
      <c r="KO17" s="343">
        <v>0</v>
      </c>
      <c r="KP17" s="344">
        <v>0</v>
      </c>
      <c r="KQ17" s="404">
        <v>0</v>
      </c>
      <c r="KR17" s="345">
        <v>208791</v>
      </c>
      <c r="KS17" s="345">
        <v>442621</v>
      </c>
      <c r="KT17" s="345">
        <v>899391</v>
      </c>
      <c r="KU17" s="345">
        <v>230685</v>
      </c>
      <c r="KV17" s="345">
        <v>0</v>
      </c>
      <c r="KW17" s="349">
        <v>1781488</v>
      </c>
      <c r="KX17" s="347">
        <v>1781488</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325308</v>
      </c>
      <c r="MA17" s="345">
        <v>0</v>
      </c>
      <c r="MB17" s="345">
        <v>0</v>
      </c>
      <c r="MC17" s="345">
        <v>0</v>
      </c>
      <c r="MD17" s="349">
        <v>325308</v>
      </c>
      <c r="ME17" s="350">
        <v>325308</v>
      </c>
      <c r="MF17" s="348">
        <v>0</v>
      </c>
      <c r="MG17" s="345">
        <v>0</v>
      </c>
      <c r="MH17" s="349">
        <v>0</v>
      </c>
      <c r="MI17" s="404">
        <v>0</v>
      </c>
      <c r="MJ17" s="345">
        <v>197753</v>
      </c>
      <c r="MK17" s="345">
        <v>389715</v>
      </c>
      <c r="ML17" s="345">
        <v>2759658</v>
      </c>
      <c r="MM17" s="345">
        <v>2705099</v>
      </c>
      <c r="MN17" s="345">
        <v>1773373</v>
      </c>
      <c r="MO17" s="349">
        <v>7825598</v>
      </c>
      <c r="MP17" s="354">
        <v>7825598</v>
      </c>
      <c r="MQ17" s="348">
        <v>0</v>
      </c>
      <c r="MR17" s="345">
        <v>0</v>
      </c>
      <c r="MS17" s="349">
        <v>0</v>
      </c>
      <c r="MT17" s="404">
        <v>0</v>
      </c>
      <c r="MU17" s="345">
        <v>0</v>
      </c>
      <c r="MV17" s="345">
        <v>0</v>
      </c>
      <c r="MW17" s="345">
        <v>1721866</v>
      </c>
      <c r="MX17" s="345">
        <v>1843648</v>
      </c>
      <c r="MY17" s="345">
        <v>1273960</v>
      </c>
      <c r="MZ17" s="349">
        <v>4839474</v>
      </c>
      <c r="NA17" s="354">
        <v>4839474</v>
      </c>
      <c r="NB17" s="348">
        <v>0</v>
      </c>
      <c r="NC17" s="345">
        <v>0</v>
      </c>
      <c r="ND17" s="349">
        <v>0</v>
      </c>
      <c r="NE17" s="404">
        <v>0</v>
      </c>
      <c r="NF17" s="345">
        <v>197753</v>
      </c>
      <c r="NG17" s="345">
        <v>389715</v>
      </c>
      <c r="NH17" s="345">
        <v>1037792</v>
      </c>
      <c r="NI17" s="345">
        <v>861451</v>
      </c>
      <c r="NJ17" s="345">
        <v>0</v>
      </c>
      <c r="NK17" s="349">
        <v>2486711</v>
      </c>
      <c r="NL17" s="347">
        <v>2486711</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499413</v>
      </c>
      <c r="OG17" s="349">
        <v>499413</v>
      </c>
      <c r="OH17" s="350">
        <v>499413</v>
      </c>
      <c r="OI17" s="348">
        <v>431664</v>
      </c>
      <c r="OJ17" s="345">
        <v>521558</v>
      </c>
      <c r="OK17" s="346">
        <v>953222</v>
      </c>
      <c r="OL17" s="351">
        <v>0</v>
      </c>
      <c r="OM17" s="345">
        <v>8107716</v>
      </c>
      <c r="ON17" s="345">
        <v>7019812</v>
      </c>
      <c r="OO17" s="345">
        <v>8962320</v>
      </c>
      <c r="OP17" s="345">
        <v>9059988</v>
      </c>
      <c r="OQ17" s="345">
        <v>5758303</v>
      </c>
      <c r="OR17" s="349">
        <v>38908139</v>
      </c>
      <c r="OS17" s="354">
        <v>39861361</v>
      </c>
    </row>
    <row r="18" spans="2:409" s="70" customFormat="1" ht="21" customHeight="1" x14ac:dyDescent="0.2">
      <c r="B18" s="106" t="s">
        <v>12</v>
      </c>
      <c r="C18" s="326">
        <v>867059</v>
      </c>
      <c r="D18" s="327">
        <v>1908233</v>
      </c>
      <c r="E18" s="328">
        <v>2775292</v>
      </c>
      <c r="F18" s="329">
        <v>0</v>
      </c>
      <c r="G18" s="327">
        <v>6583131</v>
      </c>
      <c r="H18" s="366">
        <v>10059585</v>
      </c>
      <c r="I18" s="366">
        <v>5808136</v>
      </c>
      <c r="J18" s="366">
        <v>8092320</v>
      </c>
      <c r="K18" s="366">
        <v>5218261</v>
      </c>
      <c r="L18" s="331">
        <v>35761433</v>
      </c>
      <c r="M18" s="330">
        <v>38536725</v>
      </c>
      <c r="N18" s="326">
        <v>237859</v>
      </c>
      <c r="O18" s="327">
        <v>811238</v>
      </c>
      <c r="P18" s="328">
        <v>1049097</v>
      </c>
      <c r="Q18" s="326">
        <v>0</v>
      </c>
      <c r="R18" s="327">
        <v>2137829</v>
      </c>
      <c r="S18" s="327">
        <v>3503905</v>
      </c>
      <c r="T18" s="327">
        <v>1595807</v>
      </c>
      <c r="U18" s="327">
        <v>3125913</v>
      </c>
      <c r="V18" s="327">
        <v>2406993</v>
      </c>
      <c r="W18" s="328">
        <v>12770447</v>
      </c>
      <c r="X18" s="330">
        <v>13819544</v>
      </c>
      <c r="Y18" s="326">
        <v>0</v>
      </c>
      <c r="Z18" s="327">
        <v>0</v>
      </c>
      <c r="AA18" s="328">
        <v>0</v>
      </c>
      <c r="AB18" s="326">
        <v>0</v>
      </c>
      <c r="AC18" s="327">
        <v>1213268</v>
      </c>
      <c r="AD18" s="327">
        <v>1946915</v>
      </c>
      <c r="AE18" s="327">
        <v>1079487</v>
      </c>
      <c r="AF18" s="327">
        <v>1748619</v>
      </c>
      <c r="AG18" s="327">
        <v>1802219</v>
      </c>
      <c r="AH18" s="328">
        <v>7790508</v>
      </c>
      <c r="AI18" s="330">
        <v>7790508</v>
      </c>
      <c r="AJ18" s="326">
        <v>0</v>
      </c>
      <c r="AK18" s="327">
        <v>0</v>
      </c>
      <c r="AL18" s="328">
        <v>0</v>
      </c>
      <c r="AM18" s="326">
        <v>0</v>
      </c>
      <c r="AN18" s="327">
        <v>0</v>
      </c>
      <c r="AO18" s="327">
        <v>41494</v>
      </c>
      <c r="AP18" s="327">
        <v>42439</v>
      </c>
      <c r="AQ18" s="327">
        <v>209569</v>
      </c>
      <c r="AR18" s="327">
        <v>82988</v>
      </c>
      <c r="AS18" s="328">
        <v>376490</v>
      </c>
      <c r="AT18" s="330">
        <v>376490</v>
      </c>
      <c r="AU18" s="326">
        <v>142494</v>
      </c>
      <c r="AV18" s="327">
        <v>669310</v>
      </c>
      <c r="AW18" s="328">
        <v>811804</v>
      </c>
      <c r="AX18" s="326">
        <v>0</v>
      </c>
      <c r="AY18" s="327">
        <v>660901</v>
      </c>
      <c r="AZ18" s="327">
        <v>1016695</v>
      </c>
      <c r="BA18" s="327">
        <v>231660</v>
      </c>
      <c r="BB18" s="327">
        <v>720935</v>
      </c>
      <c r="BC18" s="327">
        <v>328789</v>
      </c>
      <c r="BD18" s="328">
        <v>2958980</v>
      </c>
      <c r="BE18" s="330">
        <v>3770784</v>
      </c>
      <c r="BF18" s="326">
        <v>26940</v>
      </c>
      <c r="BG18" s="327">
        <v>60238</v>
      </c>
      <c r="BH18" s="331">
        <v>87178</v>
      </c>
      <c r="BI18" s="332">
        <v>0</v>
      </c>
      <c r="BJ18" s="327">
        <v>18373</v>
      </c>
      <c r="BK18" s="327">
        <v>15647</v>
      </c>
      <c r="BL18" s="327">
        <v>0</v>
      </c>
      <c r="BM18" s="327">
        <v>90700</v>
      </c>
      <c r="BN18" s="327">
        <v>0</v>
      </c>
      <c r="BO18" s="328">
        <v>124720</v>
      </c>
      <c r="BP18" s="330">
        <v>211898</v>
      </c>
      <c r="BQ18" s="326">
        <v>68425</v>
      </c>
      <c r="BR18" s="327">
        <v>81690</v>
      </c>
      <c r="BS18" s="328">
        <v>150115</v>
      </c>
      <c r="BT18" s="326">
        <v>0</v>
      </c>
      <c r="BU18" s="327">
        <v>245287</v>
      </c>
      <c r="BV18" s="327">
        <v>483154</v>
      </c>
      <c r="BW18" s="327">
        <v>242221</v>
      </c>
      <c r="BX18" s="327">
        <v>356090</v>
      </c>
      <c r="BY18" s="327">
        <v>192997</v>
      </c>
      <c r="BZ18" s="328">
        <v>1519749</v>
      </c>
      <c r="CA18" s="330">
        <v>1669864</v>
      </c>
      <c r="CB18" s="326">
        <v>188256</v>
      </c>
      <c r="CC18" s="327">
        <v>310296</v>
      </c>
      <c r="CD18" s="328">
        <v>498552</v>
      </c>
      <c r="CE18" s="326">
        <v>0</v>
      </c>
      <c r="CF18" s="327">
        <v>2333780</v>
      </c>
      <c r="CG18" s="327">
        <v>2282039</v>
      </c>
      <c r="CH18" s="327">
        <v>1138902</v>
      </c>
      <c r="CI18" s="327">
        <v>1288722</v>
      </c>
      <c r="CJ18" s="327">
        <v>648178</v>
      </c>
      <c r="CK18" s="328">
        <v>7691621</v>
      </c>
      <c r="CL18" s="330">
        <v>8190173</v>
      </c>
      <c r="CM18" s="326">
        <v>0</v>
      </c>
      <c r="CN18" s="327">
        <v>0</v>
      </c>
      <c r="CO18" s="328">
        <v>0</v>
      </c>
      <c r="CP18" s="332">
        <v>0</v>
      </c>
      <c r="CQ18" s="327">
        <v>1896967</v>
      </c>
      <c r="CR18" s="327">
        <v>1898434</v>
      </c>
      <c r="CS18" s="327">
        <v>705068</v>
      </c>
      <c r="CT18" s="327">
        <v>765863</v>
      </c>
      <c r="CU18" s="327">
        <v>568303</v>
      </c>
      <c r="CV18" s="328">
        <v>5834635</v>
      </c>
      <c r="CW18" s="330">
        <v>5834635</v>
      </c>
      <c r="CX18" s="326">
        <v>188256</v>
      </c>
      <c r="CY18" s="327">
        <v>310296</v>
      </c>
      <c r="CZ18" s="328">
        <v>498552</v>
      </c>
      <c r="DA18" s="326">
        <v>0</v>
      </c>
      <c r="DB18" s="327">
        <v>436813</v>
      </c>
      <c r="DC18" s="327">
        <v>383605</v>
      </c>
      <c r="DD18" s="327">
        <v>433834</v>
      </c>
      <c r="DE18" s="327">
        <v>522859</v>
      </c>
      <c r="DF18" s="327">
        <v>79875</v>
      </c>
      <c r="DG18" s="328">
        <v>1856986</v>
      </c>
      <c r="DH18" s="330">
        <v>2355538</v>
      </c>
      <c r="DI18" s="326">
        <v>0</v>
      </c>
      <c r="DJ18" s="327">
        <v>49902</v>
      </c>
      <c r="DK18" s="331">
        <v>49902</v>
      </c>
      <c r="DL18" s="332">
        <v>0</v>
      </c>
      <c r="DM18" s="327">
        <v>512776</v>
      </c>
      <c r="DN18" s="327">
        <v>458727</v>
      </c>
      <c r="DO18" s="327">
        <v>590028</v>
      </c>
      <c r="DP18" s="327">
        <v>1051958</v>
      </c>
      <c r="DQ18" s="327">
        <v>342382</v>
      </c>
      <c r="DR18" s="328">
        <v>2955871</v>
      </c>
      <c r="DS18" s="330">
        <v>3005773</v>
      </c>
      <c r="DT18" s="326">
        <v>0</v>
      </c>
      <c r="DU18" s="327">
        <v>49902</v>
      </c>
      <c r="DV18" s="328">
        <v>49902</v>
      </c>
      <c r="DW18" s="326">
        <v>0</v>
      </c>
      <c r="DX18" s="327">
        <v>397882</v>
      </c>
      <c r="DY18" s="327">
        <v>458727</v>
      </c>
      <c r="DZ18" s="327">
        <v>590028</v>
      </c>
      <c r="EA18" s="327">
        <v>1009590</v>
      </c>
      <c r="EB18" s="327">
        <v>342382</v>
      </c>
      <c r="EC18" s="328">
        <v>2798609</v>
      </c>
      <c r="ED18" s="330">
        <v>2848511</v>
      </c>
      <c r="EE18" s="326">
        <v>0</v>
      </c>
      <c r="EF18" s="331">
        <v>0</v>
      </c>
      <c r="EG18" s="328">
        <v>0</v>
      </c>
      <c r="EH18" s="326">
        <v>0</v>
      </c>
      <c r="EI18" s="327">
        <v>114894</v>
      </c>
      <c r="EJ18" s="327">
        <v>0</v>
      </c>
      <c r="EK18" s="327">
        <v>0</v>
      </c>
      <c r="EL18" s="327">
        <v>42368</v>
      </c>
      <c r="EM18" s="327">
        <v>0</v>
      </c>
      <c r="EN18" s="331">
        <v>157262</v>
      </c>
      <c r="EO18" s="330">
        <v>157262</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122199</v>
      </c>
      <c r="FM18" s="327">
        <v>341348</v>
      </c>
      <c r="FN18" s="328">
        <v>463547</v>
      </c>
      <c r="FO18" s="326">
        <v>0</v>
      </c>
      <c r="FP18" s="327">
        <v>458486</v>
      </c>
      <c r="FQ18" s="327">
        <v>823571</v>
      </c>
      <c r="FR18" s="327">
        <v>543496</v>
      </c>
      <c r="FS18" s="327">
        <v>865004</v>
      </c>
      <c r="FT18" s="327">
        <v>315833</v>
      </c>
      <c r="FU18" s="328">
        <v>3006390</v>
      </c>
      <c r="FV18" s="330">
        <v>3469937</v>
      </c>
      <c r="FW18" s="333">
        <v>122199</v>
      </c>
      <c r="FX18" s="327">
        <v>341348</v>
      </c>
      <c r="FY18" s="331">
        <v>463547</v>
      </c>
      <c r="FZ18" s="332">
        <v>0</v>
      </c>
      <c r="GA18" s="327">
        <v>272286</v>
      </c>
      <c r="GB18" s="327">
        <v>803971</v>
      </c>
      <c r="GC18" s="327">
        <v>368417</v>
      </c>
      <c r="GD18" s="327">
        <v>865004</v>
      </c>
      <c r="GE18" s="327">
        <v>315833</v>
      </c>
      <c r="GF18" s="328">
        <v>2625511</v>
      </c>
      <c r="GG18" s="334">
        <v>3089058</v>
      </c>
      <c r="GH18" s="333">
        <v>0</v>
      </c>
      <c r="GI18" s="327">
        <v>0</v>
      </c>
      <c r="GJ18" s="331">
        <v>0</v>
      </c>
      <c r="GK18" s="332">
        <v>0</v>
      </c>
      <c r="GL18" s="327">
        <v>33600</v>
      </c>
      <c r="GM18" s="327">
        <v>19600</v>
      </c>
      <c r="GN18" s="327">
        <v>35079</v>
      </c>
      <c r="GO18" s="327">
        <v>0</v>
      </c>
      <c r="GP18" s="327">
        <v>0</v>
      </c>
      <c r="GQ18" s="328">
        <v>88279</v>
      </c>
      <c r="GR18" s="330">
        <v>88279</v>
      </c>
      <c r="GS18" s="326">
        <v>0</v>
      </c>
      <c r="GT18" s="327">
        <v>0</v>
      </c>
      <c r="GU18" s="328">
        <v>0</v>
      </c>
      <c r="GV18" s="326">
        <v>0</v>
      </c>
      <c r="GW18" s="327">
        <v>152600</v>
      </c>
      <c r="GX18" s="327">
        <v>0</v>
      </c>
      <c r="GY18" s="327">
        <v>140000</v>
      </c>
      <c r="GZ18" s="327">
        <v>0</v>
      </c>
      <c r="HA18" s="327">
        <v>0</v>
      </c>
      <c r="HB18" s="331">
        <v>292600</v>
      </c>
      <c r="HC18" s="330">
        <v>292600</v>
      </c>
      <c r="HD18" s="326">
        <v>318745</v>
      </c>
      <c r="HE18" s="327">
        <v>395449</v>
      </c>
      <c r="HF18" s="331">
        <v>714194</v>
      </c>
      <c r="HG18" s="332">
        <v>0</v>
      </c>
      <c r="HH18" s="327">
        <v>1140260</v>
      </c>
      <c r="HI18" s="327">
        <v>2991343</v>
      </c>
      <c r="HJ18" s="327">
        <v>1939903</v>
      </c>
      <c r="HK18" s="327">
        <v>1760723</v>
      </c>
      <c r="HL18" s="327">
        <v>1504875</v>
      </c>
      <c r="HM18" s="328">
        <v>9337104</v>
      </c>
      <c r="HN18" s="329">
        <v>10051298</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879477</v>
      </c>
      <c r="IE18" s="357">
        <v>1314155</v>
      </c>
      <c r="IF18" s="358">
        <v>701936</v>
      </c>
      <c r="IG18" s="356">
        <v>1338694</v>
      </c>
      <c r="IH18" s="358">
        <v>1358691</v>
      </c>
      <c r="II18" s="359">
        <v>5592953</v>
      </c>
      <c r="IJ18" s="358">
        <v>5592953</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565273</v>
      </c>
      <c r="JL18" s="345">
        <v>341860</v>
      </c>
      <c r="JM18" s="345">
        <v>244976</v>
      </c>
      <c r="JN18" s="345">
        <v>425020</v>
      </c>
      <c r="JO18" s="345">
        <v>809012</v>
      </c>
      <c r="JP18" s="349">
        <v>2386141</v>
      </c>
      <c r="JQ18" s="347">
        <v>2386141</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108514</v>
      </c>
      <c r="KH18" s="345">
        <v>167417</v>
      </c>
      <c r="KI18" s="345">
        <v>217074</v>
      </c>
      <c r="KJ18" s="345">
        <v>464286</v>
      </c>
      <c r="KK18" s="345">
        <v>0</v>
      </c>
      <c r="KL18" s="349">
        <v>957291</v>
      </c>
      <c r="KM18" s="354">
        <v>957291</v>
      </c>
      <c r="KN18" s="342">
        <v>0</v>
      </c>
      <c r="KO18" s="343">
        <v>0</v>
      </c>
      <c r="KP18" s="344">
        <v>0</v>
      </c>
      <c r="KQ18" s="404">
        <v>0</v>
      </c>
      <c r="KR18" s="345">
        <v>205690</v>
      </c>
      <c r="KS18" s="345">
        <v>441838</v>
      </c>
      <c r="KT18" s="345">
        <v>0</v>
      </c>
      <c r="KU18" s="345">
        <v>0</v>
      </c>
      <c r="KV18" s="345">
        <v>230766</v>
      </c>
      <c r="KW18" s="349">
        <v>878294</v>
      </c>
      <c r="KX18" s="347">
        <v>878294</v>
      </c>
      <c r="KY18" s="348">
        <v>0</v>
      </c>
      <c r="KZ18" s="345">
        <v>0</v>
      </c>
      <c r="LA18" s="349">
        <v>0</v>
      </c>
      <c r="LB18" s="404">
        <v>0</v>
      </c>
      <c r="LC18" s="345">
        <v>0</v>
      </c>
      <c r="LD18" s="345">
        <v>162553</v>
      </c>
      <c r="LE18" s="345">
        <v>0</v>
      </c>
      <c r="LF18" s="345">
        <v>196217</v>
      </c>
      <c r="LG18" s="345">
        <v>0</v>
      </c>
      <c r="LH18" s="349">
        <v>358770</v>
      </c>
      <c r="LI18" s="350">
        <v>358770</v>
      </c>
      <c r="LJ18" s="348">
        <v>0</v>
      </c>
      <c r="LK18" s="345">
        <v>0</v>
      </c>
      <c r="LL18" s="349">
        <v>0</v>
      </c>
      <c r="LM18" s="404">
        <v>0</v>
      </c>
      <c r="LN18" s="345">
        <v>0</v>
      </c>
      <c r="LO18" s="345">
        <v>0</v>
      </c>
      <c r="LP18" s="345">
        <v>0</v>
      </c>
      <c r="LQ18" s="345">
        <v>253171</v>
      </c>
      <c r="LR18" s="345">
        <v>0</v>
      </c>
      <c r="LS18" s="349">
        <v>253171</v>
      </c>
      <c r="LT18" s="347">
        <v>253171</v>
      </c>
      <c r="LU18" s="348">
        <v>0</v>
      </c>
      <c r="LV18" s="345">
        <v>0</v>
      </c>
      <c r="LW18" s="349">
        <v>0</v>
      </c>
      <c r="LX18" s="404">
        <v>0</v>
      </c>
      <c r="LY18" s="345">
        <v>0</v>
      </c>
      <c r="LZ18" s="345">
        <v>200487</v>
      </c>
      <c r="MA18" s="345">
        <v>239886</v>
      </c>
      <c r="MB18" s="345">
        <v>0</v>
      </c>
      <c r="MC18" s="345">
        <v>318913</v>
      </c>
      <c r="MD18" s="349">
        <v>759286</v>
      </c>
      <c r="ME18" s="350">
        <v>759286</v>
      </c>
      <c r="MF18" s="348">
        <v>0</v>
      </c>
      <c r="MG18" s="345">
        <v>0</v>
      </c>
      <c r="MH18" s="349">
        <v>0</v>
      </c>
      <c r="MI18" s="404">
        <v>0</v>
      </c>
      <c r="MJ18" s="345">
        <v>201805</v>
      </c>
      <c r="MK18" s="345">
        <v>859123</v>
      </c>
      <c r="ML18" s="345">
        <v>1557357</v>
      </c>
      <c r="MM18" s="345">
        <v>5242465</v>
      </c>
      <c r="MN18" s="345">
        <v>1472465</v>
      </c>
      <c r="MO18" s="349">
        <v>9333215</v>
      </c>
      <c r="MP18" s="354">
        <v>9333215</v>
      </c>
      <c r="MQ18" s="348">
        <v>0</v>
      </c>
      <c r="MR18" s="345">
        <v>0</v>
      </c>
      <c r="MS18" s="349">
        <v>0</v>
      </c>
      <c r="MT18" s="404">
        <v>0</v>
      </c>
      <c r="MU18" s="345">
        <v>0</v>
      </c>
      <c r="MV18" s="345">
        <v>0</v>
      </c>
      <c r="MW18" s="345">
        <v>374343</v>
      </c>
      <c r="MX18" s="345">
        <v>2689820</v>
      </c>
      <c r="MY18" s="345">
        <v>1218501</v>
      </c>
      <c r="MZ18" s="349">
        <v>4282664</v>
      </c>
      <c r="NA18" s="354">
        <v>4282664</v>
      </c>
      <c r="NB18" s="348">
        <v>0</v>
      </c>
      <c r="NC18" s="345">
        <v>0</v>
      </c>
      <c r="ND18" s="349">
        <v>0</v>
      </c>
      <c r="NE18" s="404">
        <v>0</v>
      </c>
      <c r="NF18" s="345">
        <v>201805</v>
      </c>
      <c r="NG18" s="345">
        <v>859123</v>
      </c>
      <c r="NH18" s="345">
        <v>1183014</v>
      </c>
      <c r="NI18" s="345">
        <v>1635306</v>
      </c>
      <c r="NJ18" s="345">
        <v>253964</v>
      </c>
      <c r="NK18" s="349">
        <v>4133212</v>
      </c>
      <c r="NL18" s="347">
        <v>4133212</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917339</v>
      </c>
      <c r="OF18" s="345">
        <v>0</v>
      </c>
      <c r="OG18" s="349">
        <v>917339</v>
      </c>
      <c r="OH18" s="350">
        <v>917339</v>
      </c>
      <c r="OI18" s="348">
        <v>867059</v>
      </c>
      <c r="OJ18" s="345">
        <v>1908233</v>
      </c>
      <c r="OK18" s="346">
        <v>2775292</v>
      </c>
      <c r="OL18" s="351">
        <v>0</v>
      </c>
      <c r="OM18" s="345">
        <v>7664413</v>
      </c>
      <c r="ON18" s="345">
        <v>12232863</v>
      </c>
      <c r="OO18" s="345">
        <v>8067429</v>
      </c>
      <c r="OP18" s="345">
        <v>14673479</v>
      </c>
      <c r="OQ18" s="345">
        <v>8049417</v>
      </c>
      <c r="OR18" s="349">
        <v>50687601</v>
      </c>
      <c r="OS18" s="354">
        <v>53462893</v>
      </c>
    </row>
    <row r="19" spans="2:409" s="70" customFormat="1" ht="21" customHeight="1" x14ac:dyDescent="0.2">
      <c r="B19" s="106" t="s">
        <v>13</v>
      </c>
      <c r="C19" s="326">
        <v>324527</v>
      </c>
      <c r="D19" s="327">
        <v>807847</v>
      </c>
      <c r="E19" s="328">
        <v>1132374</v>
      </c>
      <c r="F19" s="326">
        <v>0</v>
      </c>
      <c r="G19" s="366">
        <v>3896383</v>
      </c>
      <c r="H19" s="327">
        <v>4465042</v>
      </c>
      <c r="I19" s="327">
        <v>4121925</v>
      </c>
      <c r="J19" s="327">
        <v>4601036</v>
      </c>
      <c r="K19" s="327">
        <v>3661054</v>
      </c>
      <c r="L19" s="331">
        <v>20745440</v>
      </c>
      <c r="M19" s="330">
        <v>21877814</v>
      </c>
      <c r="N19" s="326">
        <v>96198</v>
      </c>
      <c r="O19" s="327">
        <v>168149</v>
      </c>
      <c r="P19" s="328">
        <v>264347</v>
      </c>
      <c r="Q19" s="326">
        <v>0</v>
      </c>
      <c r="R19" s="327">
        <v>1316017</v>
      </c>
      <c r="S19" s="327">
        <v>2006838</v>
      </c>
      <c r="T19" s="327">
        <v>1647487</v>
      </c>
      <c r="U19" s="327">
        <v>1802636</v>
      </c>
      <c r="V19" s="327">
        <v>1968721</v>
      </c>
      <c r="W19" s="328">
        <v>8741699</v>
      </c>
      <c r="X19" s="330">
        <v>9006046</v>
      </c>
      <c r="Y19" s="326">
        <v>0</v>
      </c>
      <c r="Z19" s="327">
        <v>0</v>
      </c>
      <c r="AA19" s="328">
        <v>0</v>
      </c>
      <c r="AB19" s="326">
        <v>0</v>
      </c>
      <c r="AC19" s="327">
        <v>313142</v>
      </c>
      <c r="AD19" s="327">
        <v>939404</v>
      </c>
      <c r="AE19" s="327">
        <v>773601</v>
      </c>
      <c r="AF19" s="327">
        <v>1198315</v>
      </c>
      <c r="AG19" s="327">
        <v>1262468</v>
      </c>
      <c r="AH19" s="328">
        <v>4486930</v>
      </c>
      <c r="AI19" s="330">
        <v>4486930</v>
      </c>
      <c r="AJ19" s="326">
        <v>0</v>
      </c>
      <c r="AK19" s="327">
        <v>0</v>
      </c>
      <c r="AL19" s="328">
        <v>0</v>
      </c>
      <c r="AM19" s="326">
        <v>0</v>
      </c>
      <c r="AN19" s="327">
        <v>0</v>
      </c>
      <c r="AO19" s="327">
        <v>42037</v>
      </c>
      <c r="AP19" s="327">
        <v>0</v>
      </c>
      <c r="AQ19" s="327">
        <v>42851</v>
      </c>
      <c r="AR19" s="327">
        <v>126111</v>
      </c>
      <c r="AS19" s="328">
        <v>210999</v>
      </c>
      <c r="AT19" s="330">
        <v>210999</v>
      </c>
      <c r="AU19" s="326">
        <v>37096</v>
      </c>
      <c r="AV19" s="327">
        <v>69281</v>
      </c>
      <c r="AW19" s="328">
        <v>106377</v>
      </c>
      <c r="AX19" s="326">
        <v>0</v>
      </c>
      <c r="AY19" s="327">
        <v>681350</v>
      </c>
      <c r="AZ19" s="327">
        <v>507260</v>
      </c>
      <c r="BA19" s="327">
        <v>596689</v>
      </c>
      <c r="BB19" s="327">
        <v>232846</v>
      </c>
      <c r="BC19" s="327">
        <v>226360</v>
      </c>
      <c r="BD19" s="328">
        <v>2244505</v>
      </c>
      <c r="BE19" s="330">
        <v>2350882</v>
      </c>
      <c r="BF19" s="326">
        <v>9073</v>
      </c>
      <c r="BG19" s="327">
        <v>0</v>
      </c>
      <c r="BH19" s="331">
        <v>9073</v>
      </c>
      <c r="BI19" s="332">
        <v>0</v>
      </c>
      <c r="BJ19" s="327">
        <v>19251</v>
      </c>
      <c r="BK19" s="327">
        <v>74155</v>
      </c>
      <c r="BL19" s="327">
        <v>28564</v>
      </c>
      <c r="BM19" s="327">
        <v>22101</v>
      </c>
      <c r="BN19" s="327">
        <v>112170</v>
      </c>
      <c r="BO19" s="328">
        <v>256241</v>
      </c>
      <c r="BP19" s="330">
        <v>265314</v>
      </c>
      <c r="BQ19" s="326">
        <v>50029</v>
      </c>
      <c r="BR19" s="327">
        <v>98868</v>
      </c>
      <c r="BS19" s="328">
        <v>148897</v>
      </c>
      <c r="BT19" s="326">
        <v>0</v>
      </c>
      <c r="BU19" s="327">
        <v>302274</v>
      </c>
      <c r="BV19" s="327">
        <v>443982</v>
      </c>
      <c r="BW19" s="327">
        <v>248633</v>
      </c>
      <c r="BX19" s="327">
        <v>306523</v>
      </c>
      <c r="BY19" s="327">
        <v>241612</v>
      </c>
      <c r="BZ19" s="328">
        <v>1543024</v>
      </c>
      <c r="CA19" s="330">
        <v>1691921</v>
      </c>
      <c r="CB19" s="326">
        <v>0</v>
      </c>
      <c r="CC19" s="327">
        <v>0</v>
      </c>
      <c r="CD19" s="328">
        <v>0</v>
      </c>
      <c r="CE19" s="326">
        <v>0</v>
      </c>
      <c r="CF19" s="327">
        <v>695803</v>
      </c>
      <c r="CG19" s="327">
        <v>757365</v>
      </c>
      <c r="CH19" s="327">
        <v>698660</v>
      </c>
      <c r="CI19" s="327">
        <v>511729</v>
      </c>
      <c r="CJ19" s="327">
        <v>105674</v>
      </c>
      <c r="CK19" s="328">
        <v>2769231</v>
      </c>
      <c r="CL19" s="330">
        <v>2769231</v>
      </c>
      <c r="CM19" s="326">
        <v>0</v>
      </c>
      <c r="CN19" s="327">
        <v>0</v>
      </c>
      <c r="CO19" s="328">
        <v>0</v>
      </c>
      <c r="CP19" s="332">
        <v>0</v>
      </c>
      <c r="CQ19" s="327">
        <v>623379</v>
      </c>
      <c r="CR19" s="327">
        <v>548960</v>
      </c>
      <c r="CS19" s="327">
        <v>579715</v>
      </c>
      <c r="CT19" s="327">
        <v>77450</v>
      </c>
      <c r="CU19" s="327">
        <v>15309</v>
      </c>
      <c r="CV19" s="328">
        <v>1844813</v>
      </c>
      <c r="CW19" s="330">
        <v>1844813</v>
      </c>
      <c r="CX19" s="326">
        <v>0</v>
      </c>
      <c r="CY19" s="327">
        <v>0</v>
      </c>
      <c r="CZ19" s="328">
        <v>0</v>
      </c>
      <c r="DA19" s="326">
        <v>0</v>
      </c>
      <c r="DB19" s="327">
        <v>72424</v>
      </c>
      <c r="DC19" s="327">
        <v>208405</v>
      </c>
      <c r="DD19" s="327">
        <v>118945</v>
      </c>
      <c r="DE19" s="327">
        <v>434279</v>
      </c>
      <c r="DF19" s="327">
        <v>90365</v>
      </c>
      <c r="DG19" s="328">
        <v>924418</v>
      </c>
      <c r="DH19" s="330">
        <v>924418</v>
      </c>
      <c r="DI19" s="326">
        <v>0</v>
      </c>
      <c r="DJ19" s="327">
        <v>0</v>
      </c>
      <c r="DK19" s="331">
        <v>0</v>
      </c>
      <c r="DL19" s="332">
        <v>0</v>
      </c>
      <c r="DM19" s="327">
        <v>0</v>
      </c>
      <c r="DN19" s="327">
        <v>71776</v>
      </c>
      <c r="DO19" s="327">
        <v>97402</v>
      </c>
      <c r="DP19" s="327">
        <v>84215</v>
      </c>
      <c r="DQ19" s="327">
        <v>54774</v>
      </c>
      <c r="DR19" s="328">
        <v>308167</v>
      </c>
      <c r="DS19" s="330">
        <v>308167</v>
      </c>
      <c r="DT19" s="326">
        <v>0</v>
      </c>
      <c r="DU19" s="327">
        <v>0</v>
      </c>
      <c r="DV19" s="328">
        <v>0</v>
      </c>
      <c r="DW19" s="326">
        <v>0</v>
      </c>
      <c r="DX19" s="327">
        <v>0</v>
      </c>
      <c r="DY19" s="327">
        <v>71776</v>
      </c>
      <c r="DZ19" s="327">
        <v>66651</v>
      </c>
      <c r="EA19" s="327">
        <v>84215</v>
      </c>
      <c r="EB19" s="327">
        <v>54774</v>
      </c>
      <c r="EC19" s="328">
        <v>277416</v>
      </c>
      <c r="ED19" s="330">
        <v>277416</v>
      </c>
      <c r="EE19" s="326">
        <v>0</v>
      </c>
      <c r="EF19" s="331">
        <v>0</v>
      </c>
      <c r="EG19" s="328">
        <v>0</v>
      </c>
      <c r="EH19" s="326">
        <v>0</v>
      </c>
      <c r="EI19" s="327">
        <v>0</v>
      </c>
      <c r="EJ19" s="327">
        <v>0</v>
      </c>
      <c r="EK19" s="327">
        <v>30751</v>
      </c>
      <c r="EL19" s="327">
        <v>0</v>
      </c>
      <c r="EM19" s="327">
        <v>0</v>
      </c>
      <c r="EN19" s="331">
        <v>30751</v>
      </c>
      <c r="EO19" s="330">
        <v>30751</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84483</v>
      </c>
      <c r="FM19" s="327">
        <v>128674</v>
      </c>
      <c r="FN19" s="328">
        <v>213157</v>
      </c>
      <c r="FO19" s="326">
        <v>0</v>
      </c>
      <c r="FP19" s="327">
        <v>195874</v>
      </c>
      <c r="FQ19" s="327">
        <v>515970</v>
      </c>
      <c r="FR19" s="327">
        <v>313901</v>
      </c>
      <c r="FS19" s="327">
        <v>253323</v>
      </c>
      <c r="FT19" s="327">
        <v>253120</v>
      </c>
      <c r="FU19" s="328">
        <v>1532188</v>
      </c>
      <c r="FV19" s="330">
        <v>1745345</v>
      </c>
      <c r="FW19" s="333">
        <v>12278</v>
      </c>
      <c r="FX19" s="327">
        <v>128674</v>
      </c>
      <c r="FY19" s="331">
        <v>140952</v>
      </c>
      <c r="FZ19" s="332">
        <v>0</v>
      </c>
      <c r="GA19" s="327">
        <v>133518</v>
      </c>
      <c r="GB19" s="327">
        <v>438718</v>
      </c>
      <c r="GC19" s="327">
        <v>313901</v>
      </c>
      <c r="GD19" s="327">
        <v>253323</v>
      </c>
      <c r="GE19" s="327">
        <v>253120</v>
      </c>
      <c r="GF19" s="328">
        <v>1392580</v>
      </c>
      <c r="GG19" s="334">
        <v>1533532</v>
      </c>
      <c r="GH19" s="333">
        <v>12705</v>
      </c>
      <c r="GI19" s="327">
        <v>0</v>
      </c>
      <c r="GJ19" s="331">
        <v>12705</v>
      </c>
      <c r="GK19" s="332">
        <v>0</v>
      </c>
      <c r="GL19" s="327">
        <v>12936</v>
      </c>
      <c r="GM19" s="327">
        <v>21252</v>
      </c>
      <c r="GN19" s="327">
        <v>0</v>
      </c>
      <c r="GO19" s="327">
        <v>0</v>
      </c>
      <c r="GP19" s="327">
        <v>0</v>
      </c>
      <c r="GQ19" s="328">
        <v>34188</v>
      </c>
      <c r="GR19" s="330">
        <v>46893</v>
      </c>
      <c r="GS19" s="326">
        <v>59500</v>
      </c>
      <c r="GT19" s="327">
        <v>0</v>
      </c>
      <c r="GU19" s="328">
        <v>59500</v>
      </c>
      <c r="GV19" s="326">
        <v>0</v>
      </c>
      <c r="GW19" s="327">
        <v>49420</v>
      </c>
      <c r="GX19" s="327">
        <v>56000</v>
      </c>
      <c r="GY19" s="327">
        <v>0</v>
      </c>
      <c r="GZ19" s="327">
        <v>0</v>
      </c>
      <c r="HA19" s="327">
        <v>0</v>
      </c>
      <c r="HB19" s="331">
        <v>105420</v>
      </c>
      <c r="HC19" s="330">
        <v>164920</v>
      </c>
      <c r="HD19" s="326">
        <v>143846</v>
      </c>
      <c r="HE19" s="327">
        <v>511024</v>
      </c>
      <c r="HF19" s="331">
        <v>654870</v>
      </c>
      <c r="HG19" s="332">
        <v>0</v>
      </c>
      <c r="HH19" s="327">
        <v>1688689</v>
      </c>
      <c r="HI19" s="327">
        <v>1113093</v>
      </c>
      <c r="HJ19" s="327">
        <v>1364475</v>
      </c>
      <c r="HK19" s="327">
        <v>1949133</v>
      </c>
      <c r="HL19" s="327">
        <v>1278765</v>
      </c>
      <c r="HM19" s="328">
        <v>7394155</v>
      </c>
      <c r="HN19" s="329">
        <v>8049025</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520056</v>
      </c>
      <c r="IE19" s="339">
        <v>620237</v>
      </c>
      <c r="IF19" s="337">
        <v>967048</v>
      </c>
      <c r="IG19" s="336">
        <v>135172</v>
      </c>
      <c r="IH19" s="337">
        <v>146053</v>
      </c>
      <c r="II19" s="340">
        <v>2388566</v>
      </c>
      <c r="IJ19" s="341">
        <v>2388566</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307076</v>
      </c>
      <c r="JL19" s="345">
        <v>497563</v>
      </c>
      <c r="JM19" s="345">
        <v>572177</v>
      </c>
      <c r="JN19" s="345">
        <v>135172</v>
      </c>
      <c r="JO19" s="345">
        <v>146053</v>
      </c>
      <c r="JP19" s="349">
        <v>1658041</v>
      </c>
      <c r="JQ19" s="347">
        <v>1658041</v>
      </c>
      <c r="JR19" s="348">
        <v>0</v>
      </c>
      <c r="JS19" s="345">
        <v>0</v>
      </c>
      <c r="JT19" s="346">
        <v>0</v>
      </c>
      <c r="JU19" s="351">
        <v>0</v>
      </c>
      <c r="JV19" s="345">
        <v>0</v>
      </c>
      <c r="JW19" s="345">
        <v>122674</v>
      </c>
      <c r="JX19" s="345">
        <v>0</v>
      </c>
      <c r="JY19" s="345">
        <v>0</v>
      </c>
      <c r="JZ19" s="345">
        <v>0</v>
      </c>
      <c r="KA19" s="349">
        <v>122674</v>
      </c>
      <c r="KB19" s="347">
        <v>122674</v>
      </c>
      <c r="KC19" s="352">
        <v>0</v>
      </c>
      <c r="KD19" s="353">
        <v>0</v>
      </c>
      <c r="KE19" s="349">
        <v>0</v>
      </c>
      <c r="KF19" s="351">
        <v>0</v>
      </c>
      <c r="KG19" s="345">
        <v>0</v>
      </c>
      <c r="KH19" s="345">
        <v>0</v>
      </c>
      <c r="KI19" s="345">
        <v>223680</v>
      </c>
      <c r="KJ19" s="345">
        <v>0</v>
      </c>
      <c r="KK19" s="345">
        <v>0</v>
      </c>
      <c r="KL19" s="349">
        <v>223680</v>
      </c>
      <c r="KM19" s="354">
        <v>223680</v>
      </c>
      <c r="KN19" s="342">
        <v>0</v>
      </c>
      <c r="KO19" s="343">
        <v>0</v>
      </c>
      <c r="KP19" s="344">
        <v>0</v>
      </c>
      <c r="KQ19" s="404">
        <v>0</v>
      </c>
      <c r="KR19" s="345">
        <v>212980</v>
      </c>
      <c r="KS19" s="345">
        <v>0</v>
      </c>
      <c r="KT19" s="345">
        <v>0</v>
      </c>
      <c r="KU19" s="345">
        <v>0</v>
      </c>
      <c r="KV19" s="345">
        <v>0</v>
      </c>
      <c r="KW19" s="349">
        <v>212980</v>
      </c>
      <c r="KX19" s="347">
        <v>212980</v>
      </c>
      <c r="KY19" s="348">
        <v>0</v>
      </c>
      <c r="KZ19" s="345">
        <v>0</v>
      </c>
      <c r="LA19" s="349">
        <v>0</v>
      </c>
      <c r="LB19" s="404">
        <v>0</v>
      </c>
      <c r="LC19" s="345">
        <v>0</v>
      </c>
      <c r="LD19" s="345">
        <v>0</v>
      </c>
      <c r="LE19" s="345">
        <v>171191</v>
      </c>
      <c r="LF19" s="345">
        <v>0</v>
      </c>
      <c r="LG19" s="345">
        <v>0</v>
      </c>
      <c r="LH19" s="349">
        <v>171191</v>
      </c>
      <c r="LI19" s="350">
        <v>171191</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313954</v>
      </c>
      <c r="ML19" s="345">
        <v>468538</v>
      </c>
      <c r="MM19" s="345">
        <v>2310176</v>
      </c>
      <c r="MN19" s="345">
        <v>1756061</v>
      </c>
      <c r="MO19" s="349">
        <v>4848729</v>
      </c>
      <c r="MP19" s="354">
        <v>4848729</v>
      </c>
      <c r="MQ19" s="348">
        <v>0</v>
      </c>
      <c r="MR19" s="345">
        <v>0</v>
      </c>
      <c r="MS19" s="349">
        <v>0</v>
      </c>
      <c r="MT19" s="404">
        <v>0</v>
      </c>
      <c r="MU19" s="345">
        <v>0</v>
      </c>
      <c r="MV19" s="345">
        <v>0</v>
      </c>
      <c r="MW19" s="345">
        <v>199589</v>
      </c>
      <c r="MX19" s="345">
        <v>1431031</v>
      </c>
      <c r="MY19" s="345">
        <v>1455106</v>
      </c>
      <c r="MZ19" s="349">
        <v>3085726</v>
      </c>
      <c r="NA19" s="354">
        <v>3085726</v>
      </c>
      <c r="NB19" s="348">
        <v>0</v>
      </c>
      <c r="NC19" s="345">
        <v>0</v>
      </c>
      <c r="ND19" s="349">
        <v>0</v>
      </c>
      <c r="NE19" s="404">
        <v>0</v>
      </c>
      <c r="NF19" s="345">
        <v>0</v>
      </c>
      <c r="NG19" s="345">
        <v>313954</v>
      </c>
      <c r="NH19" s="345">
        <v>268949</v>
      </c>
      <c r="NI19" s="345">
        <v>879145</v>
      </c>
      <c r="NJ19" s="345">
        <v>300955</v>
      </c>
      <c r="NK19" s="349">
        <v>1763003</v>
      </c>
      <c r="NL19" s="347">
        <v>1763003</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324527</v>
      </c>
      <c r="OJ19" s="345">
        <v>807847</v>
      </c>
      <c r="OK19" s="346">
        <v>1132374</v>
      </c>
      <c r="OL19" s="351">
        <v>0</v>
      </c>
      <c r="OM19" s="345">
        <v>4416439</v>
      </c>
      <c r="ON19" s="345">
        <v>5399233</v>
      </c>
      <c r="OO19" s="345">
        <v>5557511</v>
      </c>
      <c r="OP19" s="345">
        <v>7046384</v>
      </c>
      <c r="OQ19" s="345">
        <v>5563168</v>
      </c>
      <c r="OR19" s="349">
        <v>27982735</v>
      </c>
      <c r="OS19" s="354">
        <v>29115109</v>
      </c>
    </row>
    <row r="20" spans="2:409" s="70" customFormat="1" ht="21" customHeight="1" x14ac:dyDescent="0.2">
      <c r="B20" s="106" t="s">
        <v>15</v>
      </c>
      <c r="C20" s="326">
        <v>53396</v>
      </c>
      <c r="D20" s="327">
        <v>218002</v>
      </c>
      <c r="E20" s="328">
        <v>271398</v>
      </c>
      <c r="F20" s="329">
        <v>0</v>
      </c>
      <c r="G20" s="327">
        <v>951056</v>
      </c>
      <c r="H20" s="327">
        <v>1172658</v>
      </c>
      <c r="I20" s="327">
        <v>1194294</v>
      </c>
      <c r="J20" s="327">
        <v>1924040</v>
      </c>
      <c r="K20" s="327">
        <v>1241178</v>
      </c>
      <c r="L20" s="329">
        <v>6483226</v>
      </c>
      <c r="M20" s="330">
        <v>6754624</v>
      </c>
      <c r="N20" s="326">
        <v>0</v>
      </c>
      <c r="O20" s="327">
        <v>20538</v>
      </c>
      <c r="P20" s="328">
        <v>20538</v>
      </c>
      <c r="Q20" s="326">
        <v>0</v>
      </c>
      <c r="R20" s="327">
        <v>240191</v>
      </c>
      <c r="S20" s="327">
        <v>391154</v>
      </c>
      <c r="T20" s="327">
        <v>205537</v>
      </c>
      <c r="U20" s="327">
        <v>627220</v>
      </c>
      <c r="V20" s="327">
        <v>380764</v>
      </c>
      <c r="W20" s="328">
        <v>1844866</v>
      </c>
      <c r="X20" s="330">
        <v>1865404</v>
      </c>
      <c r="Y20" s="326">
        <v>0</v>
      </c>
      <c r="Z20" s="327">
        <v>0</v>
      </c>
      <c r="AA20" s="328">
        <v>0</v>
      </c>
      <c r="AB20" s="326">
        <v>0</v>
      </c>
      <c r="AC20" s="327">
        <v>144490</v>
      </c>
      <c r="AD20" s="327">
        <v>207572</v>
      </c>
      <c r="AE20" s="327">
        <v>31816</v>
      </c>
      <c r="AF20" s="327">
        <v>454479</v>
      </c>
      <c r="AG20" s="327">
        <v>49829</v>
      </c>
      <c r="AH20" s="328">
        <v>888186</v>
      </c>
      <c r="AI20" s="330">
        <v>888186</v>
      </c>
      <c r="AJ20" s="326">
        <v>0</v>
      </c>
      <c r="AK20" s="327">
        <v>0</v>
      </c>
      <c r="AL20" s="328">
        <v>0</v>
      </c>
      <c r="AM20" s="326">
        <v>0</v>
      </c>
      <c r="AN20" s="327">
        <v>0</v>
      </c>
      <c r="AO20" s="327">
        <v>0</v>
      </c>
      <c r="AP20" s="327">
        <v>42037</v>
      </c>
      <c r="AQ20" s="327">
        <v>22680</v>
      </c>
      <c r="AR20" s="327">
        <v>126111</v>
      </c>
      <c r="AS20" s="328">
        <v>190828</v>
      </c>
      <c r="AT20" s="330">
        <v>190828</v>
      </c>
      <c r="AU20" s="326">
        <v>0</v>
      </c>
      <c r="AV20" s="327">
        <v>16352</v>
      </c>
      <c r="AW20" s="328">
        <v>16352</v>
      </c>
      <c r="AX20" s="326">
        <v>0</v>
      </c>
      <c r="AY20" s="327">
        <v>40471</v>
      </c>
      <c r="AZ20" s="327">
        <v>87426</v>
      </c>
      <c r="BA20" s="327">
        <v>101815</v>
      </c>
      <c r="BB20" s="327">
        <v>66166</v>
      </c>
      <c r="BC20" s="327">
        <v>112869</v>
      </c>
      <c r="BD20" s="328">
        <v>408747</v>
      </c>
      <c r="BE20" s="330">
        <v>425099</v>
      </c>
      <c r="BF20" s="326">
        <v>0</v>
      </c>
      <c r="BG20" s="327">
        <v>0</v>
      </c>
      <c r="BH20" s="331">
        <v>0</v>
      </c>
      <c r="BI20" s="332">
        <v>0</v>
      </c>
      <c r="BJ20" s="327">
        <v>0</v>
      </c>
      <c r="BK20" s="327">
        <v>28116</v>
      </c>
      <c r="BL20" s="327">
        <v>0</v>
      </c>
      <c r="BM20" s="327">
        <v>0</v>
      </c>
      <c r="BN20" s="327">
        <v>21087</v>
      </c>
      <c r="BO20" s="328">
        <v>49203</v>
      </c>
      <c r="BP20" s="330">
        <v>49203</v>
      </c>
      <c r="BQ20" s="326">
        <v>0</v>
      </c>
      <c r="BR20" s="327">
        <v>4186</v>
      </c>
      <c r="BS20" s="328">
        <v>4186</v>
      </c>
      <c r="BT20" s="326">
        <v>0</v>
      </c>
      <c r="BU20" s="327">
        <v>55230</v>
      </c>
      <c r="BV20" s="327">
        <v>68040</v>
      </c>
      <c r="BW20" s="327">
        <v>29869</v>
      </c>
      <c r="BX20" s="327">
        <v>83895</v>
      </c>
      <c r="BY20" s="327">
        <v>70868</v>
      </c>
      <c r="BZ20" s="328">
        <v>307902</v>
      </c>
      <c r="CA20" s="330">
        <v>312088</v>
      </c>
      <c r="CB20" s="326">
        <v>0</v>
      </c>
      <c r="CC20" s="327">
        <v>0</v>
      </c>
      <c r="CD20" s="328">
        <v>0</v>
      </c>
      <c r="CE20" s="326">
        <v>0</v>
      </c>
      <c r="CF20" s="327">
        <v>76057</v>
      </c>
      <c r="CG20" s="327">
        <v>284840</v>
      </c>
      <c r="CH20" s="327">
        <v>435688</v>
      </c>
      <c r="CI20" s="327">
        <v>105312</v>
      </c>
      <c r="CJ20" s="327">
        <v>105243</v>
      </c>
      <c r="CK20" s="328">
        <v>1007140</v>
      </c>
      <c r="CL20" s="330">
        <v>1007140</v>
      </c>
      <c r="CM20" s="326">
        <v>0</v>
      </c>
      <c r="CN20" s="327">
        <v>0</v>
      </c>
      <c r="CO20" s="328">
        <v>0</v>
      </c>
      <c r="CP20" s="332">
        <v>0</v>
      </c>
      <c r="CQ20" s="327">
        <v>70030</v>
      </c>
      <c r="CR20" s="327">
        <v>150310</v>
      </c>
      <c r="CS20" s="327">
        <v>302075</v>
      </c>
      <c r="CT20" s="327">
        <v>31215</v>
      </c>
      <c r="CU20" s="327">
        <v>0</v>
      </c>
      <c r="CV20" s="328">
        <v>553630</v>
      </c>
      <c r="CW20" s="330">
        <v>553630</v>
      </c>
      <c r="CX20" s="326">
        <v>0</v>
      </c>
      <c r="CY20" s="327">
        <v>0</v>
      </c>
      <c r="CZ20" s="328">
        <v>0</v>
      </c>
      <c r="DA20" s="326">
        <v>0</v>
      </c>
      <c r="DB20" s="327">
        <v>6027</v>
      </c>
      <c r="DC20" s="327">
        <v>134530</v>
      </c>
      <c r="DD20" s="327">
        <v>133613</v>
      </c>
      <c r="DE20" s="327">
        <v>74097</v>
      </c>
      <c r="DF20" s="327">
        <v>105243</v>
      </c>
      <c r="DG20" s="328">
        <v>453510</v>
      </c>
      <c r="DH20" s="330">
        <v>453510</v>
      </c>
      <c r="DI20" s="326">
        <v>0</v>
      </c>
      <c r="DJ20" s="327">
        <v>0</v>
      </c>
      <c r="DK20" s="331">
        <v>0</v>
      </c>
      <c r="DL20" s="332">
        <v>0</v>
      </c>
      <c r="DM20" s="327">
        <v>0</v>
      </c>
      <c r="DN20" s="327">
        <v>89057</v>
      </c>
      <c r="DO20" s="327">
        <v>149633</v>
      </c>
      <c r="DP20" s="327">
        <v>553109</v>
      </c>
      <c r="DQ20" s="327">
        <v>61068</v>
      </c>
      <c r="DR20" s="328">
        <v>852867</v>
      </c>
      <c r="DS20" s="330">
        <v>852867</v>
      </c>
      <c r="DT20" s="326">
        <v>0</v>
      </c>
      <c r="DU20" s="327">
        <v>0</v>
      </c>
      <c r="DV20" s="328">
        <v>0</v>
      </c>
      <c r="DW20" s="326">
        <v>0</v>
      </c>
      <c r="DX20" s="327">
        <v>0</v>
      </c>
      <c r="DY20" s="327">
        <v>89057</v>
      </c>
      <c r="DZ20" s="327">
        <v>149633</v>
      </c>
      <c r="EA20" s="327">
        <v>553109</v>
      </c>
      <c r="EB20" s="327">
        <v>61068</v>
      </c>
      <c r="EC20" s="328">
        <v>852867</v>
      </c>
      <c r="ED20" s="330">
        <v>852867</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1050</v>
      </c>
      <c r="FM20" s="327">
        <v>27860</v>
      </c>
      <c r="FN20" s="328">
        <v>28910</v>
      </c>
      <c r="FO20" s="326">
        <v>0</v>
      </c>
      <c r="FP20" s="327">
        <v>21420</v>
      </c>
      <c r="FQ20" s="327">
        <v>88319</v>
      </c>
      <c r="FR20" s="327">
        <v>49994</v>
      </c>
      <c r="FS20" s="327">
        <v>63434</v>
      </c>
      <c r="FT20" s="327">
        <v>84364</v>
      </c>
      <c r="FU20" s="328">
        <v>307531</v>
      </c>
      <c r="FV20" s="330">
        <v>336441</v>
      </c>
      <c r="FW20" s="333">
        <v>1050</v>
      </c>
      <c r="FX20" s="327">
        <v>27860</v>
      </c>
      <c r="FY20" s="331">
        <v>28910</v>
      </c>
      <c r="FZ20" s="332">
        <v>0</v>
      </c>
      <c r="GA20" s="327">
        <v>21420</v>
      </c>
      <c r="GB20" s="327">
        <v>88319</v>
      </c>
      <c r="GC20" s="327">
        <v>49994</v>
      </c>
      <c r="GD20" s="327">
        <v>63434</v>
      </c>
      <c r="GE20" s="327">
        <v>84364</v>
      </c>
      <c r="GF20" s="328">
        <v>307531</v>
      </c>
      <c r="GG20" s="334">
        <v>336441</v>
      </c>
      <c r="GH20" s="333">
        <v>0</v>
      </c>
      <c r="GI20" s="327">
        <v>0</v>
      </c>
      <c r="GJ20" s="331">
        <v>0</v>
      </c>
      <c r="GK20" s="332">
        <v>0</v>
      </c>
      <c r="GL20" s="327">
        <v>0</v>
      </c>
      <c r="GM20" s="327">
        <v>0</v>
      </c>
      <c r="GN20" s="327">
        <v>0</v>
      </c>
      <c r="GO20" s="327">
        <v>0</v>
      </c>
      <c r="GP20" s="327">
        <v>0</v>
      </c>
      <c r="GQ20" s="328">
        <v>0</v>
      </c>
      <c r="GR20" s="330">
        <v>0</v>
      </c>
      <c r="GS20" s="326">
        <v>0</v>
      </c>
      <c r="GT20" s="327">
        <v>0</v>
      </c>
      <c r="GU20" s="328">
        <v>0</v>
      </c>
      <c r="GV20" s="326">
        <v>0</v>
      </c>
      <c r="GW20" s="327">
        <v>0</v>
      </c>
      <c r="GX20" s="327">
        <v>0</v>
      </c>
      <c r="GY20" s="327">
        <v>0</v>
      </c>
      <c r="GZ20" s="327">
        <v>0</v>
      </c>
      <c r="HA20" s="327">
        <v>0</v>
      </c>
      <c r="HB20" s="331">
        <v>0</v>
      </c>
      <c r="HC20" s="330">
        <v>0</v>
      </c>
      <c r="HD20" s="326">
        <v>52346</v>
      </c>
      <c r="HE20" s="327">
        <v>169604</v>
      </c>
      <c r="HF20" s="331">
        <v>221950</v>
      </c>
      <c r="HG20" s="332">
        <v>0</v>
      </c>
      <c r="HH20" s="327">
        <v>613388</v>
      </c>
      <c r="HI20" s="327">
        <v>319288</v>
      </c>
      <c r="HJ20" s="327">
        <v>353442</v>
      </c>
      <c r="HK20" s="327">
        <v>574965</v>
      </c>
      <c r="HL20" s="327">
        <v>609739</v>
      </c>
      <c r="HM20" s="328">
        <v>2470822</v>
      </c>
      <c r="HN20" s="329">
        <v>2692772</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199282</v>
      </c>
      <c r="IE20" s="357">
        <v>353981</v>
      </c>
      <c r="IF20" s="358">
        <v>113234</v>
      </c>
      <c r="IG20" s="356">
        <v>350033</v>
      </c>
      <c r="IH20" s="358">
        <v>121041</v>
      </c>
      <c r="II20" s="359">
        <v>1137571</v>
      </c>
      <c r="IJ20" s="358">
        <v>1137571</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199282</v>
      </c>
      <c r="JL20" s="345">
        <v>353981</v>
      </c>
      <c r="JM20" s="345">
        <v>113234</v>
      </c>
      <c r="JN20" s="345">
        <v>122150</v>
      </c>
      <c r="JO20" s="345">
        <v>121041</v>
      </c>
      <c r="JP20" s="349">
        <v>909688</v>
      </c>
      <c r="JQ20" s="347">
        <v>909688</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0</v>
      </c>
      <c r="KT20" s="345">
        <v>0</v>
      </c>
      <c r="KU20" s="345">
        <v>227883</v>
      </c>
      <c r="KV20" s="345">
        <v>0</v>
      </c>
      <c r="KW20" s="349">
        <v>227883</v>
      </c>
      <c r="KX20" s="347">
        <v>227883</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486998</v>
      </c>
      <c r="ML20" s="345">
        <v>396692</v>
      </c>
      <c r="MM20" s="345">
        <v>388783</v>
      </c>
      <c r="MN20" s="345">
        <v>445305</v>
      </c>
      <c r="MO20" s="349">
        <v>1717778</v>
      </c>
      <c r="MP20" s="354">
        <v>1717778</v>
      </c>
      <c r="MQ20" s="348">
        <v>0</v>
      </c>
      <c r="MR20" s="345">
        <v>0</v>
      </c>
      <c r="MS20" s="349">
        <v>0</v>
      </c>
      <c r="MT20" s="404">
        <v>0</v>
      </c>
      <c r="MU20" s="345">
        <v>0</v>
      </c>
      <c r="MV20" s="345">
        <v>0</v>
      </c>
      <c r="MW20" s="345">
        <v>0</v>
      </c>
      <c r="MX20" s="345">
        <v>133667</v>
      </c>
      <c r="MY20" s="345">
        <v>445305</v>
      </c>
      <c r="MZ20" s="349">
        <v>578972</v>
      </c>
      <c r="NA20" s="354">
        <v>578972</v>
      </c>
      <c r="NB20" s="348">
        <v>0</v>
      </c>
      <c r="NC20" s="345">
        <v>0</v>
      </c>
      <c r="ND20" s="349">
        <v>0</v>
      </c>
      <c r="NE20" s="404">
        <v>0</v>
      </c>
      <c r="NF20" s="345">
        <v>0</v>
      </c>
      <c r="NG20" s="345">
        <v>486998</v>
      </c>
      <c r="NH20" s="345">
        <v>396692</v>
      </c>
      <c r="NI20" s="345">
        <v>255116</v>
      </c>
      <c r="NJ20" s="345">
        <v>0</v>
      </c>
      <c r="NK20" s="349">
        <v>1138806</v>
      </c>
      <c r="NL20" s="347">
        <v>1138806</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53396</v>
      </c>
      <c r="OJ20" s="345">
        <v>218002</v>
      </c>
      <c r="OK20" s="346">
        <v>271398</v>
      </c>
      <c r="OL20" s="351">
        <v>0</v>
      </c>
      <c r="OM20" s="345">
        <v>1150338</v>
      </c>
      <c r="ON20" s="345">
        <v>2013637</v>
      </c>
      <c r="OO20" s="345">
        <v>1704220</v>
      </c>
      <c r="OP20" s="345">
        <v>2662856</v>
      </c>
      <c r="OQ20" s="345">
        <v>1807524</v>
      </c>
      <c r="OR20" s="349">
        <v>9338575</v>
      </c>
      <c r="OS20" s="354">
        <v>9609973</v>
      </c>
    </row>
    <row r="21" spans="2:409" s="70" customFormat="1" ht="21" customHeight="1" x14ac:dyDescent="0.2">
      <c r="B21" s="106" t="s">
        <v>16</v>
      </c>
      <c r="C21" s="326">
        <v>445996</v>
      </c>
      <c r="D21" s="327">
        <v>415970</v>
      </c>
      <c r="E21" s="328">
        <v>861966</v>
      </c>
      <c r="F21" s="329">
        <v>0</v>
      </c>
      <c r="G21" s="327">
        <v>2729055</v>
      </c>
      <c r="H21" s="327">
        <v>5420096</v>
      </c>
      <c r="I21" s="327">
        <v>3444671</v>
      </c>
      <c r="J21" s="327">
        <v>3637973</v>
      </c>
      <c r="K21" s="327">
        <v>1757219</v>
      </c>
      <c r="L21" s="329">
        <v>16989014</v>
      </c>
      <c r="M21" s="330">
        <v>17850980</v>
      </c>
      <c r="N21" s="326">
        <v>111787</v>
      </c>
      <c r="O21" s="327">
        <v>162995</v>
      </c>
      <c r="P21" s="328">
        <v>274782</v>
      </c>
      <c r="Q21" s="326">
        <v>0</v>
      </c>
      <c r="R21" s="327">
        <v>418656</v>
      </c>
      <c r="S21" s="327">
        <v>1957499</v>
      </c>
      <c r="T21" s="327">
        <v>783737</v>
      </c>
      <c r="U21" s="327">
        <v>848173</v>
      </c>
      <c r="V21" s="327">
        <v>543475</v>
      </c>
      <c r="W21" s="328">
        <v>4551540</v>
      </c>
      <c r="X21" s="330">
        <v>4826322</v>
      </c>
      <c r="Y21" s="326">
        <v>0</v>
      </c>
      <c r="Z21" s="327">
        <v>0</v>
      </c>
      <c r="AA21" s="328">
        <v>0</v>
      </c>
      <c r="AB21" s="326">
        <v>0</v>
      </c>
      <c r="AC21" s="327">
        <v>118764</v>
      </c>
      <c r="AD21" s="327">
        <v>1216822</v>
      </c>
      <c r="AE21" s="327">
        <v>245158</v>
      </c>
      <c r="AF21" s="327">
        <v>325368</v>
      </c>
      <c r="AG21" s="327">
        <v>194968</v>
      </c>
      <c r="AH21" s="328">
        <v>2101080</v>
      </c>
      <c r="AI21" s="330">
        <v>2101080</v>
      </c>
      <c r="AJ21" s="326">
        <v>0</v>
      </c>
      <c r="AK21" s="327">
        <v>0</v>
      </c>
      <c r="AL21" s="328">
        <v>0</v>
      </c>
      <c r="AM21" s="326">
        <v>0</v>
      </c>
      <c r="AN21" s="327">
        <v>10685</v>
      </c>
      <c r="AO21" s="327">
        <v>0</v>
      </c>
      <c r="AP21" s="327">
        <v>0</v>
      </c>
      <c r="AQ21" s="327">
        <v>10101</v>
      </c>
      <c r="AR21" s="327">
        <v>90918</v>
      </c>
      <c r="AS21" s="328">
        <v>111704</v>
      </c>
      <c r="AT21" s="330">
        <v>111704</v>
      </c>
      <c r="AU21" s="326">
        <v>34732</v>
      </c>
      <c r="AV21" s="327">
        <v>162995</v>
      </c>
      <c r="AW21" s="328">
        <v>197727</v>
      </c>
      <c r="AX21" s="326">
        <v>0</v>
      </c>
      <c r="AY21" s="327">
        <v>121543</v>
      </c>
      <c r="AZ21" s="327">
        <v>490613</v>
      </c>
      <c r="BA21" s="327">
        <v>322177</v>
      </c>
      <c r="BB21" s="327">
        <v>383981</v>
      </c>
      <c r="BC21" s="327">
        <v>156417</v>
      </c>
      <c r="BD21" s="328">
        <v>1474731</v>
      </c>
      <c r="BE21" s="330">
        <v>1672458</v>
      </c>
      <c r="BF21" s="326">
        <v>35517</v>
      </c>
      <c r="BG21" s="327">
        <v>0</v>
      </c>
      <c r="BH21" s="331">
        <v>35517</v>
      </c>
      <c r="BI21" s="332">
        <v>0</v>
      </c>
      <c r="BJ21" s="327">
        <v>0</v>
      </c>
      <c r="BK21" s="327">
        <v>27737</v>
      </c>
      <c r="BL21" s="327">
        <v>6934</v>
      </c>
      <c r="BM21" s="327">
        <v>0</v>
      </c>
      <c r="BN21" s="327">
        <v>13868</v>
      </c>
      <c r="BO21" s="328">
        <v>48539</v>
      </c>
      <c r="BP21" s="330">
        <v>84056</v>
      </c>
      <c r="BQ21" s="326">
        <v>41538</v>
      </c>
      <c r="BR21" s="327">
        <v>0</v>
      </c>
      <c r="BS21" s="328">
        <v>41538</v>
      </c>
      <c r="BT21" s="326">
        <v>0</v>
      </c>
      <c r="BU21" s="327">
        <v>167664</v>
      </c>
      <c r="BV21" s="327">
        <v>222327</v>
      </c>
      <c r="BW21" s="327">
        <v>209468</v>
      </c>
      <c r="BX21" s="327">
        <v>128723</v>
      </c>
      <c r="BY21" s="327">
        <v>87304</v>
      </c>
      <c r="BZ21" s="328">
        <v>815486</v>
      </c>
      <c r="CA21" s="330">
        <v>857024</v>
      </c>
      <c r="CB21" s="326">
        <v>56131</v>
      </c>
      <c r="CC21" s="327">
        <v>168694</v>
      </c>
      <c r="CD21" s="328">
        <v>224825</v>
      </c>
      <c r="CE21" s="326">
        <v>0</v>
      </c>
      <c r="CF21" s="327">
        <v>1095994</v>
      </c>
      <c r="CG21" s="327">
        <v>1943326</v>
      </c>
      <c r="CH21" s="327">
        <v>632558</v>
      </c>
      <c r="CI21" s="327">
        <v>754169</v>
      </c>
      <c r="CJ21" s="327">
        <v>190541</v>
      </c>
      <c r="CK21" s="328">
        <v>4616588</v>
      </c>
      <c r="CL21" s="330">
        <v>4841413</v>
      </c>
      <c r="CM21" s="326">
        <v>0</v>
      </c>
      <c r="CN21" s="327">
        <v>0</v>
      </c>
      <c r="CO21" s="328">
        <v>0</v>
      </c>
      <c r="CP21" s="332">
        <v>0</v>
      </c>
      <c r="CQ21" s="327">
        <v>775587</v>
      </c>
      <c r="CR21" s="327">
        <v>1012186</v>
      </c>
      <c r="CS21" s="327">
        <v>251612</v>
      </c>
      <c r="CT21" s="327">
        <v>587894</v>
      </c>
      <c r="CU21" s="327">
        <v>99243</v>
      </c>
      <c r="CV21" s="328">
        <v>2726522</v>
      </c>
      <c r="CW21" s="330">
        <v>2726522</v>
      </c>
      <c r="CX21" s="326">
        <v>56131</v>
      </c>
      <c r="CY21" s="327">
        <v>168694</v>
      </c>
      <c r="CZ21" s="328">
        <v>224825</v>
      </c>
      <c r="DA21" s="326">
        <v>0</v>
      </c>
      <c r="DB21" s="327">
        <v>320407</v>
      </c>
      <c r="DC21" s="327">
        <v>931140</v>
      </c>
      <c r="DD21" s="327">
        <v>380946</v>
      </c>
      <c r="DE21" s="327">
        <v>166275</v>
      </c>
      <c r="DF21" s="327">
        <v>91298</v>
      </c>
      <c r="DG21" s="328">
        <v>1890066</v>
      </c>
      <c r="DH21" s="330">
        <v>2114891</v>
      </c>
      <c r="DI21" s="326">
        <v>39365</v>
      </c>
      <c r="DJ21" s="327">
        <v>28785</v>
      </c>
      <c r="DK21" s="331">
        <v>68150</v>
      </c>
      <c r="DL21" s="332">
        <v>0</v>
      </c>
      <c r="DM21" s="327">
        <v>13521</v>
      </c>
      <c r="DN21" s="327">
        <v>275976</v>
      </c>
      <c r="DO21" s="327">
        <v>65518</v>
      </c>
      <c r="DP21" s="327">
        <v>101051</v>
      </c>
      <c r="DQ21" s="327">
        <v>0</v>
      </c>
      <c r="DR21" s="328">
        <v>456066</v>
      </c>
      <c r="DS21" s="330">
        <v>524216</v>
      </c>
      <c r="DT21" s="326">
        <v>39365</v>
      </c>
      <c r="DU21" s="327">
        <v>28785</v>
      </c>
      <c r="DV21" s="328">
        <v>68150</v>
      </c>
      <c r="DW21" s="326">
        <v>0</v>
      </c>
      <c r="DX21" s="327">
        <v>13521</v>
      </c>
      <c r="DY21" s="327">
        <v>189989</v>
      </c>
      <c r="DZ21" s="327">
        <v>65518</v>
      </c>
      <c r="EA21" s="327">
        <v>101051</v>
      </c>
      <c r="EB21" s="327">
        <v>0</v>
      </c>
      <c r="EC21" s="328">
        <v>370079</v>
      </c>
      <c r="ED21" s="330">
        <v>438229</v>
      </c>
      <c r="EE21" s="326">
        <v>0</v>
      </c>
      <c r="EF21" s="331">
        <v>0</v>
      </c>
      <c r="EG21" s="328">
        <v>0</v>
      </c>
      <c r="EH21" s="326">
        <v>0</v>
      </c>
      <c r="EI21" s="327">
        <v>0</v>
      </c>
      <c r="EJ21" s="327">
        <v>85987</v>
      </c>
      <c r="EK21" s="327">
        <v>0</v>
      </c>
      <c r="EL21" s="327">
        <v>0</v>
      </c>
      <c r="EM21" s="327">
        <v>0</v>
      </c>
      <c r="EN21" s="331">
        <v>85987</v>
      </c>
      <c r="EO21" s="330">
        <v>85987</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40236</v>
      </c>
      <c r="FM21" s="327">
        <v>55496</v>
      </c>
      <c r="FN21" s="328">
        <v>95732</v>
      </c>
      <c r="FO21" s="326">
        <v>0</v>
      </c>
      <c r="FP21" s="327">
        <v>213234</v>
      </c>
      <c r="FQ21" s="327">
        <v>412713</v>
      </c>
      <c r="FR21" s="327">
        <v>214718</v>
      </c>
      <c r="FS21" s="327">
        <v>237489</v>
      </c>
      <c r="FT21" s="327">
        <v>211778</v>
      </c>
      <c r="FU21" s="328">
        <v>1289932</v>
      </c>
      <c r="FV21" s="330">
        <v>1385664</v>
      </c>
      <c r="FW21" s="333">
        <v>40236</v>
      </c>
      <c r="FX21" s="327">
        <v>55496</v>
      </c>
      <c r="FY21" s="331">
        <v>95732</v>
      </c>
      <c r="FZ21" s="332">
        <v>0</v>
      </c>
      <c r="GA21" s="327">
        <v>73234</v>
      </c>
      <c r="GB21" s="327">
        <v>412713</v>
      </c>
      <c r="GC21" s="327">
        <v>214718</v>
      </c>
      <c r="GD21" s="327">
        <v>237489</v>
      </c>
      <c r="GE21" s="327">
        <v>211778</v>
      </c>
      <c r="GF21" s="328">
        <v>1149932</v>
      </c>
      <c r="GG21" s="334">
        <v>1245664</v>
      </c>
      <c r="GH21" s="333">
        <v>0</v>
      </c>
      <c r="GI21" s="327">
        <v>0</v>
      </c>
      <c r="GJ21" s="331">
        <v>0</v>
      </c>
      <c r="GK21" s="332">
        <v>0</v>
      </c>
      <c r="GL21" s="327">
        <v>0</v>
      </c>
      <c r="GM21" s="327">
        <v>0</v>
      </c>
      <c r="GN21" s="327">
        <v>0</v>
      </c>
      <c r="GO21" s="327">
        <v>0</v>
      </c>
      <c r="GP21" s="327">
        <v>0</v>
      </c>
      <c r="GQ21" s="328">
        <v>0</v>
      </c>
      <c r="GR21" s="330">
        <v>0</v>
      </c>
      <c r="GS21" s="326">
        <v>0</v>
      </c>
      <c r="GT21" s="327">
        <v>0</v>
      </c>
      <c r="GU21" s="328">
        <v>0</v>
      </c>
      <c r="GV21" s="326">
        <v>0</v>
      </c>
      <c r="GW21" s="327">
        <v>140000</v>
      </c>
      <c r="GX21" s="327">
        <v>0</v>
      </c>
      <c r="GY21" s="327">
        <v>0</v>
      </c>
      <c r="GZ21" s="327">
        <v>0</v>
      </c>
      <c r="HA21" s="327">
        <v>0</v>
      </c>
      <c r="HB21" s="331">
        <v>140000</v>
      </c>
      <c r="HC21" s="330">
        <v>140000</v>
      </c>
      <c r="HD21" s="326">
        <v>198477</v>
      </c>
      <c r="HE21" s="327">
        <v>0</v>
      </c>
      <c r="HF21" s="331">
        <v>198477</v>
      </c>
      <c r="HG21" s="332">
        <v>0</v>
      </c>
      <c r="HH21" s="327">
        <v>987650</v>
      </c>
      <c r="HI21" s="327">
        <v>830582</v>
      </c>
      <c r="HJ21" s="327">
        <v>1748140</v>
      </c>
      <c r="HK21" s="327">
        <v>1697091</v>
      </c>
      <c r="HL21" s="327">
        <v>811425</v>
      </c>
      <c r="HM21" s="328">
        <v>6074888</v>
      </c>
      <c r="HN21" s="329">
        <v>6273365</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783118</v>
      </c>
      <c r="IE21" s="339">
        <v>1307550</v>
      </c>
      <c r="IF21" s="337">
        <v>477610</v>
      </c>
      <c r="IG21" s="336">
        <v>192134</v>
      </c>
      <c r="IH21" s="337">
        <v>256389</v>
      </c>
      <c r="II21" s="340">
        <v>3016801</v>
      </c>
      <c r="IJ21" s="341">
        <v>3016801</v>
      </c>
      <c r="IK21" s="342">
        <v>0</v>
      </c>
      <c r="IL21" s="343">
        <v>0</v>
      </c>
      <c r="IM21" s="344">
        <v>0</v>
      </c>
      <c r="IN21" s="404">
        <v>0</v>
      </c>
      <c r="IO21" s="345">
        <v>0</v>
      </c>
      <c r="IP21" s="345">
        <v>0</v>
      </c>
      <c r="IQ21" s="345">
        <v>0</v>
      </c>
      <c r="IR21" s="345">
        <v>167049</v>
      </c>
      <c r="IS21" s="345">
        <v>0</v>
      </c>
      <c r="IT21" s="346">
        <v>167049</v>
      </c>
      <c r="IU21" s="347">
        <v>167049</v>
      </c>
      <c r="IV21" s="348">
        <v>0</v>
      </c>
      <c r="IW21" s="345">
        <v>0</v>
      </c>
      <c r="IX21" s="349">
        <v>0</v>
      </c>
      <c r="IY21" s="404">
        <v>0</v>
      </c>
      <c r="IZ21" s="345">
        <v>0</v>
      </c>
      <c r="JA21" s="345">
        <v>0</v>
      </c>
      <c r="JB21" s="345">
        <v>0</v>
      </c>
      <c r="JC21" s="345">
        <v>14273</v>
      </c>
      <c r="JD21" s="345">
        <v>0</v>
      </c>
      <c r="JE21" s="349">
        <v>14273</v>
      </c>
      <c r="JF21" s="350">
        <v>14273</v>
      </c>
      <c r="JG21" s="348">
        <v>0</v>
      </c>
      <c r="JH21" s="345">
        <v>0</v>
      </c>
      <c r="JI21" s="346">
        <v>0</v>
      </c>
      <c r="JJ21" s="351">
        <v>0</v>
      </c>
      <c r="JK21" s="345">
        <v>231128</v>
      </c>
      <c r="JL21" s="345">
        <v>390498</v>
      </c>
      <c r="JM21" s="345">
        <v>455016</v>
      </c>
      <c r="JN21" s="345">
        <v>10812</v>
      </c>
      <c r="JO21" s="345">
        <v>0</v>
      </c>
      <c r="JP21" s="349">
        <v>1087454</v>
      </c>
      <c r="JQ21" s="347">
        <v>1087454</v>
      </c>
      <c r="JR21" s="348">
        <v>0</v>
      </c>
      <c r="JS21" s="345">
        <v>0</v>
      </c>
      <c r="JT21" s="346">
        <v>0</v>
      </c>
      <c r="JU21" s="351">
        <v>0</v>
      </c>
      <c r="JV21" s="345">
        <v>43551</v>
      </c>
      <c r="JW21" s="345">
        <v>119217</v>
      </c>
      <c r="JX21" s="345">
        <v>0</v>
      </c>
      <c r="JY21" s="345">
        <v>0</v>
      </c>
      <c r="JZ21" s="345">
        <v>0</v>
      </c>
      <c r="KA21" s="349">
        <v>162768</v>
      </c>
      <c r="KB21" s="347">
        <v>162768</v>
      </c>
      <c r="KC21" s="352">
        <v>0</v>
      </c>
      <c r="KD21" s="353">
        <v>0</v>
      </c>
      <c r="KE21" s="349">
        <v>0</v>
      </c>
      <c r="KF21" s="351">
        <v>0</v>
      </c>
      <c r="KG21" s="345">
        <v>306889</v>
      </c>
      <c r="KH21" s="345">
        <v>162596</v>
      </c>
      <c r="KI21" s="345">
        <v>0</v>
      </c>
      <c r="KJ21" s="345">
        <v>0</v>
      </c>
      <c r="KK21" s="345">
        <v>256389</v>
      </c>
      <c r="KL21" s="349">
        <v>725874</v>
      </c>
      <c r="KM21" s="354">
        <v>725874</v>
      </c>
      <c r="KN21" s="342">
        <v>0</v>
      </c>
      <c r="KO21" s="343">
        <v>0</v>
      </c>
      <c r="KP21" s="344">
        <v>0</v>
      </c>
      <c r="KQ21" s="404">
        <v>0</v>
      </c>
      <c r="KR21" s="345">
        <v>201550</v>
      </c>
      <c r="KS21" s="345">
        <v>635239</v>
      </c>
      <c r="KT21" s="345">
        <v>22594</v>
      </c>
      <c r="KU21" s="345">
        <v>0</v>
      </c>
      <c r="KV21" s="345">
        <v>0</v>
      </c>
      <c r="KW21" s="349">
        <v>859383</v>
      </c>
      <c r="KX21" s="347">
        <v>859383</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0</v>
      </c>
      <c r="MK21" s="345">
        <v>432963</v>
      </c>
      <c r="ML21" s="345">
        <v>1495035</v>
      </c>
      <c r="MM21" s="345">
        <v>2266027</v>
      </c>
      <c r="MN21" s="345">
        <v>727747</v>
      </c>
      <c r="MO21" s="349">
        <v>4921772</v>
      </c>
      <c r="MP21" s="354">
        <v>4921772</v>
      </c>
      <c r="MQ21" s="348">
        <v>0</v>
      </c>
      <c r="MR21" s="345">
        <v>0</v>
      </c>
      <c r="MS21" s="349">
        <v>0</v>
      </c>
      <c r="MT21" s="404">
        <v>0</v>
      </c>
      <c r="MU21" s="345">
        <v>0</v>
      </c>
      <c r="MV21" s="345">
        <v>0</v>
      </c>
      <c r="MW21" s="345">
        <v>970787</v>
      </c>
      <c r="MX21" s="345">
        <v>1535272</v>
      </c>
      <c r="MY21" s="345">
        <v>482488</v>
      </c>
      <c r="MZ21" s="349">
        <v>2988547</v>
      </c>
      <c r="NA21" s="354">
        <v>2988547</v>
      </c>
      <c r="NB21" s="348">
        <v>0</v>
      </c>
      <c r="NC21" s="345">
        <v>0</v>
      </c>
      <c r="ND21" s="349">
        <v>0</v>
      </c>
      <c r="NE21" s="404">
        <v>0</v>
      </c>
      <c r="NF21" s="345">
        <v>0</v>
      </c>
      <c r="NG21" s="345">
        <v>432963</v>
      </c>
      <c r="NH21" s="345">
        <v>524248</v>
      </c>
      <c r="NI21" s="345">
        <v>730755</v>
      </c>
      <c r="NJ21" s="345">
        <v>245259</v>
      </c>
      <c r="NK21" s="349">
        <v>1933225</v>
      </c>
      <c r="NL21" s="347">
        <v>1933225</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0</v>
      </c>
      <c r="OG21" s="349">
        <v>0</v>
      </c>
      <c r="OH21" s="350">
        <v>0</v>
      </c>
      <c r="OI21" s="348">
        <v>445996</v>
      </c>
      <c r="OJ21" s="345">
        <v>415970</v>
      </c>
      <c r="OK21" s="346">
        <v>861966</v>
      </c>
      <c r="OL21" s="351">
        <v>0</v>
      </c>
      <c r="OM21" s="345">
        <v>3512173</v>
      </c>
      <c r="ON21" s="345">
        <v>7160609</v>
      </c>
      <c r="OO21" s="345">
        <v>5417316</v>
      </c>
      <c r="OP21" s="345">
        <v>6096134</v>
      </c>
      <c r="OQ21" s="345">
        <v>2741355</v>
      </c>
      <c r="OR21" s="349">
        <v>24927587</v>
      </c>
      <c r="OS21" s="354">
        <v>25789553</v>
      </c>
    </row>
    <row r="22" spans="2:409" s="70" customFormat="1" ht="21" customHeight="1" x14ac:dyDescent="0.2">
      <c r="B22" s="106" t="s">
        <v>17</v>
      </c>
      <c r="C22" s="326">
        <v>649717</v>
      </c>
      <c r="D22" s="327">
        <v>1122488</v>
      </c>
      <c r="E22" s="328">
        <v>1772205</v>
      </c>
      <c r="F22" s="329">
        <v>0</v>
      </c>
      <c r="G22" s="327">
        <v>4061515</v>
      </c>
      <c r="H22" s="327">
        <v>7078080</v>
      </c>
      <c r="I22" s="327">
        <v>6289452</v>
      </c>
      <c r="J22" s="327">
        <v>5540187</v>
      </c>
      <c r="K22" s="327">
        <v>2711367</v>
      </c>
      <c r="L22" s="329">
        <v>25680601</v>
      </c>
      <c r="M22" s="330">
        <v>27452806</v>
      </c>
      <c r="N22" s="326">
        <v>160052</v>
      </c>
      <c r="O22" s="327">
        <v>192473</v>
      </c>
      <c r="P22" s="328">
        <v>352525</v>
      </c>
      <c r="Q22" s="326">
        <v>0</v>
      </c>
      <c r="R22" s="327">
        <v>945961</v>
      </c>
      <c r="S22" s="327">
        <v>2273428</v>
      </c>
      <c r="T22" s="327">
        <v>2542525</v>
      </c>
      <c r="U22" s="327">
        <v>1760940</v>
      </c>
      <c r="V22" s="327">
        <v>1161886</v>
      </c>
      <c r="W22" s="328">
        <v>8684740</v>
      </c>
      <c r="X22" s="330">
        <v>9037265</v>
      </c>
      <c r="Y22" s="326">
        <v>0</v>
      </c>
      <c r="Z22" s="327">
        <v>0</v>
      </c>
      <c r="AA22" s="328">
        <v>0</v>
      </c>
      <c r="AB22" s="326">
        <v>0</v>
      </c>
      <c r="AC22" s="327">
        <v>269722</v>
      </c>
      <c r="AD22" s="327">
        <v>984346</v>
      </c>
      <c r="AE22" s="327">
        <v>1360149</v>
      </c>
      <c r="AF22" s="327">
        <v>648372</v>
      </c>
      <c r="AG22" s="327">
        <v>720075</v>
      </c>
      <c r="AH22" s="328">
        <v>3982664</v>
      </c>
      <c r="AI22" s="330">
        <v>3982664</v>
      </c>
      <c r="AJ22" s="326">
        <v>0</v>
      </c>
      <c r="AK22" s="327">
        <v>0</v>
      </c>
      <c r="AL22" s="328">
        <v>0</v>
      </c>
      <c r="AM22" s="326">
        <v>0</v>
      </c>
      <c r="AN22" s="327">
        <v>0</v>
      </c>
      <c r="AO22" s="327">
        <v>0</v>
      </c>
      <c r="AP22" s="327">
        <v>31459</v>
      </c>
      <c r="AQ22" s="327">
        <v>160852</v>
      </c>
      <c r="AR22" s="327">
        <v>85703</v>
      </c>
      <c r="AS22" s="328">
        <v>278014</v>
      </c>
      <c r="AT22" s="330">
        <v>278014</v>
      </c>
      <c r="AU22" s="326">
        <v>77889</v>
      </c>
      <c r="AV22" s="327">
        <v>146854</v>
      </c>
      <c r="AW22" s="328">
        <v>224743</v>
      </c>
      <c r="AX22" s="326">
        <v>0</v>
      </c>
      <c r="AY22" s="327">
        <v>362804</v>
      </c>
      <c r="AZ22" s="327">
        <v>882342</v>
      </c>
      <c r="BA22" s="327">
        <v>639774</v>
      </c>
      <c r="BB22" s="327">
        <v>526894</v>
      </c>
      <c r="BC22" s="327">
        <v>171413</v>
      </c>
      <c r="BD22" s="328">
        <v>2583227</v>
      </c>
      <c r="BE22" s="330">
        <v>2807970</v>
      </c>
      <c r="BF22" s="326">
        <v>27381</v>
      </c>
      <c r="BG22" s="327">
        <v>0</v>
      </c>
      <c r="BH22" s="331">
        <v>27381</v>
      </c>
      <c r="BI22" s="332">
        <v>0</v>
      </c>
      <c r="BJ22" s="327">
        <v>46357</v>
      </c>
      <c r="BK22" s="327">
        <v>107693</v>
      </c>
      <c r="BL22" s="327">
        <v>137819</v>
      </c>
      <c r="BM22" s="327">
        <v>143051</v>
      </c>
      <c r="BN22" s="327">
        <v>0</v>
      </c>
      <c r="BO22" s="328">
        <v>434920</v>
      </c>
      <c r="BP22" s="330">
        <v>462301</v>
      </c>
      <c r="BQ22" s="326">
        <v>54782</v>
      </c>
      <c r="BR22" s="327">
        <v>45619</v>
      </c>
      <c r="BS22" s="328">
        <v>100401</v>
      </c>
      <c r="BT22" s="326">
        <v>0</v>
      </c>
      <c r="BU22" s="327">
        <v>267078</v>
      </c>
      <c r="BV22" s="327">
        <v>299047</v>
      </c>
      <c r="BW22" s="327">
        <v>373324</v>
      </c>
      <c r="BX22" s="327">
        <v>281771</v>
      </c>
      <c r="BY22" s="327">
        <v>184695</v>
      </c>
      <c r="BZ22" s="328">
        <v>1405915</v>
      </c>
      <c r="CA22" s="330">
        <v>1506316</v>
      </c>
      <c r="CB22" s="326">
        <v>74482</v>
      </c>
      <c r="CC22" s="327">
        <v>175613</v>
      </c>
      <c r="CD22" s="328">
        <v>250095</v>
      </c>
      <c r="CE22" s="326">
        <v>0</v>
      </c>
      <c r="CF22" s="327">
        <v>772609</v>
      </c>
      <c r="CG22" s="327">
        <v>2206001</v>
      </c>
      <c r="CH22" s="327">
        <v>1252717</v>
      </c>
      <c r="CI22" s="327">
        <v>1167137</v>
      </c>
      <c r="CJ22" s="327">
        <v>311769</v>
      </c>
      <c r="CK22" s="328">
        <v>5710233</v>
      </c>
      <c r="CL22" s="330">
        <v>5960328</v>
      </c>
      <c r="CM22" s="326">
        <v>0</v>
      </c>
      <c r="CN22" s="327">
        <v>0</v>
      </c>
      <c r="CO22" s="328">
        <v>0</v>
      </c>
      <c r="CP22" s="332">
        <v>0</v>
      </c>
      <c r="CQ22" s="327">
        <v>623904</v>
      </c>
      <c r="CR22" s="327">
        <v>1448289</v>
      </c>
      <c r="CS22" s="327">
        <v>706517</v>
      </c>
      <c r="CT22" s="327">
        <v>844174</v>
      </c>
      <c r="CU22" s="327">
        <v>251506</v>
      </c>
      <c r="CV22" s="328">
        <v>3874390</v>
      </c>
      <c r="CW22" s="330">
        <v>3874390</v>
      </c>
      <c r="CX22" s="326">
        <v>74482</v>
      </c>
      <c r="CY22" s="327">
        <v>175613</v>
      </c>
      <c r="CZ22" s="328">
        <v>250095</v>
      </c>
      <c r="DA22" s="326">
        <v>0</v>
      </c>
      <c r="DB22" s="327">
        <v>148705</v>
      </c>
      <c r="DC22" s="327">
        <v>757712</v>
      </c>
      <c r="DD22" s="327">
        <v>546200</v>
      </c>
      <c r="DE22" s="327">
        <v>322963</v>
      </c>
      <c r="DF22" s="327">
        <v>60263</v>
      </c>
      <c r="DG22" s="328">
        <v>1835843</v>
      </c>
      <c r="DH22" s="330">
        <v>2085938</v>
      </c>
      <c r="DI22" s="326">
        <v>0</v>
      </c>
      <c r="DJ22" s="327">
        <v>20528</v>
      </c>
      <c r="DK22" s="331">
        <v>20528</v>
      </c>
      <c r="DL22" s="332">
        <v>0</v>
      </c>
      <c r="DM22" s="327">
        <v>92305</v>
      </c>
      <c r="DN22" s="327">
        <v>302354</v>
      </c>
      <c r="DO22" s="327">
        <v>382679</v>
      </c>
      <c r="DP22" s="327">
        <v>195139</v>
      </c>
      <c r="DQ22" s="327">
        <v>112387</v>
      </c>
      <c r="DR22" s="328">
        <v>1084864</v>
      </c>
      <c r="DS22" s="330">
        <v>1105392</v>
      </c>
      <c r="DT22" s="326">
        <v>0</v>
      </c>
      <c r="DU22" s="327">
        <v>20528</v>
      </c>
      <c r="DV22" s="328">
        <v>20528</v>
      </c>
      <c r="DW22" s="326">
        <v>0</v>
      </c>
      <c r="DX22" s="327">
        <v>44893</v>
      </c>
      <c r="DY22" s="327">
        <v>273368</v>
      </c>
      <c r="DZ22" s="327">
        <v>382679</v>
      </c>
      <c r="EA22" s="327">
        <v>155809</v>
      </c>
      <c r="EB22" s="327">
        <v>112387</v>
      </c>
      <c r="EC22" s="328">
        <v>969136</v>
      </c>
      <c r="ED22" s="330">
        <v>989664</v>
      </c>
      <c r="EE22" s="326">
        <v>0</v>
      </c>
      <c r="EF22" s="331">
        <v>0</v>
      </c>
      <c r="EG22" s="328">
        <v>0</v>
      </c>
      <c r="EH22" s="326">
        <v>0</v>
      </c>
      <c r="EI22" s="327">
        <v>47412</v>
      </c>
      <c r="EJ22" s="327">
        <v>28986</v>
      </c>
      <c r="EK22" s="327">
        <v>0</v>
      </c>
      <c r="EL22" s="327">
        <v>39330</v>
      </c>
      <c r="EM22" s="327">
        <v>0</v>
      </c>
      <c r="EN22" s="331">
        <v>115728</v>
      </c>
      <c r="EO22" s="330">
        <v>115728</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300720</v>
      </c>
      <c r="FM22" s="327">
        <v>308742</v>
      </c>
      <c r="FN22" s="328">
        <v>609462</v>
      </c>
      <c r="FO22" s="326">
        <v>0</v>
      </c>
      <c r="FP22" s="327">
        <v>147365</v>
      </c>
      <c r="FQ22" s="327">
        <v>758401</v>
      </c>
      <c r="FR22" s="327">
        <v>650370</v>
      </c>
      <c r="FS22" s="327">
        <v>647493</v>
      </c>
      <c r="FT22" s="327">
        <v>221599</v>
      </c>
      <c r="FU22" s="328">
        <v>2425228</v>
      </c>
      <c r="FV22" s="330">
        <v>3034690</v>
      </c>
      <c r="FW22" s="333">
        <v>51072</v>
      </c>
      <c r="FX22" s="327">
        <v>141792</v>
      </c>
      <c r="FY22" s="331">
        <v>192864</v>
      </c>
      <c r="FZ22" s="332">
        <v>0</v>
      </c>
      <c r="GA22" s="327">
        <v>134491</v>
      </c>
      <c r="GB22" s="327">
        <v>601601</v>
      </c>
      <c r="GC22" s="327">
        <v>650370</v>
      </c>
      <c r="GD22" s="327">
        <v>463477</v>
      </c>
      <c r="GE22" s="327">
        <v>221599</v>
      </c>
      <c r="GF22" s="328">
        <v>2071538</v>
      </c>
      <c r="GG22" s="334">
        <v>2264402</v>
      </c>
      <c r="GH22" s="333">
        <v>20328</v>
      </c>
      <c r="GI22" s="327">
        <v>26950</v>
      </c>
      <c r="GJ22" s="331">
        <v>47278</v>
      </c>
      <c r="GK22" s="332">
        <v>0</v>
      </c>
      <c r="GL22" s="327">
        <v>12874</v>
      </c>
      <c r="GM22" s="327">
        <v>0</v>
      </c>
      <c r="GN22" s="327">
        <v>0</v>
      </c>
      <c r="GO22" s="327">
        <v>44016</v>
      </c>
      <c r="GP22" s="327">
        <v>0</v>
      </c>
      <c r="GQ22" s="328">
        <v>56890</v>
      </c>
      <c r="GR22" s="330">
        <v>104168</v>
      </c>
      <c r="GS22" s="326">
        <v>229320</v>
      </c>
      <c r="GT22" s="327">
        <v>140000</v>
      </c>
      <c r="GU22" s="328">
        <v>369320</v>
      </c>
      <c r="GV22" s="326">
        <v>0</v>
      </c>
      <c r="GW22" s="327">
        <v>0</v>
      </c>
      <c r="GX22" s="327">
        <v>156800</v>
      </c>
      <c r="GY22" s="327">
        <v>0</v>
      </c>
      <c r="GZ22" s="327">
        <v>140000</v>
      </c>
      <c r="HA22" s="327">
        <v>0</v>
      </c>
      <c r="HB22" s="331">
        <v>296800</v>
      </c>
      <c r="HC22" s="330">
        <v>666120</v>
      </c>
      <c r="HD22" s="326">
        <v>114463</v>
      </c>
      <c r="HE22" s="327">
        <v>425132</v>
      </c>
      <c r="HF22" s="331">
        <v>539595</v>
      </c>
      <c r="HG22" s="332">
        <v>0</v>
      </c>
      <c r="HH22" s="327">
        <v>2103275</v>
      </c>
      <c r="HI22" s="327">
        <v>1537896</v>
      </c>
      <c r="HJ22" s="327">
        <v>1461161</v>
      </c>
      <c r="HK22" s="327">
        <v>1769478</v>
      </c>
      <c r="HL22" s="327">
        <v>903726</v>
      </c>
      <c r="HM22" s="328">
        <v>7775536</v>
      </c>
      <c r="HN22" s="329">
        <v>8315131</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269369</v>
      </c>
      <c r="IE22" s="357">
        <v>1586598</v>
      </c>
      <c r="IF22" s="358">
        <v>1682864</v>
      </c>
      <c r="IG22" s="356">
        <v>1371606</v>
      </c>
      <c r="IH22" s="358">
        <v>2164166</v>
      </c>
      <c r="II22" s="359">
        <v>8074603</v>
      </c>
      <c r="IJ22" s="358">
        <v>8074603</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863601</v>
      </c>
      <c r="JL22" s="345">
        <v>513169</v>
      </c>
      <c r="JM22" s="345">
        <v>781201</v>
      </c>
      <c r="JN22" s="345">
        <v>127926</v>
      </c>
      <c r="JO22" s="345">
        <v>88222</v>
      </c>
      <c r="JP22" s="349">
        <v>2374119</v>
      </c>
      <c r="JQ22" s="347">
        <v>2374119</v>
      </c>
      <c r="JR22" s="348">
        <v>0</v>
      </c>
      <c r="JS22" s="345">
        <v>0</v>
      </c>
      <c r="JT22" s="346">
        <v>0</v>
      </c>
      <c r="JU22" s="351">
        <v>0</v>
      </c>
      <c r="JV22" s="345">
        <v>77901</v>
      </c>
      <c r="JW22" s="345">
        <v>52012</v>
      </c>
      <c r="JX22" s="345">
        <v>0</v>
      </c>
      <c r="JY22" s="345">
        <v>0</v>
      </c>
      <c r="JZ22" s="345">
        <v>0</v>
      </c>
      <c r="KA22" s="349">
        <v>129913</v>
      </c>
      <c r="KB22" s="347">
        <v>129913</v>
      </c>
      <c r="KC22" s="352">
        <v>0</v>
      </c>
      <c r="KD22" s="353">
        <v>0</v>
      </c>
      <c r="KE22" s="349">
        <v>0</v>
      </c>
      <c r="KF22" s="351">
        <v>0</v>
      </c>
      <c r="KG22" s="345">
        <v>118794</v>
      </c>
      <c r="KH22" s="345">
        <v>165583</v>
      </c>
      <c r="KI22" s="345">
        <v>0</v>
      </c>
      <c r="KJ22" s="345">
        <v>247230</v>
      </c>
      <c r="KK22" s="345">
        <v>539242</v>
      </c>
      <c r="KL22" s="349">
        <v>1070849</v>
      </c>
      <c r="KM22" s="354">
        <v>1070849</v>
      </c>
      <c r="KN22" s="342">
        <v>0</v>
      </c>
      <c r="KO22" s="343">
        <v>0</v>
      </c>
      <c r="KP22" s="344">
        <v>0</v>
      </c>
      <c r="KQ22" s="404">
        <v>0</v>
      </c>
      <c r="KR22" s="345">
        <v>209073</v>
      </c>
      <c r="KS22" s="345">
        <v>855834</v>
      </c>
      <c r="KT22" s="345">
        <v>680673</v>
      </c>
      <c r="KU22" s="345">
        <v>229415</v>
      </c>
      <c r="KV22" s="345">
        <v>704214</v>
      </c>
      <c r="KW22" s="349">
        <v>2679209</v>
      </c>
      <c r="KX22" s="347">
        <v>2679209</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0990</v>
      </c>
      <c r="LQ22" s="345">
        <v>478806</v>
      </c>
      <c r="LR22" s="345">
        <v>832488</v>
      </c>
      <c r="LS22" s="349">
        <v>1532284</v>
      </c>
      <c r="LT22" s="347">
        <v>1532284</v>
      </c>
      <c r="LU22" s="348">
        <v>0</v>
      </c>
      <c r="LV22" s="345">
        <v>0</v>
      </c>
      <c r="LW22" s="349">
        <v>0</v>
      </c>
      <c r="LX22" s="404">
        <v>0</v>
      </c>
      <c r="LY22" s="345">
        <v>0</v>
      </c>
      <c r="LZ22" s="345">
        <v>0</v>
      </c>
      <c r="MA22" s="345">
        <v>0</v>
      </c>
      <c r="MB22" s="345">
        <v>288229</v>
      </c>
      <c r="MC22" s="345">
        <v>0</v>
      </c>
      <c r="MD22" s="349">
        <v>288229</v>
      </c>
      <c r="ME22" s="350">
        <v>288229</v>
      </c>
      <c r="MF22" s="348">
        <v>0</v>
      </c>
      <c r="MG22" s="345">
        <v>0</v>
      </c>
      <c r="MH22" s="349">
        <v>0</v>
      </c>
      <c r="MI22" s="404">
        <v>0</v>
      </c>
      <c r="MJ22" s="345">
        <v>491568</v>
      </c>
      <c r="MK22" s="345">
        <v>1781276</v>
      </c>
      <c r="ML22" s="345">
        <v>3462029</v>
      </c>
      <c r="MM22" s="345">
        <v>2478256</v>
      </c>
      <c r="MN22" s="345">
        <v>3968912</v>
      </c>
      <c r="MO22" s="349">
        <v>12182041</v>
      </c>
      <c r="MP22" s="354">
        <v>12182041</v>
      </c>
      <c r="MQ22" s="348">
        <v>0</v>
      </c>
      <c r="MR22" s="345">
        <v>0</v>
      </c>
      <c r="MS22" s="349">
        <v>0</v>
      </c>
      <c r="MT22" s="404">
        <v>0</v>
      </c>
      <c r="MU22" s="345">
        <v>0</v>
      </c>
      <c r="MV22" s="345">
        <v>217670</v>
      </c>
      <c r="MW22" s="345">
        <v>989475</v>
      </c>
      <c r="MX22" s="345">
        <v>1446423</v>
      </c>
      <c r="MY22" s="345">
        <v>2021534</v>
      </c>
      <c r="MZ22" s="349">
        <v>4675102</v>
      </c>
      <c r="NA22" s="354">
        <v>4675102</v>
      </c>
      <c r="NB22" s="348">
        <v>0</v>
      </c>
      <c r="NC22" s="345">
        <v>0</v>
      </c>
      <c r="ND22" s="349">
        <v>0</v>
      </c>
      <c r="NE22" s="404">
        <v>0</v>
      </c>
      <c r="NF22" s="345">
        <v>491568</v>
      </c>
      <c r="NG22" s="345">
        <v>1563606</v>
      </c>
      <c r="NH22" s="345">
        <v>2472554</v>
      </c>
      <c r="NI22" s="345">
        <v>1031833</v>
      </c>
      <c r="NJ22" s="345">
        <v>1592293</v>
      </c>
      <c r="NK22" s="349">
        <v>7151854</v>
      </c>
      <c r="NL22" s="347">
        <v>7151854</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55085</v>
      </c>
      <c r="OG22" s="349">
        <v>355085</v>
      </c>
      <c r="OH22" s="350">
        <v>355085</v>
      </c>
      <c r="OI22" s="348">
        <v>649717</v>
      </c>
      <c r="OJ22" s="345">
        <v>1122488</v>
      </c>
      <c r="OK22" s="346">
        <v>1772205</v>
      </c>
      <c r="OL22" s="351">
        <v>0</v>
      </c>
      <c r="OM22" s="345">
        <v>5822452</v>
      </c>
      <c r="ON22" s="345">
        <v>10445954</v>
      </c>
      <c r="OO22" s="345">
        <v>11434345</v>
      </c>
      <c r="OP22" s="345">
        <v>9390049</v>
      </c>
      <c r="OQ22" s="345">
        <v>8844445</v>
      </c>
      <c r="OR22" s="349">
        <v>45937245</v>
      </c>
      <c r="OS22" s="354">
        <v>47709450</v>
      </c>
    </row>
    <row r="23" spans="2:409" s="70" customFormat="1" ht="21" customHeight="1" x14ac:dyDescent="0.2">
      <c r="B23" s="106" t="s">
        <v>18</v>
      </c>
      <c r="C23" s="326">
        <v>449261</v>
      </c>
      <c r="D23" s="327">
        <v>347771</v>
      </c>
      <c r="E23" s="328">
        <v>797032</v>
      </c>
      <c r="F23" s="329">
        <v>0</v>
      </c>
      <c r="G23" s="327">
        <v>5264590</v>
      </c>
      <c r="H23" s="327">
        <v>8314116</v>
      </c>
      <c r="I23" s="327">
        <v>8540290</v>
      </c>
      <c r="J23" s="327">
        <v>8001221</v>
      </c>
      <c r="K23" s="327">
        <v>7388571</v>
      </c>
      <c r="L23" s="329">
        <v>37508788</v>
      </c>
      <c r="M23" s="330">
        <v>38305820</v>
      </c>
      <c r="N23" s="326">
        <v>230921</v>
      </c>
      <c r="O23" s="327">
        <v>145925</v>
      </c>
      <c r="P23" s="328">
        <v>376846</v>
      </c>
      <c r="Q23" s="326">
        <v>0</v>
      </c>
      <c r="R23" s="327">
        <v>1835118</v>
      </c>
      <c r="S23" s="327">
        <v>2301358</v>
      </c>
      <c r="T23" s="327">
        <v>3176555</v>
      </c>
      <c r="U23" s="327">
        <v>3197692</v>
      </c>
      <c r="V23" s="327">
        <v>2543783</v>
      </c>
      <c r="W23" s="328">
        <v>13054506</v>
      </c>
      <c r="X23" s="330">
        <v>13431352</v>
      </c>
      <c r="Y23" s="326">
        <v>0</v>
      </c>
      <c r="Z23" s="327">
        <v>0</v>
      </c>
      <c r="AA23" s="328">
        <v>0</v>
      </c>
      <c r="AB23" s="326">
        <v>0</v>
      </c>
      <c r="AC23" s="327">
        <v>749745</v>
      </c>
      <c r="AD23" s="327">
        <v>743251</v>
      </c>
      <c r="AE23" s="327">
        <v>1560836</v>
      </c>
      <c r="AF23" s="327">
        <v>1623546</v>
      </c>
      <c r="AG23" s="327">
        <v>1609637</v>
      </c>
      <c r="AH23" s="328">
        <v>6287015</v>
      </c>
      <c r="AI23" s="330">
        <v>6287015</v>
      </c>
      <c r="AJ23" s="326">
        <v>0</v>
      </c>
      <c r="AK23" s="327">
        <v>0</v>
      </c>
      <c r="AL23" s="328">
        <v>0</v>
      </c>
      <c r="AM23" s="326">
        <v>0</v>
      </c>
      <c r="AN23" s="327">
        <v>0</v>
      </c>
      <c r="AO23" s="327">
        <v>0</v>
      </c>
      <c r="AP23" s="327">
        <v>52937</v>
      </c>
      <c r="AQ23" s="327">
        <v>242642</v>
      </c>
      <c r="AR23" s="327">
        <v>134970</v>
      </c>
      <c r="AS23" s="328">
        <v>430549</v>
      </c>
      <c r="AT23" s="330">
        <v>430549</v>
      </c>
      <c r="AU23" s="326">
        <v>122681</v>
      </c>
      <c r="AV23" s="327">
        <v>71273</v>
      </c>
      <c r="AW23" s="328">
        <v>193954</v>
      </c>
      <c r="AX23" s="326">
        <v>0</v>
      </c>
      <c r="AY23" s="327">
        <v>719018</v>
      </c>
      <c r="AZ23" s="327">
        <v>1060359</v>
      </c>
      <c r="BA23" s="327">
        <v>793719</v>
      </c>
      <c r="BB23" s="327">
        <v>796136</v>
      </c>
      <c r="BC23" s="327">
        <v>315983</v>
      </c>
      <c r="BD23" s="328">
        <v>3685215</v>
      </c>
      <c r="BE23" s="330">
        <v>3879169</v>
      </c>
      <c r="BF23" s="326">
        <v>40410</v>
      </c>
      <c r="BG23" s="327">
        <v>17959</v>
      </c>
      <c r="BH23" s="331">
        <v>58369</v>
      </c>
      <c r="BI23" s="332">
        <v>0</v>
      </c>
      <c r="BJ23" s="327">
        <v>31895</v>
      </c>
      <c r="BK23" s="327">
        <v>122485</v>
      </c>
      <c r="BL23" s="327">
        <v>248760</v>
      </c>
      <c r="BM23" s="327">
        <v>38977</v>
      </c>
      <c r="BN23" s="327">
        <v>12842</v>
      </c>
      <c r="BO23" s="328">
        <v>454959</v>
      </c>
      <c r="BP23" s="330">
        <v>513328</v>
      </c>
      <c r="BQ23" s="326">
        <v>67830</v>
      </c>
      <c r="BR23" s="327">
        <v>56693</v>
      </c>
      <c r="BS23" s="328">
        <v>124523</v>
      </c>
      <c r="BT23" s="326">
        <v>0</v>
      </c>
      <c r="BU23" s="327">
        <v>334460</v>
      </c>
      <c r="BV23" s="327">
        <v>375263</v>
      </c>
      <c r="BW23" s="327">
        <v>520303</v>
      </c>
      <c r="BX23" s="327">
        <v>496391</v>
      </c>
      <c r="BY23" s="327">
        <v>470351</v>
      </c>
      <c r="BZ23" s="328">
        <v>2196768</v>
      </c>
      <c r="CA23" s="330">
        <v>2321291</v>
      </c>
      <c r="CB23" s="326">
        <v>91089</v>
      </c>
      <c r="CC23" s="327">
        <v>-88338</v>
      </c>
      <c r="CD23" s="328">
        <v>2751</v>
      </c>
      <c r="CE23" s="326">
        <v>0</v>
      </c>
      <c r="CF23" s="327">
        <v>1578636</v>
      </c>
      <c r="CG23" s="327">
        <v>3239618</v>
      </c>
      <c r="CH23" s="327">
        <v>1788614</v>
      </c>
      <c r="CI23" s="327">
        <v>1374356</v>
      </c>
      <c r="CJ23" s="327">
        <v>797248</v>
      </c>
      <c r="CK23" s="328">
        <v>8778472</v>
      </c>
      <c r="CL23" s="330">
        <v>8781223</v>
      </c>
      <c r="CM23" s="326">
        <v>0</v>
      </c>
      <c r="CN23" s="327">
        <v>0</v>
      </c>
      <c r="CO23" s="328">
        <v>0</v>
      </c>
      <c r="CP23" s="332">
        <v>0</v>
      </c>
      <c r="CQ23" s="327">
        <v>1150137</v>
      </c>
      <c r="CR23" s="327">
        <v>2636228</v>
      </c>
      <c r="CS23" s="327">
        <v>1419199</v>
      </c>
      <c r="CT23" s="327">
        <v>1051442</v>
      </c>
      <c r="CU23" s="327">
        <v>660013</v>
      </c>
      <c r="CV23" s="328">
        <v>6917019</v>
      </c>
      <c r="CW23" s="330">
        <v>6917019</v>
      </c>
      <c r="CX23" s="326">
        <v>91089</v>
      </c>
      <c r="CY23" s="327">
        <v>-88338</v>
      </c>
      <c r="CZ23" s="328">
        <v>2751</v>
      </c>
      <c r="DA23" s="326">
        <v>0</v>
      </c>
      <c r="DB23" s="327">
        <v>428499</v>
      </c>
      <c r="DC23" s="327">
        <v>603390</v>
      </c>
      <c r="DD23" s="327">
        <v>369415</v>
      </c>
      <c r="DE23" s="327">
        <v>322914</v>
      </c>
      <c r="DF23" s="327">
        <v>137235</v>
      </c>
      <c r="DG23" s="328">
        <v>1861453</v>
      </c>
      <c r="DH23" s="330">
        <v>1864204</v>
      </c>
      <c r="DI23" s="326">
        <v>0</v>
      </c>
      <c r="DJ23" s="327">
        <v>0</v>
      </c>
      <c r="DK23" s="331">
        <v>0</v>
      </c>
      <c r="DL23" s="332">
        <v>0</v>
      </c>
      <c r="DM23" s="327">
        <v>49239</v>
      </c>
      <c r="DN23" s="327">
        <v>576010</v>
      </c>
      <c r="DO23" s="327">
        <v>1047653</v>
      </c>
      <c r="DP23" s="327">
        <v>854204</v>
      </c>
      <c r="DQ23" s="327">
        <v>537786</v>
      </c>
      <c r="DR23" s="328">
        <v>3064892</v>
      </c>
      <c r="DS23" s="330">
        <v>3064892</v>
      </c>
      <c r="DT23" s="326">
        <v>0</v>
      </c>
      <c r="DU23" s="327">
        <v>0</v>
      </c>
      <c r="DV23" s="328">
        <v>0</v>
      </c>
      <c r="DW23" s="326">
        <v>0</v>
      </c>
      <c r="DX23" s="327">
        <v>49239</v>
      </c>
      <c r="DY23" s="327">
        <v>480428</v>
      </c>
      <c r="DZ23" s="327">
        <v>1024765</v>
      </c>
      <c r="EA23" s="327">
        <v>854204</v>
      </c>
      <c r="EB23" s="327">
        <v>537786</v>
      </c>
      <c r="EC23" s="328">
        <v>2946422</v>
      </c>
      <c r="ED23" s="330">
        <v>2946422</v>
      </c>
      <c r="EE23" s="326">
        <v>0</v>
      </c>
      <c r="EF23" s="331">
        <v>0</v>
      </c>
      <c r="EG23" s="328">
        <v>0</v>
      </c>
      <c r="EH23" s="326">
        <v>0</v>
      </c>
      <c r="EI23" s="327">
        <v>0</v>
      </c>
      <c r="EJ23" s="327">
        <v>95582</v>
      </c>
      <c r="EK23" s="327">
        <v>22888</v>
      </c>
      <c r="EL23" s="327">
        <v>0</v>
      </c>
      <c r="EM23" s="327">
        <v>0</v>
      </c>
      <c r="EN23" s="331">
        <v>118470</v>
      </c>
      <c r="EO23" s="330">
        <v>11847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31612</v>
      </c>
      <c r="FM23" s="327">
        <v>129152</v>
      </c>
      <c r="FN23" s="328">
        <v>160764</v>
      </c>
      <c r="FO23" s="326">
        <v>0</v>
      </c>
      <c r="FP23" s="327">
        <v>301469</v>
      </c>
      <c r="FQ23" s="327">
        <v>724269</v>
      </c>
      <c r="FR23" s="327">
        <v>667709</v>
      </c>
      <c r="FS23" s="327">
        <v>516628</v>
      </c>
      <c r="FT23" s="327">
        <v>317135</v>
      </c>
      <c r="FU23" s="328">
        <v>2527210</v>
      </c>
      <c r="FV23" s="330">
        <v>2687974</v>
      </c>
      <c r="FW23" s="333">
        <v>31612</v>
      </c>
      <c r="FX23" s="327">
        <v>129152</v>
      </c>
      <c r="FY23" s="331">
        <v>160764</v>
      </c>
      <c r="FZ23" s="332">
        <v>0</v>
      </c>
      <c r="GA23" s="327">
        <v>301469</v>
      </c>
      <c r="GB23" s="327">
        <v>691929</v>
      </c>
      <c r="GC23" s="327">
        <v>587244</v>
      </c>
      <c r="GD23" s="327">
        <v>494718</v>
      </c>
      <c r="GE23" s="327">
        <v>317135</v>
      </c>
      <c r="GF23" s="328">
        <v>2392495</v>
      </c>
      <c r="GG23" s="334">
        <v>2553259</v>
      </c>
      <c r="GH23" s="333">
        <v>0</v>
      </c>
      <c r="GI23" s="327">
        <v>0</v>
      </c>
      <c r="GJ23" s="331">
        <v>0</v>
      </c>
      <c r="GK23" s="332">
        <v>0</v>
      </c>
      <c r="GL23" s="327">
        <v>0</v>
      </c>
      <c r="GM23" s="327">
        <v>0</v>
      </c>
      <c r="GN23" s="327">
        <v>8855</v>
      </c>
      <c r="GO23" s="327">
        <v>0</v>
      </c>
      <c r="GP23" s="327">
        <v>0</v>
      </c>
      <c r="GQ23" s="328">
        <v>8855</v>
      </c>
      <c r="GR23" s="330">
        <v>8855</v>
      </c>
      <c r="GS23" s="326">
        <v>0</v>
      </c>
      <c r="GT23" s="327">
        <v>0</v>
      </c>
      <c r="GU23" s="328">
        <v>0</v>
      </c>
      <c r="GV23" s="326">
        <v>0</v>
      </c>
      <c r="GW23" s="327">
        <v>0</v>
      </c>
      <c r="GX23" s="327">
        <v>32340</v>
      </c>
      <c r="GY23" s="327">
        <v>71610</v>
      </c>
      <c r="GZ23" s="327">
        <v>21910</v>
      </c>
      <c r="HA23" s="327">
        <v>0</v>
      </c>
      <c r="HB23" s="331">
        <v>125860</v>
      </c>
      <c r="HC23" s="330">
        <v>125860</v>
      </c>
      <c r="HD23" s="326">
        <v>95639</v>
      </c>
      <c r="HE23" s="327">
        <v>161032</v>
      </c>
      <c r="HF23" s="331">
        <v>256671</v>
      </c>
      <c r="HG23" s="332">
        <v>0</v>
      </c>
      <c r="HH23" s="327">
        <v>1500128</v>
      </c>
      <c r="HI23" s="327">
        <v>1472861</v>
      </c>
      <c r="HJ23" s="327">
        <v>1859759</v>
      </c>
      <c r="HK23" s="327">
        <v>2058341</v>
      </c>
      <c r="HL23" s="327">
        <v>3192619</v>
      </c>
      <c r="HM23" s="328">
        <v>10083708</v>
      </c>
      <c r="HN23" s="329">
        <v>10340379</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389581</v>
      </c>
      <c r="IE23" s="339">
        <v>1266585</v>
      </c>
      <c r="IF23" s="337">
        <v>1876662</v>
      </c>
      <c r="IG23" s="336">
        <v>657895</v>
      </c>
      <c r="IH23" s="337">
        <v>1872797</v>
      </c>
      <c r="II23" s="340">
        <v>7063520</v>
      </c>
      <c r="IJ23" s="341">
        <v>7063520</v>
      </c>
      <c r="IK23" s="342">
        <v>0</v>
      </c>
      <c r="IL23" s="343">
        <v>0</v>
      </c>
      <c r="IM23" s="344">
        <v>0</v>
      </c>
      <c r="IN23" s="404">
        <v>0</v>
      </c>
      <c r="IO23" s="345">
        <v>63814</v>
      </c>
      <c r="IP23" s="345">
        <v>0</v>
      </c>
      <c r="IQ23" s="345">
        <v>0</v>
      </c>
      <c r="IR23" s="345">
        <v>0</v>
      </c>
      <c r="IS23" s="345">
        <v>0</v>
      </c>
      <c r="IT23" s="346">
        <v>63814</v>
      </c>
      <c r="IU23" s="347">
        <v>63814</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565803</v>
      </c>
      <c r="JL23" s="345">
        <v>232189</v>
      </c>
      <c r="JM23" s="345">
        <v>154504</v>
      </c>
      <c r="JN23" s="345">
        <v>195053</v>
      </c>
      <c r="JO23" s="345">
        <v>109468</v>
      </c>
      <c r="JP23" s="349">
        <v>1257017</v>
      </c>
      <c r="JQ23" s="347">
        <v>1257017</v>
      </c>
      <c r="JR23" s="348">
        <v>0</v>
      </c>
      <c r="JS23" s="345">
        <v>0</v>
      </c>
      <c r="JT23" s="346">
        <v>0</v>
      </c>
      <c r="JU23" s="351">
        <v>0</v>
      </c>
      <c r="JV23" s="345">
        <v>0</v>
      </c>
      <c r="JW23" s="345">
        <v>0</v>
      </c>
      <c r="JX23" s="345">
        <v>0</v>
      </c>
      <c r="JY23" s="345">
        <v>206306</v>
      </c>
      <c r="JZ23" s="345">
        <v>0</v>
      </c>
      <c r="KA23" s="349">
        <v>206306</v>
      </c>
      <c r="KB23" s="347">
        <v>206306</v>
      </c>
      <c r="KC23" s="352">
        <v>0</v>
      </c>
      <c r="KD23" s="353">
        <v>0</v>
      </c>
      <c r="KE23" s="349">
        <v>0</v>
      </c>
      <c r="KF23" s="351">
        <v>0</v>
      </c>
      <c r="KG23" s="345">
        <v>342580</v>
      </c>
      <c r="KH23" s="345">
        <v>0</v>
      </c>
      <c r="KI23" s="345">
        <v>44435</v>
      </c>
      <c r="KJ23" s="345">
        <v>0</v>
      </c>
      <c r="KK23" s="345">
        <v>0</v>
      </c>
      <c r="KL23" s="349">
        <v>387015</v>
      </c>
      <c r="KM23" s="354">
        <v>387015</v>
      </c>
      <c r="KN23" s="342">
        <v>0</v>
      </c>
      <c r="KO23" s="343">
        <v>0</v>
      </c>
      <c r="KP23" s="344">
        <v>0</v>
      </c>
      <c r="KQ23" s="404">
        <v>0</v>
      </c>
      <c r="KR23" s="345">
        <v>417384</v>
      </c>
      <c r="KS23" s="345">
        <v>1034396</v>
      </c>
      <c r="KT23" s="345">
        <v>1168308</v>
      </c>
      <c r="KU23" s="345">
        <v>0</v>
      </c>
      <c r="KV23" s="345">
        <v>449550</v>
      </c>
      <c r="KW23" s="349">
        <v>3069638</v>
      </c>
      <c r="KX23" s="347">
        <v>3069638</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56536</v>
      </c>
      <c r="LR23" s="345">
        <v>274048</v>
      </c>
      <c r="LS23" s="349">
        <v>530584</v>
      </c>
      <c r="LT23" s="347">
        <v>530584</v>
      </c>
      <c r="LU23" s="348">
        <v>0</v>
      </c>
      <c r="LV23" s="345">
        <v>0</v>
      </c>
      <c r="LW23" s="349">
        <v>0</v>
      </c>
      <c r="LX23" s="404">
        <v>0</v>
      </c>
      <c r="LY23" s="345">
        <v>0</v>
      </c>
      <c r="LZ23" s="345">
        <v>0</v>
      </c>
      <c r="MA23" s="345">
        <v>509415</v>
      </c>
      <c r="MB23" s="345">
        <v>0</v>
      </c>
      <c r="MC23" s="345">
        <v>1039731</v>
      </c>
      <c r="MD23" s="349">
        <v>1549146</v>
      </c>
      <c r="ME23" s="350">
        <v>1549146</v>
      </c>
      <c r="MF23" s="348">
        <v>0</v>
      </c>
      <c r="MG23" s="345">
        <v>0</v>
      </c>
      <c r="MH23" s="349">
        <v>0</v>
      </c>
      <c r="MI23" s="404">
        <v>0</v>
      </c>
      <c r="MJ23" s="345">
        <v>563903</v>
      </c>
      <c r="MK23" s="345">
        <v>199215</v>
      </c>
      <c r="ML23" s="345">
        <v>3021578</v>
      </c>
      <c r="MM23" s="345">
        <v>3183930</v>
      </c>
      <c r="MN23" s="345">
        <v>3333872</v>
      </c>
      <c r="MO23" s="349">
        <v>10302498</v>
      </c>
      <c r="MP23" s="354">
        <v>10302498</v>
      </c>
      <c r="MQ23" s="348">
        <v>0</v>
      </c>
      <c r="MR23" s="345">
        <v>0</v>
      </c>
      <c r="MS23" s="349">
        <v>0</v>
      </c>
      <c r="MT23" s="404">
        <v>0</v>
      </c>
      <c r="MU23" s="345">
        <v>0</v>
      </c>
      <c r="MV23" s="345">
        <v>199215</v>
      </c>
      <c r="MW23" s="345">
        <v>1715925</v>
      </c>
      <c r="MX23" s="345">
        <v>1892547</v>
      </c>
      <c r="MY23" s="345">
        <v>2901931</v>
      </c>
      <c r="MZ23" s="349">
        <v>6709618</v>
      </c>
      <c r="NA23" s="354">
        <v>6709618</v>
      </c>
      <c r="NB23" s="348">
        <v>0</v>
      </c>
      <c r="NC23" s="345">
        <v>0</v>
      </c>
      <c r="ND23" s="349">
        <v>0</v>
      </c>
      <c r="NE23" s="404">
        <v>0</v>
      </c>
      <c r="NF23" s="345">
        <v>563903</v>
      </c>
      <c r="NG23" s="345">
        <v>0</v>
      </c>
      <c r="NH23" s="345">
        <v>1058724</v>
      </c>
      <c r="NI23" s="345">
        <v>1291383</v>
      </c>
      <c r="NJ23" s="345">
        <v>431941</v>
      </c>
      <c r="NK23" s="349">
        <v>3345951</v>
      </c>
      <c r="NL23" s="347">
        <v>3345951</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246929</v>
      </c>
      <c r="OE23" s="345">
        <v>0</v>
      </c>
      <c r="OF23" s="345">
        <v>0</v>
      </c>
      <c r="OG23" s="349">
        <v>246929</v>
      </c>
      <c r="OH23" s="350">
        <v>246929</v>
      </c>
      <c r="OI23" s="348">
        <v>449261</v>
      </c>
      <c r="OJ23" s="345">
        <v>347771</v>
      </c>
      <c r="OK23" s="346">
        <v>797032</v>
      </c>
      <c r="OL23" s="351">
        <v>0</v>
      </c>
      <c r="OM23" s="345">
        <v>7218074</v>
      </c>
      <c r="ON23" s="345">
        <v>9779916</v>
      </c>
      <c r="OO23" s="345">
        <v>13438530</v>
      </c>
      <c r="OP23" s="345">
        <v>11843046</v>
      </c>
      <c r="OQ23" s="345">
        <v>12595240</v>
      </c>
      <c r="OR23" s="349">
        <v>54874806</v>
      </c>
      <c r="OS23" s="354">
        <v>55671838</v>
      </c>
    </row>
    <row r="24" spans="2:409" s="70" customFormat="1" ht="21" customHeight="1" x14ac:dyDescent="0.2">
      <c r="B24" s="106" t="s">
        <v>19</v>
      </c>
      <c r="C24" s="326">
        <v>205767</v>
      </c>
      <c r="D24" s="327">
        <v>313587</v>
      </c>
      <c r="E24" s="328">
        <v>519354</v>
      </c>
      <c r="F24" s="329">
        <v>0</v>
      </c>
      <c r="G24" s="327">
        <v>2435198</v>
      </c>
      <c r="H24" s="327">
        <v>3161754</v>
      </c>
      <c r="I24" s="327">
        <v>2774716</v>
      </c>
      <c r="J24" s="327">
        <v>2641695</v>
      </c>
      <c r="K24" s="327">
        <v>2224908</v>
      </c>
      <c r="L24" s="329">
        <v>13238271</v>
      </c>
      <c r="M24" s="330">
        <v>13757625</v>
      </c>
      <c r="N24" s="326">
        <v>90390</v>
      </c>
      <c r="O24" s="327">
        <v>81395</v>
      </c>
      <c r="P24" s="328">
        <v>171785</v>
      </c>
      <c r="Q24" s="326">
        <v>0</v>
      </c>
      <c r="R24" s="327">
        <v>712435</v>
      </c>
      <c r="S24" s="327">
        <v>1182447</v>
      </c>
      <c r="T24" s="327">
        <v>898778</v>
      </c>
      <c r="U24" s="327">
        <v>548550</v>
      </c>
      <c r="V24" s="327">
        <v>842282</v>
      </c>
      <c r="W24" s="328">
        <v>4184492</v>
      </c>
      <c r="X24" s="330">
        <v>4356277</v>
      </c>
      <c r="Y24" s="326">
        <v>0</v>
      </c>
      <c r="Z24" s="327">
        <v>0</v>
      </c>
      <c r="AA24" s="328">
        <v>0</v>
      </c>
      <c r="AB24" s="326">
        <v>0</v>
      </c>
      <c r="AC24" s="327">
        <v>148326</v>
      </c>
      <c r="AD24" s="327">
        <v>517559</v>
      </c>
      <c r="AE24" s="327">
        <v>365428</v>
      </c>
      <c r="AF24" s="327">
        <v>112167</v>
      </c>
      <c r="AG24" s="327">
        <v>535960</v>
      </c>
      <c r="AH24" s="328">
        <v>1679440</v>
      </c>
      <c r="AI24" s="330">
        <v>1679440</v>
      </c>
      <c r="AJ24" s="326">
        <v>0</v>
      </c>
      <c r="AK24" s="327">
        <v>0</v>
      </c>
      <c r="AL24" s="328">
        <v>0</v>
      </c>
      <c r="AM24" s="326">
        <v>0</v>
      </c>
      <c r="AN24" s="327">
        <v>0</v>
      </c>
      <c r="AO24" s="327">
        <v>20204</v>
      </c>
      <c r="AP24" s="327">
        <v>75596</v>
      </c>
      <c r="AQ24" s="327">
        <v>0</v>
      </c>
      <c r="AR24" s="327">
        <v>53965</v>
      </c>
      <c r="AS24" s="328">
        <v>149765</v>
      </c>
      <c r="AT24" s="330">
        <v>149765</v>
      </c>
      <c r="AU24" s="326">
        <v>58498</v>
      </c>
      <c r="AV24" s="327">
        <v>72995</v>
      </c>
      <c r="AW24" s="328">
        <v>131493</v>
      </c>
      <c r="AX24" s="326">
        <v>0</v>
      </c>
      <c r="AY24" s="327">
        <v>421609</v>
      </c>
      <c r="AZ24" s="327">
        <v>436224</v>
      </c>
      <c r="BA24" s="327">
        <v>286996</v>
      </c>
      <c r="BB24" s="327">
        <v>294689</v>
      </c>
      <c r="BC24" s="327">
        <v>109368</v>
      </c>
      <c r="BD24" s="328">
        <v>1548886</v>
      </c>
      <c r="BE24" s="330">
        <v>1680379</v>
      </c>
      <c r="BF24" s="326">
        <v>0</v>
      </c>
      <c r="BG24" s="327">
        <v>0</v>
      </c>
      <c r="BH24" s="331">
        <v>0</v>
      </c>
      <c r="BI24" s="332">
        <v>0</v>
      </c>
      <c r="BJ24" s="327">
        <v>17557</v>
      </c>
      <c r="BK24" s="327">
        <v>0</v>
      </c>
      <c r="BL24" s="327">
        <v>0</v>
      </c>
      <c r="BM24" s="327">
        <v>55475</v>
      </c>
      <c r="BN24" s="327">
        <v>0</v>
      </c>
      <c r="BO24" s="328">
        <v>73032</v>
      </c>
      <c r="BP24" s="330">
        <v>73032</v>
      </c>
      <c r="BQ24" s="326">
        <v>31892</v>
      </c>
      <c r="BR24" s="327">
        <v>8400</v>
      </c>
      <c r="BS24" s="328">
        <v>40292</v>
      </c>
      <c r="BT24" s="326">
        <v>0</v>
      </c>
      <c r="BU24" s="327">
        <v>124943</v>
      </c>
      <c r="BV24" s="327">
        <v>208460</v>
      </c>
      <c r="BW24" s="327">
        <v>170758</v>
      </c>
      <c r="BX24" s="327">
        <v>86219</v>
      </c>
      <c r="BY24" s="327">
        <v>142989</v>
      </c>
      <c r="BZ24" s="328">
        <v>733369</v>
      </c>
      <c r="CA24" s="330">
        <v>773661</v>
      </c>
      <c r="CB24" s="326">
        <v>37632</v>
      </c>
      <c r="CC24" s="327">
        <v>0</v>
      </c>
      <c r="CD24" s="328">
        <v>37632</v>
      </c>
      <c r="CE24" s="326">
        <v>0</v>
      </c>
      <c r="CF24" s="327">
        <v>1008050</v>
      </c>
      <c r="CG24" s="327">
        <v>844691</v>
      </c>
      <c r="CH24" s="327">
        <v>526015</v>
      </c>
      <c r="CI24" s="327">
        <v>375213</v>
      </c>
      <c r="CJ24" s="327">
        <v>608300</v>
      </c>
      <c r="CK24" s="328">
        <v>3362269</v>
      </c>
      <c r="CL24" s="330">
        <v>3399901</v>
      </c>
      <c r="CM24" s="326">
        <v>0</v>
      </c>
      <c r="CN24" s="327">
        <v>0</v>
      </c>
      <c r="CO24" s="328">
        <v>0</v>
      </c>
      <c r="CP24" s="332">
        <v>0</v>
      </c>
      <c r="CQ24" s="327">
        <v>562981</v>
      </c>
      <c r="CR24" s="327">
        <v>527903</v>
      </c>
      <c r="CS24" s="327">
        <v>152634</v>
      </c>
      <c r="CT24" s="327">
        <v>79812</v>
      </c>
      <c r="CU24" s="327">
        <v>472712</v>
      </c>
      <c r="CV24" s="328">
        <v>1796042</v>
      </c>
      <c r="CW24" s="330">
        <v>1796042</v>
      </c>
      <c r="CX24" s="326">
        <v>37632</v>
      </c>
      <c r="CY24" s="327">
        <v>0</v>
      </c>
      <c r="CZ24" s="328">
        <v>37632</v>
      </c>
      <c r="DA24" s="326">
        <v>0</v>
      </c>
      <c r="DB24" s="327">
        <v>445069</v>
      </c>
      <c r="DC24" s="327">
        <v>316788</v>
      </c>
      <c r="DD24" s="327">
        <v>373381</v>
      </c>
      <c r="DE24" s="327">
        <v>295401</v>
      </c>
      <c r="DF24" s="327">
        <v>135588</v>
      </c>
      <c r="DG24" s="328">
        <v>1566227</v>
      </c>
      <c r="DH24" s="330">
        <v>1603859</v>
      </c>
      <c r="DI24" s="326">
        <v>0</v>
      </c>
      <c r="DJ24" s="327">
        <v>0</v>
      </c>
      <c r="DK24" s="331">
        <v>0</v>
      </c>
      <c r="DL24" s="332">
        <v>0</v>
      </c>
      <c r="DM24" s="327">
        <v>113314</v>
      </c>
      <c r="DN24" s="327">
        <v>41857</v>
      </c>
      <c r="DO24" s="327">
        <v>23276</v>
      </c>
      <c r="DP24" s="327">
        <v>871892</v>
      </c>
      <c r="DQ24" s="327">
        <v>0</v>
      </c>
      <c r="DR24" s="328">
        <v>1050339</v>
      </c>
      <c r="DS24" s="330">
        <v>1050339</v>
      </c>
      <c r="DT24" s="326">
        <v>0</v>
      </c>
      <c r="DU24" s="327">
        <v>0</v>
      </c>
      <c r="DV24" s="328">
        <v>0</v>
      </c>
      <c r="DW24" s="326">
        <v>0</v>
      </c>
      <c r="DX24" s="327">
        <v>113314</v>
      </c>
      <c r="DY24" s="327">
        <v>41857</v>
      </c>
      <c r="DZ24" s="327">
        <v>23276</v>
      </c>
      <c r="EA24" s="327">
        <v>734356</v>
      </c>
      <c r="EB24" s="327">
        <v>0</v>
      </c>
      <c r="EC24" s="328">
        <v>912803</v>
      </c>
      <c r="ED24" s="330">
        <v>912803</v>
      </c>
      <c r="EE24" s="326">
        <v>0</v>
      </c>
      <c r="EF24" s="331">
        <v>0</v>
      </c>
      <c r="EG24" s="328">
        <v>0</v>
      </c>
      <c r="EH24" s="326">
        <v>0</v>
      </c>
      <c r="EI24" s="327">
        <v>0</v>
      </c>
      <c r="EJ24" s="327">
        <v>0</v>
      </c>
      <c r="EK24" s="327">
        <v>0</v>
      </c>
      <c r="EL24" s="327">
        <v>137536</v>
      </c>
      <c r="EM24" s="327">
        <v>0</v>
      </c>
      <c r="EN24" s="331">
        <v>137536</v>
      </c>
      <c r="EO24" s="330">
        <v>13753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30520</v>
      </c>
      <c r="FM24" s="327">
        <v>148890</v>
      </c>
      <c r="FN24" s="328">
        <v>179410</v>
      </c>
      <c r="FO24" s="326">
        <v>0</v>
      </c>
      <c r="FP24" s="327">
        <v>178514</v>
      </c>
      <c r="FQ24" s="327">
        <v>312785</v>
      </c>
      <c r="FR24" s="327">
        <v>202356</v>
      </c>
      <c r="FS24" s="327">
        <v>262437</v>
      </c>
      <c r="FT24" s="327">
        <v>125937</v>
      </c>
      <c r="FU24" s="328">
        <v>1082029</v>
      </c>
      <c r="FV24" s="330">
        <v>1261439</v>
      </c>
      <c r="FW24" s="333">
        <v>30520</v>
      </c>
      <c r="FX24" s="327">
        <v>52990</v>
      </c>
      <c r="FY24" s="331">
        <v>83510</v>
      </c>
      <c r="FZ24" s="332">
        <v>0</v>
      </c>
      <c r="GA24" s="327">
        <v>147434</v>
      </c>
      <c r="GB24" s="327">
        <v>265489</v>
      </c>
      <c r="GC24" s="327">
        <v>202356</v>
      </c>
      <c r="GD24" s="327">
        <v>211925</v>
      </c>
      <c r="GE24" s="327">
        <v>125937</v>
      </c>
      <c r="GF24" s="328">
        <v>953141</v>
      </c>
      <c r="GG24" s="334">
        <v>1036651</v>
      </c>
      <c r="GH24" s="333">
        <v>0</v>
      </c>
      <c r="GI24" s="327">
        <v>0</v>
      </c>
      <c r="GJ24" s="331">
        <v>0</v>
      </c>
      <c r="GK24" s="332">
        <v>0</v>
      </c>
      <c r="GL24" s="327">
        <v>0</v>
      </c>
      <c r="GM24" s="327">
        <v>0</v>
      </c>
      <c r="GN24" s="327">
        <v>0</v>
      </c>
      <c r="GO24" s="327">
        <v>50512</v>
      </c>
      <c r="GP24" s="327">
        <v>0</v>
      </c>
      <c r="GQ24" s="328">
        <v>50512</v>
      </c>
      <c r="GR24" s="330">
        <v>50512</v>
      </c>
      <c r="GS24" s="326">
        <v>0</v>
      </c>
      <c r="GT24" s="327">
        <v>95900</v>
      </c>
      <c r="GU24" s="328">
        <v>95900</v>
      </c>
      <c r="GV24" s="326">
        <v>0</v>
      </c>
      <c r="GW24" s="327">
        <v>31080</v>
      </c>
      <c r="GX24" s="327">
        <v>47296</v>
      </c>
      <c r="GY24" s="327">
        <v>0</v>
      </c>
      <c r="GZ24" s="327">
        <v>0</v>
      </c>
      <c r="HA24" s="327">
        <v>0</v>
      </c>
      <c r="HB24" s="331">
        <v>78376</v>
      </c>
      <c r="HC24" s="330">
        <v>174276</v>
      </c>
      <c r="HD24" s="326">
        <v>47225</v>
      </c>
      <c r="HE24" s="327">
        <v>83302</v>
      </c>
      <c r="HF24" s="331">
        <v>130527</v>
      </c>
      <c r="HG24" s="332">
        <v>0</v>
      </c>
      <c r="HH24" s="327">
        <v>422885</v>
      </c>
      <c r="HI24" s="327">
        <v>779974</v>
      </c>
      <c r="HJ24" s="327">
        <v>1124291</v>
      </c>
      <c r="HK24" s="327">
        <v>583603</v>
      </c>
      <c r="HL24" s="327">
        <v>648389</v>
      </c>
      <c r="HM24" s="328">
        <v>3559142</v>
      </c>
      <c r="HN24" s="329">
        <v>3689669</v>
      </c>
      <c r="HO24" s="333">
        <v>0</v>
      </c>
      <c r="HP24" s="327">
        <v>0</v>
      </c>
      <c r="HQ24" s="328">
        <v>0</v>
      </c>
      <c r="HR24" s="326">
        <v>0</v>
      </c>
      <c r="HS24" s="327">
        <v>0</v>
      </c>
      <c r="HT24" s="327">
        <v>0</v>
      </c>
      <c r="HU24" s="327">
        <v>0</v>
      </c>
      <c r="HV24" s="327">
        <v>0</v>
      </c>
      <c r="HW24" s="327">
        <v>0</v>
      </c>
      <c r="HX24" s="331">
        <v>0</v>
      </c>
      <c r="HY24" s="330">
        <v>0</v>
      </c>
      <c r="HZ24" s="358">
        <v>38208</v>
      </c>
      <c r="IA24" s="356">
        <v>0</v>
      </c>
      <c r="IB24" s="358">
        <v>38208</v>
      </c>
      <c r="IC24" s="355">
        <v>0</v>
      </c>
      <c r="ID24" s="356">
        <v>682744</v>
      </c>
      <c r="IE24" s="357">
        <v>637805</v>
      </c>
      <c r="IF24" s="358">
        <v>443313</v>
      </c>
      <c r="IG24" s="356">
        <v>501004</v>
      </c>
      <c r="IH24" s="358">
        <v>884479</v>
      </c>
      <c r="II24" s="359">
        <v>3149345</v>
      </c>
      <c r="IJ24" s="358">
        <v>3187553</v>
      </c>
      <c r="IK24" s="342">
        <v>0</v>
      </c>
      <c r="IL24" s="343">
        <v>0</v>
      </c>
      <c r="IM24" s="344">
        <v>0</v>
      </c>
      <c r="IN24" s="404">
        <v>0</v>
      </c>
      <c r="IO24" s="345">
        <v>0</v>
      </c>
      <c r="IP24" s="345">
        <v>182096</v>
      </c>
      <c r="IQ24" s="345">
        <v>0</v>
      </c>
      <c r="IR24" s="345">
        <v>178950</v>
      </c>
      <c r="IS24" s="345">
        <v>0</v>
      </c>
      <c r="IT24" s="346">
        <v>361046</v>
      </c>
      <c r="IU24" s="347">
        <v>361046</v>
      </c>
      <c r="IV24" s="348">
        <v>0</v>
      </c>
      <c r="IW24" s="345">
        <v>0</v>
      </c>
      <c r="IX24" s="349">
        <v>0</v>
      </c>
      <c r="IY24" s="404">
        <v>0</v>
      </c>
      <c r="IZ24" s="345">
        <v>0</v>
      </c>
      <c r="JA24" s="345">
        <v>0</v>
      </c>
      <c r="JB24" s="345">
        <v>0</v>
      </c>
      <c r="JC24" s="345">
        <v>9069</v>
      </c>
      <c r="JD24" s="345">
        <v>0</v>
      </c>
      <c r="JE24" s="349">
        <v>9069</v>
      </c>
      <c r="JF24" s="350">
        <v>9069</v>
      </c>
      <c r="JG24" s="348">
        <v>0</v>
      </c>
      <c r="JH24" s="345">
        <v>0</v>
      </c>
      <c r="JI24" s="346">
        <v>0</v>
      </c>
      <c r="JJ24" s="351">
        <v>0</v>
      </c>
      <c r="JK24" s="345">
        <v>318813</v>
      </c>
      <c r="JL24" s="345">
        <v>230690</v>
      </c>
      <c r="JM24" s="345">
        <v>9245</v>
      </c>
      <c r="JN24" s="345">
        <v>312985</v>
      </c>
      <c r="JO24" s="345">
        <v>0</v>
      </c>
      <c r="JP24" s="349">
        <v>871733</v>
      </c>
      <c r="JQ24" s="347">
        <v>871733</v>
      </c>
      <c r="JR24" s="348">
        <v>38208</v>
      </c>
      <c r="JS24" s="345">
        <v>0</v>
      </c>
      <c r="JT24" s="346">
        <v>38208</v>
      </c>
      <c r="JU24" s="351">
        <v>0</v>
      </c>
      <c r="JV24" s="345">
        <v>35794</v>
      </c>
      <c r="JW24" s="345">
        <v>66176</v>
      </c>
      <c r="JX24" s="345">
        <v>0</v>
      </c>
      <c r="JY24" s="345">
        <v>0</v>
      </c>
      <c r="JZ24" s="345">
        <v>0</v>
      </c>
      <c r="KA24" s="349">
        <v>101970</v>
      </c>
      <c r="KB24" s="347">
        <v>140178</v>
      </c>
      <c r="KC24" s="352">
        <v>0</v>
      </c>
      <c r="KD24" s="353">
        <v>0</v>
      </c>
      <c r="KE24" s="349">
        <v>0</v>
      </c>
      <c r="KF24" s="351">
        <v>0</v>
      </c>
      <c r="KG24" s="345">
        <v>117539</v>
      </c>
      <c r="KH24" s="345">
        <v>158843</v>
      </c>
      <c r="KI24" s="345">
        <v>214246</v>
      </c>
      <c r="KJ24" s="345">
        <v>0</v>
      </c>
      <c r="KK24" s="345">
        <v>0</v>
      </c>
      <c r="KL24" s="349">
        <v>490628</v>
      </c>
      <c r="KM24" s="354">
        <v>490628</v>
      </c>
      <c r="KN24" s="342">
        <v>0</v>
      </c>
      <c r="KO24" s="343">
        <v>0</v>
      </c>
      <c r="KP24" s="344">
        <v>0</v>
      </c>
      <c r="KQ24" s="404">
        <v>0</v>
      </c>
      <c r="KR24" s="345">
        <v>210598</v>
      </c>
      <c r="KS24" s="345">
        <v>0</v>
      </c>
      <c r="KT24" s="345">
        <v>219822</v>
      </c>
      <c r="KU24" s="345">
        <v>0</v>
      </c>
      <c r="KV24" s="345">
        <v>223553</v>
      </c>
      <c r="KW24" s="349">
        <v>653973</v>
      </c>
      <c r="KX24" s="347">
        <v>653973</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660926</v>
      </c>
      <c r="MD24" s="349">
        <v>660926</v>
      </c>
      <c r="ME24" s="350">
        <v>660926</v>
      </c>
      <c r="MF24" s="348">
        <v>0</v>
      </c>
      <c r="MG24" s="345">
        <v>0</v>
      </c>
      <c r="MH24" s="349">
        <v>0</v>
      </c>
      <c r="MI24" s="404">
        <v>0</v>
      </c>
      <c r="MJ24" s="345">
        <v>32624</v>
      </c>
      <c r="MK24" s="345">
        <v>478672</v>
      </c>
      <c r="ML24" s="345">
        <v>1737116</v>
      </c>
      <c r="MM24" s="345">
        <v>696597</v>
      </c>
      <c r="MN24" s="345">
        <v>844889</v>
      </c>
      <c r="MO24" s="349">
        <v>3789898</v>
      </c>
      <c r="MP24" s="354">
        <v>3789898</v>
      </c>
      <c r="MQ24" s="348">
        <v>0</v>
      </c>
      <c r="MR24" s="345">
        <v>0</v>
      </c>
      <c r="MS24" s="349">
        <v>0</v>
      </c>
      <c r="MT24" s="404">
        <v>0</v>
      </c>
      <c r="MU24" s="345">
        <v>0</v>
      </c>
      <c r="MV24" s="345">
        <v>0</v>
      </c>
      <c r="MW24" s="345">
        <v>1043057</v>
      </c>
      <c r="MX24" s="345">
        <v>455298</v>
      </c>
      <c r="MY24" s="345">
        <v>235915</v>
      </c>
      <c r="MZ24" s="349">
        <v>1734270</v>
      </c>
      <c r="NA24" s="354">
        <v>1734270</v>
      </c>
      <c r="NB24" s="348">
        <v>0</v>
      </c>
      <c r="NC24" s="345">
        <v>0</v>
      </c>
      <c r="ND24" s="349">
        <v>0</v>
      </c>
      <c r="NE24" s="404">
        <v>0</v>
      </c>
      <c r="NF24" s="345">
        <v>32624</v>
      </c>
      <c r="NG24" s="345">
        <v>478672</v>
      </c>
      <c r="NH24" s="345">
        <v>694059</v>
      </c>
      <c r="NI24" s="345">
        <v>241299</v>
      </c>
      <c r="NJ24" s="345">
        <v>256712</v>
      </c>
      <c r="NK24" s="349">
        <v>1703366</v>
      </c>
      <c r="NL24" s="347">
        <v>1703366</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352262</v>
      </c>
      <c r="OG24" s="349">
        <v>352262</v>
      </c>
      <c r="OH24" s="350">
        <v>352262</v>
      </c>
      <c r="OI24" s="348">
        <v>243975</v>
      </c>
      <c r="OJ24" s="345">
        <v>313587</v>
      </c>
      <c r="OK24" s="346">
        <v>557562</v>
      </c>
      <c r="OL24" s="351">
        <v>0</v>
      </c>
      <c r="OM24" s="345">
        <v>3150566</v>
      </c>
      <c r="ON24" s="345">
        <v>4278231</v>
      </c>
      <c r="OO24" s="345">
        <v>4955145</v>
      </c>
      <c r="OP24" s="345">
        <v>3839296</v>
      </c>
      <c r="OQ24" s="345">
        <v>3954276</v>
      </c>
      <c r="OR24" s="349">
        <v>20177514</v>
      </c>
      <c r="OS24" s="354">
        <v>20735076</v>
      </c>
    </row>
    <row r="25" spans="2:409" s="70" customFormat="1" ht="21" customHeight="1" x14ac:dyDescent="0.2">
      <c r="B25" s="106" t="s">
        <v>20</v>
      </c>
      <c r="C25" s="326">
        <v>215839</v>
      </c>
      <c r="D25" s="327">
        <v>686996</v>
      </c>
      <c r="E25" s="328">
        <v>902835</v>
      </c>
      <c r="F25" s="326">
        <v>0</v>
      </c>
      <c r="G25" s="327">
        <v>3046267</v>
      </c>
      <c r="H25" s="327">
        <v>4727935</v>
      </c>
      <c r="I25" s="327">
        <v>3455089</v>
      </c>
      <c r="J25" s="327">
        <v>3375310</v>
      </c>
      <c r="K25" s="327">
        <v>2116221</v>
      </c>
      <c r="L25" s="367">
        <v>16720822</v>
      </c>
      <c r="M25" s="330">
        <v>17623657</v>
      </c>
      <c r="N25" s="326">
        <v>113883</v>
      </c>
      <c r="O25" s="327">
        <v>193389</v>
      </c>
      <c r="P25" s="328">
        <v>307272</v>
      </c>
      <c r="Q25" s="326">
        <v>0</v>
      </c>
      <c r="R25" s="327">
        <v>1232490</v>
      </c>
      <c r="S25" s="327">
        <v>1800604</v>
      </c>
      <c r="T25" s="327">
        <v>812763</v>
      </c>
      <c r="U25" s="327">
        <v>1374625</v>
      </c>
      <c r="V25" s="327">
        <v>918209</v>
      </c>
      <c r="W25" s="328">
        <v>6138691</v>
      </c>
      <c r="X25" s="330">
        <v>6445963</v>
      </c>
      <c r="Y25" s="326">
        <v>0</v>
      </c>
      <c r="Z25" s="327">
        <v>0</v>
      </c>
      <c r="AA25" s="328">
        <v>0</v>
      </c>
      <c r="AB25" s="326">
        <v>0</v>
      </c>
      <c r="AC25" s="327">
        <v>460813</v>
      </c>
      <c r="AD25" s="327">
        <v>833049</v>
      </c>
      <c r="AE25" s="327">
        <v>281427</v>
      </c>
      <c r="AF25" s="327">
        <v>802427</v>
      </c>
      <c r="AG25" s="327">
        <v>598435</v>
      </c>
      <c r="AH25" s="328">
        <v>2976151</v>
      </c>
      <c r="AI25" s="330">
        <v>2976151</v>
      </c>
      <c r="AJ25" s="326">
        <v>0</v>
      </c>
      <c r="AK25" s="327">
        <v>0</v>
      </c>
      <c r="AL25" s="328">
        <v>0</v>
      </c>
      <c r="AM25" s="326">
        <v>0</v>
      </c>
      <c r="AN25" s="327">
        <v>0</v>
      </c>
      <c r="AO25" s="327">
        <v>0</v>
      </c>
      <c r="AP25" s="327">
        <v>0</v>
      </c>
      <c r="AQ25" s="327">
        <v>211553</v>
      </c>
      <c r="AR25" s="327">
        <v>92081</v>
      </c>
      <c r="AS25" s="328">
        <v>303634</v>
      </c>
      <c r="AT25" s="330">
        <v>303634</v>
      </c>
      <c r="AU25" s="326">
        <v>86737</v>
      </c>
      <c r="AV25" s="327">
        <v>69394</v>
      </c>
      <c r="AW25" s="328">
        <v>156131</v>
      </c>
      <c r="AX25" s="326">
        <v>0</v>
      </c>
      <c r="AY25" s="327">
        <v>494091</v>
      </c>
      <c r="AZ25" s="327">
        <v>597441</v>
      </c>
      <c r="BA25" s="327">
        <v>337177</v>
      </c>
      <c r="BB25" s="327">
        <v>165066</v>
      </c>
      <c r="BC25" s="327">
        <v>42165</v>
      </c>
      <c r="BD25" s="328">
        <v>1635940</v>
      </c>
      <c r="BE25" s="330">
        <v>1792071</v>
      </c>
      <c r="BF25" s="326">
        <v>0</v>
      </c>
      <c r="BG25" s="327">
        <v>94077</v>
      </c>
      <c r="BH25" s="331">
        <v>94077</v>
      </c>
      <c r="BI25" s="332">
        <v>0</v>
      </c>
      <c r="BJ25" s="327">
        <v>159636</v>
      </c>
      <c r="BK25" s="327">
        <v>129454</v>
      </c>
      <c r="BL25" s="327">
        <v>0</v>
      </c>
      <c r="BM25" s="327">
        <v>51547</v>
      </c>
      <c r="BN25" s="327">
        <v>41545</v>
      </c>
      <c r="BO25" s="328">
        <v>382182</v>
      </c>
      <c r="BP25" s="330">
        <v>476259</v>
      </c>
      <c r="BQ25" s="326">
        <v>27146</v>
      </c>
      <c r="BR25" s="327">
        <v>29918</v>
      </c>
      <c r="BS25" s="328">
        <v>57064</v>
      </c>
      <c r="BT25" s="326">
        <v>0</v>
      </c>
      <c r="BU25" s="327">
        <v>117950</v>
      </c>
      <c r="BV25" s="327">
        <v>240660</v>
      </c>
      <c r="BW25" s="327">
        <v>194159</v>
      </c>
      <c r="BX25" s="327">
        <v>144032</v>
      </c>
      <c r="BY25" s="327">
        <v>143983</v>
      </c>
      <c r="BZ25" s="328">
        <v>840784</v>
      </c>
      <c r="CA25" s="330">
        <v>897848</v>
      </c>
      <c r="CB25" s="326">
        <v>0</v>
      </c>
      <c r="CC25" s="327">
        <v>73076</v>
      </c>
      <c r="CD25" s="328">
        <v>73076</v>
      </c>
      <c r="CE25" s="326">
        <v>0</v>
      </c>
      <c r="CF25" s="327">
        <v>790161</v>
      </c>
      <c r="CG25" s="327">
        <v>1259797</v>
      </c>
      <c r="CH25" s="327">
        <v>988521</v>
      </c>
      <c r="CI25" s="327">
        <v>633609</v>
      </c>
      <c r="CJ25" s="327">
        <v>346078</v>
      </c>
      <c r="CK25" s="328">
        <v>4018166</v>
      </c>
      <c r="CL25" s="330">
        <v>4091242</v>
      </c>
      <c r="CM25" s="326">
        <v>0</v>
      </c>
      <c r="CN25" s="327">
        <v>0</v>
      </c>
      <c r="CO25" s="328">
        <v>0</v>
      </c>
      <c r="CP25" s="332">
        <v>0</v>
      </c>
      <c r="CQ25" s="327">
        <v>587124</v>
      </c>
      <c r="CR25" s="327">
        <v>685033</v>
      </c>
      <c r="CS25" s="327">
        <v>693306</v>
      </c>
      <c r="CT25" s="327">
        <v>280065</v>
      </c>
      <c r="CU25" s="327">
        <v>346078</v>
      </c>
      <c r="CV25" s="328">
        <v>2591606</v>
      </c>
      <c r="CW25" s="330">
        <v>2591606</v>
      </c>
      <c r="CX25" s="326">
        <v>0</v>
      </c>
      <c r="CY25" s="327">
        <v>73076</v>
      </c>
      <c r="CZ25" s="328">
        <v>73076</v>
      </c>
      <c r="DA25" s="326">
        <v>0</v>
      </c>
      <c r="DB25" s="327">
        <v>203037</v>
      </c>
      <c r="DC25" s="327">
        <v>574764</v>
      </c>
      <c r="DD25" s="327">
        <v>295215</v>
      </c>
      <c r="DE25" s="327">
        <v>353544</v>
      </c>
      <c r="DF25" s="327">
        <v>0</v>
      </c>
      <c r="DG25" s="328">
        <v>1426560</v>
      </c>
      <c r="DH25" s="330">
        <v>1499636</v>
      </c>
      <c r="DI25" s="326">
        <v>0</v>
      </c>
      <c r="DJ25" s="327">
        <v>0</v>
      </c>
      <c r="DK25" s="331">
        <v>0</v>
      </c>
      <c r="DL25" s="332">
        <v>0</v>
      </c>
      <c r="DM25" s="327">
        <v>96504</v>
      </c>
      <c r="DN25" s="327">
        <v>403661</v>
      </c>
      <c r="DO25" s="327">
        <v>328823</v>
      </c>
      <c r="DP25" s="327">
        <v>270462</v>
      </c>
      <c r="DQ25" s="327">
        <v>57218</v>
      </c>
      <c r="DR25" s="328">
        <v>1156668</v>
      </c>
      <c r="DS25" s="330">
        <v>1156668</v>
      </c>
      <c r="DT25" s="326">
        <v>0</v>
      </c>
      <c r="DU25" s="327">
        <v>0</v>
      </c>
      <c r="DV25" s="328">
        <v>0</v>
      </c>
      <c r="DW25" s="326">
        <v>0</v>
      </c>
      <c r="DX25" s="327">
        <v>63798</v>
      </c>
      <c r="DY25" s="327">
        <v>349330</v>
      </c>
      <c r="DZ25" s="327">
        <v>328823</v>
      </c>
      <c r="EA25" s="327">
        <v>270462</v>
      </c>
      <c r="EB25" s="327">
        <v>57218</v>
      </c>
      <c r="EC25" s="328">
        <v>1069631</v>
      </c>
      <c r="ED25" s="330">
        <v>1069631</v>
      </c>
      <c r="EE25" s="326">
        <v>0</v>
      </c>
      <c r="EF25" s="331">
        <v>0</v>
      </c>
      <c r="EG25" s="328">
        <v>0</v>
      </c>
      <c r="EH25" s="326">
        <v>0</v>
      </c>
      <c r="EI25" s="327">
        <v>32706</v>
      </c>
      <c r="EJ25" s="327">
        <v>54331</v>
      </c>
      <c r="EK25" s="327">
        <v>0</v>
      </c>
      <c r="EL25" s="327">
        <v>0</v>
      </c>
      <c r="EM25" s="327">
        <v>0</v>
      </c>
      <c r="EN25" s="331">
        <v>87037</v>
      </c>
      <c r="EO25" s="330">
        <v>8703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53221</v>
      </c>
      <c r="FM25" s="327">
        <v>263648</v>
      </c>
      <c r="FN25" s="328">
        <v>316869</v>
      </c>
      <c r="FO25" s="326">
        <v>0</v>
      </c>
      <c r="FP25" s="327">
        <v>231385</v>
      </c>
      <c r="FQ25" s="327">
        <v>302211</v>
      </c>
      <c r="FR25" s="327">
        <v>426601</v>
      </c>
      <c r="FS25" s="327">
        <v>314272</v>
      </c>
      <c r="FT25" s="327">
        <v>146538</v>
      </c>
      <c r="FU25" s="328">
        <v>1421007</v>
      </c>
      <c r="FV25" s="330">
        <v>1737876</v>
      </c>
      <c r="FW25" s="333">
        <v>53221</v>
      </c>
      <c r="FX25" s="327">
        <v>123648</v>
      </c>
      <c r="FY25" s="331">
        <v>176869</v>
      </c>
      <c r="FZ25" s="332">
        <v>0</v>
      </c>
      <c r="GA25" s="327">
        <v>149485</v>
      </c>
      <c r="GB25" s="327">
        <v>302211</v>
      </c>
      <c r="GC25" s="327">
        <v>314461</v>
      </c>
      <c r="GD25" s="327">
        <v>314272</v>
      </c>
      <c r="GE25" s="327">
        <v>146538</v>
      </c>
      <c r="GF25" s="328">
        <v>1226967</v>
      </c>
      <c r="GG25" s="334">
        <v>1403836</v>
      </c>
      <c r="GH25" s="333">
        <v>0</v>
      </c>
      <c r="GI25" s="327">
        <v>0</v>
      </c>
      <c r="GJ25" s="331">
        <v>0</v>
      </c>
      <c r="GK25" s="332">
        <v>0</v>
      </c>
      <c r="GL25" s="327">
        <v>0</v>
      </c>
      <c r="GM25" s="327">
        <v>0</v>
      </c>
      <c r="GN25" s="327">
        <v>0</v>
      </c>
      <c r="GO25" s="327">
        <v>0</v>
      </c>
      <c r="GP25" s="327">
        <v>0</v>
      </c>
      <c r="GQ25" s="328">
        <v>0</v>
      </c>
      <c r="GR25" s="330">
        <v>0</v>
      </c>
      <c r="GS25" s="326">
        <v>0</v>
      </c>
      <c r="GT25" s="327">
        <v>140000</v>
      </c>
      <c r="GU25" s="328">
        <v>140000</v>
      </c>
      <c r="GV25" s="326">
        <v>0</v>
      </c>
      <c r="GW25" s="327">
        <v>81900</v>
      </c>
      <c r="GX25" s="327">
        <v>0</v>
      </c>
      <c r="GY25" s="327">
        <v>112140</v>
      </c>
      <c r="GZ25" s="327">
        <v>0</v>
      </c>
      <c r="HA25" s="327">
        <v>0</v>
      </c>
      <c r="HB25" s="331">
        <v>194040</v>
      </c>
      <c r="HC25" s="330">
        <v>334040</v>
      </c>
      <c r="HD25" s="326">
        <v>48735</v>
      </c>
      <c r="HE25" s="327">
        <v>156883</v>
      </c>
      <c r="HF25" s="331">
        <v>205618</v>
      </c>
      <c r="HG25" s="332">
        <v>0</v>
      </c>
      <c r="HH25" s="327">
        <v>695727</v>
      </c>
      <c r="HI25" s="327">
        <v>961662</v>
      </c>
      <c r="HJ25" s="327">
        <v>898381</v>
      </c>
      <c r="HK25" s="327">
        <v>782342</v>
      </c>
      <c r="HL25" s="327">
        <v>648178</v>
      </c>
      <c r="HM25" s="328">
        <v>3986290</v>
      </c>
      <c r="HN25" s="329">
        <v>4191908</v>
      </c>
      <c r="HO25" s="333">
        <v>0</v>
      </c>
      <c r="HP25" s="327">
        <v>0</v>
      </c>
      <c r="HQ25" s="328">
        <v>0</v>
      </c>
      <c r="HR25" s="326">
        <v>0</v>
      </c>
      <c r="HS25" s="327">
        <v>0</v>
      </c>
      <c r="HT25" s="327">
        <v>0</v>
      </c>
      <c r="HU25" s="327">
        <v>0</v>
      </c>
      <c r="HV25" s="327">
        <v>0</v>
      </c>
      <c r="HW25" s="327">
        <v>0</v>
      </c>
      <c r="HX25" s="331">
        <v>0</v>
      </c>
      <c r="HY25" s="330">
        <v>0</v>
      </c>
      <c r="HZ25" s="335">
        <v>0</v>
      </c>
      <c r="IA25" s="336">
        <v>61792</v>
      </c>
      <c r="IB25" s="337">
        <v>61792</v>
      </c>
      <c r="IC25" s="338">
        <v>0</v>
      </c>
      <c r="ID25" s="336">
        <v>433733</v>
      </c>
      <c r="IE25" s="339">
        <v>443183</v>
      </c>
      <c r="IF25" s="337">
        <v>1424044</v>
      </c>
      <c r="IG25" s="336">
        <v>22922</v>
      </c>
      <c r="IH25" s="337">
        <v>255938</v>
      </c>
      <c r="II25" s="340">
        <v>2579820</v>
      </c>
      <c r="IJ25" s="341">
        <v>2641612</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226272</v>
      </c>
      <c r="JL25" s="345">
        <v>223814</v>
      </c>
      <c r="JM25" s="345">
        <v>29806</v>
      </c>
      <c r="JN25" s="345">
        <v>22922</v>
      </c>
      <c r="JO25" s="345">
        <v>0</v>
      </c>
      <c r="JP25" s="349">
        <v>502814</v>
      </c>
      <c r="JQ25" s="347">
        <v>502814</v>
      </c>
      <c r="JR25" s="348">
        <v>0</v>
      </c>
      <c r="JS25" s="345">
        <v>0</v>
      </c>
      <c r="JT25" s="346">
        <v>0</v>
      </c>
      <c r="JU25" s="351">
        <v>0</v>
      </c>
      <c r="JV25" s="345">
        <v>0</v>
      </c>
      <c r="JW25" s="345">
        <v>0</v>
      </c>
      <c r="JX25" s="345">
        <v>70821</v>
      </c>
      <c r="JY25" s="345">
        <v>0</v>
      </c>
      <c r="JZ25" s="345">
        <v>0</v>
      </c>
      <c r="KA25" s="349">
        <v>70821</v>
      </c>
      <c r="KB25" s="347">
        <v>70821</v>
      </c>
      <c r="KC25" s="352">
        <v>0</v>
      </c>
      <c r="KD25" s="353">
        <v>61792</v>
      </c>
      <c r="KE25" s="349">
        <v>61792</v>
      </c>
      <c r="KF25" s="351">
        <v>0</v>
      </c>
      <c r="KG25" s="345">
        <v>0</v>
      </c>
      <c r="KH25" s="345">
        <v>0</v>
      </c>
      <c r="KI25" s="345">
        <v>653490</v>
      </c>
      <c r="KJ25" s="345">
        <v>0</v>
      </c>
      <c r="KK25" s="345">
        <v>255938</v>
      </c>
      <c r="KL25" s="349">
        <v>909428</v>
      </c>
      <c r="KM25" s="354">
        <v>971220</v>
      </c>
      <c r="KN25" s="342">
        <v>0</v>
      </c>
      <c r="KO25" s="343">
        <v>0</v>
      </c>
      <c r="KP25" s="344">
        <v>0</v>
      </c>
      <c r="KQ25" s="404">
        <v>0</v>
      </c>
      <c r="KR25" s="345">
        <v>207461</v>
      </c>
      <c r="KS25" s="345">
        <v>219369</v>
      </c>
      <c r="KT25" s="345">
        <v>669927</v>
      </c>
      <c r="KU25" s="345">
        <v>0</v>
      </c>
      <c r="KV25" s="345">
        <v>0</v>
      </c>
      <c r="KW25" s="349">
        <v>1096757</v>
      </c>
      <c r="KX25" s="347">
        <v>1096757</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897758</v>
      </c>
      <c r="MK25" s="345">
        <v>900758</v>
      </c>
      <c r="ML25" s="345">
        <v>868855</v>
      </c>
      <c r="MM25" s="345">
        <v>3049157</v>
      </c>
      <c r="MN25" s="345">
        <v>1401010</v>
      </c>
      <c r="MO25" s="349">
        <v>7117538</v>
      </c>
      <c r="MP25" s="354">
        <v>7117538</v>
      </c>
      <c r="MQ25" s="348">
        <v>0</v>
      </c>
      <c r="MR25" s="345">
        <v>0</v>
      </c>
      <c r="MS25" s="349">
        <v>0</v>
      </c>
      <c r="MT25" s="404">
        <v>0</v>
      </c>
      <c r="MU25" s="345">
        <v>0</v>
      </c>
      <c r="MV25" s="345">
        <v>430268</v>
      </c>
      <c r="MW25" s="345">
        <v>452182</v>
      </c>
      <c r="MX25" s="345">
        <v>1732992</v>
      </c>
      <c r="MY25" s="345">
        <v>1401010</v>
      </c>
      <c r="MZ25" s="349">
        <v>4016452</v>
      </c>
      <c r="NA25" s="354">
        <v>4016452</v>
      </c>
      <c r="NB25" s="348">
        <v>0</v>
      </c>
      <c r="NC25" s="345">
        <v>0</v>
      </c>
      <c r="ND25" s="349">
        <v>0</v>
      </c>
      <c r="NE25" s="404">
        <v>0</v>
      </c>
      <c r="NF25" s="345">
        <v>897758</v>
      </c>
      <c r="NG25" s="345">
        <v>470490</v>
      </c>
      <c r="NH25" s="345">
        <v>147279</v>
      </c>
      <c r="NI25" s="345">
        <v>1316165</v>
      </c>
      <c r="NJ25" s="345">
        <v>0</v>
      </c>
      <c r="NK25" s="349">
        <v>2831692</v>
      </c>
      <c r="NL25" s="347">
        <v>2831692</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269394</v>
      </c>
      <c r="OE25" s="345">
        <v>0</v>
      </c>
      <c r="OF25" s="345">
        <v>0</v>
      </c>
      <c r="OG25" s="349">
        <v>269394</v>
      </c>
      <c r="OH25" s="350">
        <v>269394</v>
      </c>
      <c r="OI25" s="348">
        <v>215839</v>
      </c>
      <c r="OJ25" s="345">
        <v>748788</v>
      </c>
      <c r="OK25" s="346">
        <v>964627</v>
      </c>
      <c r="OL25" s="351">
        <v>0</v>
      </c>
      <c r="OM25" s="345">
        <v>4377758</v>
      </c>
      <c r="ON25" s="345">
        <v>6071876</v>
      </c>
      <c r="OO25" s="345">
        <v>5747988</v>
      </c>
      <c r="OP25" s="345">
        <v>6447389</v>
      </c>
      <c r="OQ25" s="345">
        <v>3773169</v>
      </c>
      <c r="OR25" s="349">
        <v>26418180</v>
      </c>
      <c r="OS25" s="354">
        <v>27382807</v>
      </c>
    </row>
    <row r="26" spans="2:409" s="70" customFormat="1" ht="21" customHeight="1" x14ac:dyDescent="0.2">
      <c r="B26" s="106" t="s">
        <v>21</v>
      </c>
      <c r="C26" s="326">
        <v>229250</v>
      </c>
      <c r="D26" s="327">
        <v>224727</v>
      </c>
      <c r="E26" s="328">
        <v>453977</v>
      </c>
      <c r="F26" s="329">
        <v>0</v>
      </c>
      <c r="G26" s="327">
        <v>2576124</v>
      </c>
      <c r="H26" s="327">
        <v>2687772</v>
      </c>
      <c r="I26" s="327">
        <v>3127141</v>
      </c>
      <c r="J26" s="327">
        <v>2523179</v>
      </c>
      <c r="K26" s="327">
        <v>1462148</v>
      </c>
      <c r="L26" s="367">
        <v>12376364</v>
      </c>
      <c r="M26" s="330">
        <v>12830341</v>
      </c>
      <c r="N26" s="326">
        <v>44800</v>
      </c>
      <c r="O26" s="327">
        <v>39852</v>
      </c>
      <c r="P26" s="328">
        <v>84652</v>
      </c>
      <c r="Q26" s="326">
        <v>0</v>
      </c>
      <c r="R26" s="327">
        <v>891768</v>
      </c>
      <c r="S26" s="327">
        <v>1043820</v>
      </c>
      <c r="T26" s="327">
        <v>658411</v>
      </c>
      <c r="U26" s="327">
        <v>882034</v>
      </c>
      <c r="V26" s="327">
        <v>729724</v>
      </c>
      <c r="W26" s="328">
        <v>4205757</v>
      </c>
      <c r="X26" s="330">
        <v>4290409</v>
      </c>
      <c r="Y26" s="326">
        <v>0</v>
      </c>
      <c r="Z26" s="327">
        <v>0</v>
      </c>
      <c r="AA26" s="328">
        <v>0</v>
      </c>
      <c r="AB26" s="326">
        <v>0</v>
      </c>
      <c r="AC26" s="327">
        <v>410143</v>
      </c>
      <c r="AD26" s="327">
        <v>539134</v>
      </c>
      <c r="AE26" s="327">
        <v>233550</v>
      </c>
      <c r="AF26" s="327">
        <v>541080</v>
      </c>
      <c r="AG26" s="327">
        <v>166918</v>
      </c>
      <c r="AH26" s="328">
        <v>1890825</v>
      </c>
      <c r="AI26" s="330">
        <v>1890825</v>
      </c>
      <c r="AJ26" s="326">
        <v>0</v>
      </c>
      <c r="AK26" s="327">
        <v>0</v>
      </c>
      <c r="AL26" s="328">
        <v>0</v>
      </c>
      <c r="AM26" s="326">
        <v>0</v>
      </c>
      <c r="AN26" s="327">
        <v>0</v>
      </c>
      <c r="AO26" s="327">
        <v>0</v>
      </c>
      <c r="AP26" s="327">
        <v>0</v>
      </c>
      <c r="AQ26" s="327">
        <v>32802</v>
      </c>
      <c r="AR26" s="327">
        <v>176046</v>
      </c>
      <c r="AS26" s="328">
        <v>208848</v>
      </c>
      <c r="AT26" s="330">
        <v>208848</v>
      </c>
      <c r="AU26" s="326">
        <v>0</v>
      </c>
      <c r="AV26" s="327">
        <v>-78876</v>
      </c>
      <c r="AW26" s="328">
        <v>-78876</v>
      </c>
      <c r="AX26" s="326">
        <v>0</v>
      </c>
      <c r="AY26" s="327">
        <v>312953</v>
      </c>
      <c r="AZ26" s="327">
        <v>321587</v>
      </c>
      <c r="BA26" s="327">
        <v>188590</v>
      </c>
      <c r="BB26" s="327">
        <v>80463</v>
      </c>
      <c r="BC26" s="327">
        <v>256837</v>
      </c>
      <c r="BD26" s="328">
        <v>1160430</v>
      </c>
      <c r="BE26" s="330">
        <v>1081554</v>
      </c>
      <c r="BF26" s="326">
        <v>0</v>
      </c>
      <c r="BG26" s="327">
        <v>53880</v>
      </c>
      <c r="BH26" s="331">
        <v>53880</v>
      </c>
      <c r="BI26" s="332">
        <v>0</v>
      </c>
      <c r="BJ26" s="327">
        <v>0</v>
      </c>
      <c r="BK26" s="327">
        <v>0</v>
      </c>
      <c r="BL26" s="327">
        <v>49567</v>
      </c>
      <c r="BM26" s="327">
        <v>0</v>
      </c>
      <c r="BN26" s="327">
        <v>18875</v>
      </c>
      <c r="BO26" s="328">
        <v>68442</v>
      </c>
      <c r="BP26" s="330">
        <v>122322</v>
      </c>
      <c r="BQ26" s="326">
        <v>44800</v>
      </c>
      <c r="BR26" s="327">
        <v>64848</v>
      </c>
      <c r="BS26" s="328">
        <v>109648</v>
      </c>
      <c r="BT26" s="326">
        <v>0</v>
      </c>
      <c r="BU26" s="327">
        <v>168672</v>
      </c>
      <c r="BV26" s="327">
        <v>183099</v>
      </c>
      <c r="BW26" s="327">
        <v>186704</v>
      </c>
      <c r="BX26" s="327">
        <v>227689</v>
      </c>
      <c r="BY26" s="327">
        <v>111048</v>
      </c>
      <c r="BZ26" s="328">
        <v>877212</v>
      </c>
      <c r="CA26" s="330">
        <v>986860</v>
      </c>
      <c r="CB26" s="326">
        <v>0</v>
      </c>
      <c r="CC26" s="327">
        <v>31223</v>
      </c>
      <c r="CD26" s="328">
        <v>31223</v>
      </c>
      <c r="CE26" s="326">
        <v>0</v>
      </c>
      <c r="CF26" s="327">
        <v>623733</v>
      </c>
      <c r="CG26" s="327">
        <v>767426</v>
      </c>
      <c r="CH26" s="327">
        <v>501060</v>
      </c>
      <c r="CI26" s="327">
        <v>179044</v>
      </c>
      <c r="CJ26" s="327">
        <v>198157</v>
      </c>
      <c r="CK26" s="328">
        <v>2269420</v>
      </c>
      <c r="CL26" s="330">
        <v>2300643</v>
      </c>
      <c r="CM26" s="326">
        <v>0</v>
      </c>
      <c r="CN26" s="327">
        <v>0</v>
      </c>
      <c r="CO26" s="328">
        <v>0</v>
      </c>
      <c r="CP26" s="332">
        <v>0</v>
      </c>
      <c r="CQ26" s="327">
        <v>501580</v>
      </c>
      <c r="CR26" s="327">
        <v>597401</v>
      </c>
      <c r="CS26" s="327">
        <v>431030</v>
      </c>
      <c r="CT26" s="327">
        <v>179044</v>
      </c>
      <c r="CU26" s="327">
        <v>60462</v>
      </c>
      <c r="CV26" s="328">
        <v>1769517</v>
      </c>
      <c r="CW26" s="330">
        <v>1769517</v>
      </c>
      <c r="CX26" s="326">
        <v>0</v>
      </c>
      <c r="CY26" s="327">
        <v>31223</v>
      </c>
      <c r="CZ26" s="328">
        <v>31223</v>
      </c>
      <c r="DA26" s="326">
        <v>0</v>
      </c>
      <c r="DB26" s="327">
        <v>122153</v>
      </c>
      <c r="DC26" s="327">
        <v>170025</v>
      </c>
      <c r="DD26" s="327">
        <v>70030</v>
      </c>
      <c r="DE26" s="327">
        <v>0</v>
      </c>
      <c r="DF26" s="327">
        <v>137695</v>
      </c>
      <c r="DG26" s="328">
        <v>499903</v>
      </c>
      <c r="DH26" s="330">
        <v>531126</v>
      </c>
      <c r="DI26" s="326">
        <v>0</v>
      </c>
      <c r="DJ26" s="327">
        <v>0</v>
      </c>
      <c r="DK26" s="331">
        <v>0</v>
      </c>
      <c r="DL26" s="332">
        <v>0</v>
      </c>
      <c r="DM26" s="327">
        <v>218245</v>
      </c>
      <c r="DN26" s="327">
        <v>47012</v>
      </c>
      <c r="DO26" s="327">
        <v>253703</v>
      </c>
      <c r="DP26" s="327">
        <v>0</v>
      </c>
      <c r="DQ26" s="327">
        <v>0</v>
      </c>
      <c r="DR26" s="328">
        <v>518960</v>
      </c>
      <c r="DS26" s="330">
        <v>518960</v>
      </c>
      <c r="DT26" s="326">
        <v>0</v>
      </c>
      <c r="DU26" s="327">
        <v>0</v>
      </c>
      <c r="DV26" s="328">
        <v>0</v>
      </c>
      <c r="DW26" s="326">
        <v>0</v>
      </c>
      <c r="DX26" s="327">
        <v>218245</v>
      </c>
      <c r="DY26" s="327">
        <v>47012</v>
      </c>
      <c r="DZ26" s="327">
        <v>138851</v>
      </c>
      <c r="EA26" s="327">
        <v>0</v>
      </c>
      <c r="EB26" s="327">
        <v>0</v>
      </c>
      <c r="EC26" s="328">
        <v>404108</v>
      </c>
      <c r="ED26" s="330">
        <v>404108</v>
      </c>
      <c r="EE26" s="326">
        <v>0</v>
      </c>
      <c r="EF26" s="331">
        <v>0</v>
      </c>
      <c r="EG26" s="328">
        <v>0</v>
      </c>
      <c r="EH26" s="326">
        <v>0</v>
      </c>
      <c r="EI26" s="327">
        <v>0</v>
      </c>
      <c r="EJ26" s="327">
        <v>0</v>
      </c>
      <c r="EK26" s="327">
        <v>114852</v>
      </c>
      <c r="EL26" s="327">
        <v>0</v>
      </c>
      <c r="EM26" s="327">
        <v>0</v>
      </c>
      <c r="EN26" s="331">
        <v>114852</v>
      </c>
      <c r="EO26" s="330">
        <v>114852</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39620</v>
      </c>
      <c r="FM26" s="327">
        <v>73136</v>
      </c>
      <c r="FN26" s="328">
        <v>112756</v>
      </c>
      <c r="FO26" s="326">
        <v>0</v>
      </c>
      <c r="FP26" s="327">
        <v>119413</v>
      </c>
      <c r="FQ26" s="327">
        <v>350371</v>
      </c>
      <c r="FR26" s="327">
        <v>137361</v>
      </c>
      <c r="FS26" s="327">
        <v>107002</v>
      </c>
      <c r="FT26" s="327">
        <v>92890</v>
      </c>
      <c r="FU26" s="328">
        <v>807037</v>
      </c>
      <c r="FV26" s="330">
        <v>919793</v>
      </c>
      <c r="FW26" s="333">
        <v>39620</v>
      </c>
      <c r="FX26" s="327">
        <v>73136</v>
      </c>
      <c r="FY26" s="331">
        <v>112756</v>
      </c>
      <c r="FZ26" s="332">
        <v>0</v>
      </c>
      <c r="GA26" s="327">
        <v>106708</v>
      </c>
      <c r="GB26" s="327">
        <v>210371</v>
      </c>
      <c r="GC26" s="327">
        <v>137361</v>
      </c>
      <c r="GD26" s="327">
        <v>107002</v>
      </c>
      <c r="GE26" s="327">
        <v>92890</v>
      </c>
      <c r="GF26" s="328">
        <v>654332</v>
      </c>
      <c r="GG26" s="334">
        <v>767088</v>
      </c>
      <c r="GH26" s="333">
        <v>0</v>
      </c>
      <c r="GI26" s="327">
        <v>0</v>
      </c>
      <c r="GJ26" s="331">
        <v>0</v>
      </c>
      <c r="GK26" s="332">
        <v>0</v>
      </c>
      <c r="GL26" s="327">
        <v>12705</v>
      </c>
      <c r="GM26" s="327">
        <v>0</v>
      </c>
      <c r="GN26" s="327">
        <v>0</v>
      </c>
      <c r="GO26" s="327">
        <v>0</v>
      </c>
      <c r="GP26" s="327">
        <v>0</v>
      </c>
      <c r="GQ26" s="328">
        <v>12705</v>
      </c>
      <c r="GR26" s="330">
        <v>12705</v>
      </c>
      <c r="GS26" s="326">
        <v>0</v>
      </c>
      <c r="GT26" s="327">
        <v>0</v>
      </c>
      <c r="GU26" s="328">
        <v>0</v>
      </c>
      <c r="GV26" s="326">
        <v>0</v>
      </c>
      <c r="GW26" s="327">
        <v>0</v>
      </c>
      <c r="GX26" s="327">
        <v>140000</v>
      </c>
      <c r="GY26" s="327">
        <v>0</v>
      </c>
      <c r="GZ26" s="327">
        <v>0</v>
      </c>
      <c r="HA26" s="327">
        <v>0</v>
      </c>
      <c r="HB26" s="331">
        <v>140000</v>
      </c>
      <c r="HC26" s="330">
        <v>140000</v>
      </c>
      <c r="HD26" s="326">
        <v>144830</v>
      </c>
      <c r="HE26" s="327">
        <v>80516</v>
      </c>
      <c r="HF26" s="331">
        <v>225346</v>
      </c>
      <c r="HG26" s="332">
        <v>0</v>
      </c>
      <c r="HH26" s="327">
        <v>722965</v>
      </c>
      <c r="HI26" s="327">
        <v>479143</v>
      </c>
      <c r="HJ26" s="327">
        <v>1576606</v>
      </c>
      <c r="HK26" s="327">
        <v>1355099</v>
      </c>
      <c r="HL26" s="327">
        <v>441377</v>
      </c>
      <c r="HM26" s="328">
        <v>4575190</v>
      </c>
      <c r="HN26" s="329">
        <v>4800536</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551370</v>
      </c>
      <c r="IE26" s="357">
        <v>-393963</v>
      </c>
      <c r="IF26" s="358">
        <v>-482258</v>
      </c>
      <c r="IG26" s="356">
        <v>517847</v>
      </c>
      <c r="IH26" s="358">
        <v>0</v>
      </c>
      <c r="II26" s="359">
        <v>192996</v>
      </c>
      <c r="IJ26" s="358">
        <v>192996</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44244</v>
      </c>
      <c r="JL26" s="345">
        <v>-612322</v>
      </c>
      <c r="JM26" s="345">
        <v>-690108</v>
      </c>
      <c r="JN26" s="345">
        <v>67523</v>
      </c>
      <c r="JO26" s="345">
        <v>0</v>
      </c>
      <c r="JP26" s="349">
        <v>-790663</v>
      </c>
      <c r="JQ26" s="347">
        <v>-790663</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7126</v>
      </c>
      <c r="KH26" s="345">
        <v>0</v>
      </c>
      <c r="KI26" s="345">
        <v>207850</v>
      </c>
      <c r="KJ26" s="345">
        <v>0</v>
      </c>
      <c r="KK26" s="345">
        <v>0</v>
      </c>
      <c r="KL26" s="349">
        <v>314976</v>
      </c>
      <c r="KM26" s="354">
        <v>314976</v>
      </c>
      <c r="KN26" s="342">
        <v>0</v>
      </c>
      <c r="KO26" s="343">
        <v>0</v>
      </c>
      <c r="KP26" s="344">
        <v>0</v>
      </c>
      <c r="KQ26" s="404">
        <v>0</v>
      </c>
      <c r="KR26" s="345">
        <v>0</v>
      </c>
      <c r="KS26" s="345">
        <v>218359</v>
      </c>
      <c r="KT26" s="345">
        <v>0</v>
      </c>
      <c r="KU26" s="345">
        <v>450324</v>
      </c>
      <c r="KV26" s="345">
        <v>0</v>
      </c>
      <c r="KW26" s="349">
        <v>668683</v>
      </c>
      <c r="KX26" s="347">
        <v>668683</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796328</v>
      </c>
      <c r="ML26" s="345">
        <v>488269</v>
      </c>
      <c r="MM26" s="345">
        <v>2858167</v>
      </c>
      <c r="MN26" s="345">
        <v>794795</v>
      </c>
      <c r="MO26" s="349">
        <v>4937559</v>
      </c>
      <c r="MP26" s="354">
        <v>4937559</v>
      </c>
      <c r="MQ26" s="348">
        <v>0</v>
      </c>
      <c r="MR26" s="345">
        <v>0</v>
      </c>
      <c r="MS26" s="349">
        <v>0</v>
      </c>
      <c r="MT26" s="404">
        <v>0</v>
      </c>
      <c r="MU26" s="345">
        <v>0</v>
      </c>
      <c r="MV26" s="345">
        <v>0</v>
      </c>
      <c r="MW26" s="345">
        <v>427040</v>
      </c>
      <c r="MX26" s="345">
        <v>1933207</v>
      </c>
      <c r="MY26" s="345">
        <v>794795</v>
      </c>
      <c r="MZ26" s="349">
        <v>3155042</v>
      </c>
      <c r="NA26" s="354">
        <v>3155042</v>
      </c>
      <c r="NB26" s="348">
        <v>0</v>
      </c>
      <c r="NC26" s="345">
        <v>0</v>
      </c>
      <c r="ND26" s="349">
        <v>0</v>
      </c>
      <c r="NE26" s="404">
        <v>0</v>
      </c>
      <c r="NF26" s="345">
        <v>0</v>
      </c>
      <c r="NG26" s="345">
        <v>796328</v>
      </c>
      <c r="NH26" s="345">
        <v>61229</v>
      </c>
      <c r="NI26" s="345">
        <v>607406</v>
      </c>
      <c r="NJ26" s="345">
        <v>0</v>
      </c>
      <c r="NK26" s="349">
        <v>1464963</v>
      </c>
      <c r="NL26" s="347">
        <v>1464963</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17554</v>
      </c>
      <c r="OF26" s="345">
        <v>0</v>
      </c>
      <c r="OG26" s="349">
        <v>317554</v>
      </c>
      <c r="OH26" s="350">
        <v>317554</v>
      </c>
      <c r="OI26" s="348">
        <v>229250</v>
      </c>
      <c r="OJ26" s="345">
        <v>224727</v>
      </c>
      <c r="OK26" s="346">
        <v>453977</v>
      </c>
      <c r="OL26" s="351">
        <v>0</v>
      </c>
      <c r="OM26" s="345">
        <v>3127494</v>
      </c>
      <c r="ON26" s="345">
        <v>3090137</v>
      </c>
      <c r="OO26" s="345">
        <v>3133152</v>
      </c>
      <c r="OP26" s="345">
        <v>5899193</v>
      </c>
      <c r="OQ26" s="345">
        <v>2256943</v>
      </c>
      <c r="OR26" s="349">
        <v>17506919</v>
      </c>
      <c r="OS26" s="354">
        <v>17960896</v>
      </c>
    </row>
    <row r="27" spans="2:409" s="70" customFormat="1" ht="21" customHeight="1" x14ac:dyDescent="0.2">
      <c r="B27" s="106" t="s">
        <v>22</v>
      </c>
      <c r="C27" s="326">
        <v>64344</v>
      </c>
      <c r="D27" s="327">
        <v>37660</v>
      </c>
      <c r="E27" s="328">
        <v>102004</v>
      </c>
      <c r="F27" s="329">
        <v>0</v>
      </c>
      <c r="G27" s="327">
        <v>1087881</v>
      </c>
      <c r="H27" s="327">
        <v>1174757</v>
      </c>
      <c r="I27" s="327">
        <v>1014492</v>
      </c>
      <c r="J27" s="327">
        <v>1533089</v>
      </c>
      <c r="K27" s="327">
        <v>1558919</v>
      </c>
      <c r="L27" s="367">
        <v>6369138</v>
      </c>
      <c r="M27" s="330">
        <v>6471142</v>
      </c>
      <c r="N27" s="326">
        <v>0</v>
      </c>
      <c r="O27" s="327">
        <v>0</v>
      </c>
      <c r="P27" s="328">
        <v>0</v>
      </c>
      <c r="Q27" s="326">
        <v>0</v>
      </c>
      <c r="R27" s="327">
        <v>271300</v>
      </c>
      <c r="S27" s="327">
        <v>161056</v>
      </c>
      <c r="T27" s="327">
        <v>198294</v>
      </c>
      <c r="U27" s="327">
        <v>213620</v>
      </c>
      <c r="V27" s="327">
        <v>1013983</v>
      </c>
      <c r="W27" s="328">
        <v>1858253</v>
      </c>
      <c r="X27" s="330">
        <v>1858253</v>
      </c>
      <c r="Y27" s="326">
        <v>0</v>
      </c>
      <c r="Z27" s="327">
        <v>0</v>
      </c>
      <c r="AA27" s="328">
        <v>0</v>
      </c>
      <c r="AB27" s="326">
        <v>0</v>
      </c>
      <c r="AC27" s="327">
        <v>75999</v>
      </c>
      <c r="AD27" s="327">
        <v>28130</v>
      </c>
      <c r="AE27" s="327">
        <v>94537</v>
      </c>
      <c r="AF27" s="327">
        <v>39604</v>
      </c>
      <c r="AG27" s="327">
        <v>331296</v>
      </c>
      <c r="AH27" s="328">
        <v>569566</v>
      </c>
      <c r="AI27" s="330">
        <v>569566</v>
      </c>
      <c r="AJ27" s="326">
        <v>0</v>
      </c>
      <c r="AK27" s="327">
        <v>0</v>
      </c>
      <c r="AL27" s="328">
        <v>0</v>
      </c>
      <c r="AM27" s="326">
        <v>0</v>
      </c>
      <c r="AN27" s="327">
        <v>0</v>
      </c>
      <c r="AO27" s="327">
        <v>0</v>
      </c>
      <c r="AP27" s="327">
        <v>0</v>
      </c>
      <c r="AQ27" s="327">
        <v>22274</v>
      </c>
      <c r="AR27" s="327">
        <v>411239</v>
      </c>
      <c r="AS27" s="328">
        <v>433513</v>
      </c>
      <c r="AT27" s="330">
        <v>433513</v>
      </c>
      <c r="AU27" s="326">
        <v>0</v>
      </c>
      <c r="AV27" s="327">
        <v>0</v>
      </c>
      <c r="AW27" s="328">
        <v>0</v>
      </c>
      <c r="AX27" s="326">
        <v>0</v>
      </c>
      <c r="AY27" s="327">
        <v>139736</v>
      </c>
      <c r="AZ27" s="327">
        <v>60244</v>
      </c>
      <c r="BA27" s="327">
        <v>45209</v>
      </c>
      <c r="BB27" s="327">
        <v>35975</v>
      </c>
      <c r="BC27" s="327">
        <v>263020</v>
      </c>
      <c r="BD27" s="328">
        <v>544184</v>
      </c>
      <c r="BE27" s="330">
        <v>544184</v>
      </c>
      <c r="BF27" s="326">
        <v>0</v>
      </c>
      <c r="BG27" s="327">
        <v>0</v>
      </c>
      <c r="BH27" s="331">
        <v>0</v>
      </c>
      <c r="BI27" s="332">
        <v>0</v>
      </c>
      <c r="BJ27" s="327">
        <v>41985</v>
      </c>
      <c r="BK27" s="327">
        <v>27763</v>
      </c>
      <c r="BL27" s="327">
        <v>0</v>
      </c>
      <c r="BM27" s="327">
        <v>37416</v>
      </c>
      <c r="BN27" s="327">
        <v>0</v>
      </c>
      <c r="BO27" s="328">
        <v>107164</v>
      </c>
      <c r="BP27" s="330">
        <v>107164</v>
      </c>
      <c r="BQ27" s="326">
        <v>0</v>
      </c>
      <c r="BR27" s="327">
        <v>0</v>
      </c>
      <c r="BS27" s="328">
        <v>0</v>
      </c>
      <c r="BT27" s="326">
        <v>0</v>
      </c>
      <c r="BU27" s="327">
        <v>13580</v>
      </c>
      <c r="BV27" s="327">
        <v>44919</v>
      </c>
      <c r="BW27" s="327">
        <v>58548</v>
      </c>
      <c r="BX27" s="327">
        <v>78351</v>
      </c>
      <c r="BY27" s="327">
        <v>8428</v>
      </c>
      <c r="BZ27" s="328">
        <v>203826</v>
      </c>
      <c r="CA27" s="330">
        <v>203826</v>
      </c>
      <c r="CB27" s="326">
        <v>54642</v>
      </c>
      <c r="CC27" s="327">
        <v>0</v>
      </c>
      <c r="CD27" s="328">
        <v>54642</v>
      </c>
      <c r="CE27" s="326">
        <v>0</v>
      </c>
      <c r="CF27" s="327">
        <v>350401</v>
      </c>
      <c r="CG27" s="327">
        <v>444665</v>
      </c>
      <c r="CH27" s="327">
        <v>190894</v>
      </c>
      <c r="CI27" s="327">
        <v>537846</v>
      </c>
      <c r="CJ27" s="327">
        <v>168293</v>
      </c>
      <c r="CK27" s="328">
        <v>1692099</v>
      </c>
      <c r="CL27" s="330">
        <v>1746741</v>
      </c>
      <c r="CM27" s="326">
        <v>0</v>
      </c>
      <c r="CN27" s="327">
        <v>0</v>
      </c>
      <c r="CO27" s="328">
        <v>0</v>
      </c>
      <c r="CP27" s="332">
        <v>0</v>
      </c>
      <c r="CQ27" s="327">
        <v>224541</v>
      </c>
      <c r="CR27" s="327">
        <v>247870</v>
      </c>
      <c r="CS27" s="327">
        <v>190894</v>
      </c>
      <c r="CT27" s="327">
        <v>537846</v>
      </c>
      <c r="CU27" s="327">
        <v>168293</v>
      </c>
      <c r="CV27" s="328">
        <v>1369444</v>
      </c>
      <c r="CW27" s="330">
        <v>1369444</v>
      </c>
      <c r="CX27" s="326">
        <v>54642</v>
      </c>
      <c r="CY27" s="327">
        <v>0</v>
      </c>
      <c r="CZ27" s="328">
        <v>54642</v>
      </c>
      <c r="DA27" s="326">
        <v>0</v>
      </c>
      <c r="DB27" s="327">
        <v>125860</v>
      </c>
      <c r="DC27" s="327">
        <v>196795</v>
      </c>
      <c r="DD27" s="327">
        <v>0</v>
      </c>
      <c r="DE27" s="327">
        <v>0</v>
      </c>
      <c r="DF27" s="327">
        <v>0</v>
      </c>
      <c r="DG27" s="328">
        <v>322655</v>
      </c>
      <c r="DH27" s="330">
        <v>377297</v>
      </c>
      <c r="DI27" s="326">
        <v>0</v>
      </c>
      <c r="DJ27" s="327">
        <v>0</v>
      </c>
      <c r="DK27" s="331">
        <v>0</v>
      </c>
      <c r="DL27" s="332">
        <v>0</v>
      </c>
      <c r="DM27" s="327">
        <v>16356</v>
      </c>
      <c r="DN27" s="327">
        <v>115980</v>
      </c>
      <c r="DO27" s="327">
        <v>232086</v>
      </c>
      <c r="DP27" s="327">
        <v>118757</v>
      </c>
      <c r="DQ27" s="327">
        <v>0</v>
      </c>
      <c r="DR27" s="328">
        <v>483179</v>
      </c>
      <c r="DS27" s="330">
        <v>483179</v>
      </c>
      <c r="DT27" s="326">
        <v>0</v>
      </c>
      <c r="DU27" s="327">
        <v>0</v>
      </c>
      <c r="DV27" s="328">
        <v>0</v>
      </c>
      <c r="DW27" s="326">
        <v>0</v>
      </c>
      <c r="DX27" s="327">
        <v>0</v>
      </c>
      <c r="DY27" s="327">
        <v>115980</v>
      </c>
      <c r="DZ27" s="327">
        <v>166486</v>
      </c>
      <c r="EA27" s="327">
        <v>118757</v>
      </c>
      <c r="EB27" s="327">
        <v>0</v>
      </c>
      <c r="EC27" s="328">
        <v>401223</v>
      </c>
      <c r="ED27" s="330">
        <v>401223</v>
      </c>
      <c r="EE27" s="326">
        <v>0</v>
      </c>
      <c r="EF27" s="331">
        <v>0</v>
      </c>
      <c r="EG27" s="328">
        <v>0</v>
      </c>
      <c r="EH27" s="326">
        <v>0</v>
      </c>
      <c r="EI27" s="327">
        <v>16356</v>
      </c>
      <c r="EJ27" s="327">
        <v>0</v>
      </c>
      <c r="EK27" s="327">
        <v>65600</v>
      </c>
      <c r="EL27" s="327">
        <v>0</v>
      </c>
      <c r="EM27" s="327">
        <v>0</v>
      </c>
      <c r="EN27" s="331">
        <v>81956</v>
      </c>
      <c r="EO27" s="330">
        <v>81956</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9702</v>
      </c>
      <c r="FM27" s="327">
        <v>37660</v>
      </c>
      <c r="FN27" s="328">
        <v>47362</v>
      </c>
      <c r="FO27" s="326">
        <v>0</v>
      </c>
      <c r="FP27" s="327">
        <v>50946</v>
      </c>
      <c r="FQ27" s="327">
        <v>138649</v>
      </c>
      <c r="FR27" s="327">
        <v>48804</v>
      </c>
      <c r="FS27" s="327">
        <v>115507</v>
      </c>
      <c r="FT27" s="327">
        <v>171948</v>
      </c>
      <c r="FU27" s="328">
        <v>525854</v>
      </c>
      <c r="FV27" s="330">
        <v>573216</v>
      </c>
      <c r="FW27" s="333">
        <v>9702</v>
      </c>
      <c r="FX27" s="327">
        <v>37660</v>
      </c>
      <c r="FY27" s="331">
        <v>47362</v>
      </c>
      <c r="FZ27" s="332">
        <v>0</v>
      </c>
      <c r="GA27" s="327">
        <v>50946</v>
      </c>
      <c r="GB27" s="327">
        <v>90349</v>
      </c>
      <c r="GC27" s="327">
        <v>48804</v>
      </c>
      <c r="GD27" s="327">
        <v>115507</v>
      </c>
      <c r="GE27" s="327">
        <v>171948</v>
      </c>
      <c r="GF27" s="328">
        <v>477554</v>
      </c>
      <c r="GG27" s="334">
        <v>524916</v>
      </c>
      <c r="GH27" s="333">
        <v>0</v>
      </c>
      <c r="GI27" s="327">
        <v>0</v>
      </c>
      <c r="GJ27" s="331">
        <v>0</v>
      </c>
      <c r="GK27" s="332">
        <v>0</v>
      </c>
      <c r="GL27" s="327">
        <v>0</v>
      </c>
      <c r="GM27" s="327">
        <v>0</v>
      </c>
      <c r="GN27" s="327">
        <v>0</v>
      </c>
      <c r="GO27" s="327">
        <v>0</v>
      </c>
      <c r="GP27" s="327">
        <v>0</v>
      </c>
      <c r="GQ27" s="328">
        <v>0</v>
      </c>
      <c r="GR27" s="330">
        <v>0</v>
      </c>
      <c r="GS27" s="326">
        <v>0</v>
      </c>
      <c r="GT27" s="327">
        <v>0</v>
      </c>
      <c r="GU27" s="328">
        <v>0</v>
      </c>
      <c r="GV27" s="326">
        <v>0</v>
      </c>
      <c r="GW27" s="327">
        <v>0</v>
      </c>
      <c r="GX27" s="327">
        <v>48300</v>
      </c>
      <c r="GY27" s="327">
        <v>0</v>
      </c>
      <c r="GZ27" s="327">
        <v>0</v>
      </c>
      <c r="HA27" s="327">
        <v>0</v>
      </c>
      <c r="HB27" s="331">
        <v>48300</v>
      </c>
      <c r="HC27" s="330">
        <v>48300</v>
      </c>
      <c r="HD27" s="326">
        <v>0</v>
      </c>
      <c r="HE27" s="327">
        <v>0</v>
      </c>
      <c r="HF27" s="331">
        <v>0</v>
      </c>
      <c r="HG27" s="332">
        <v>0</v>
      </c>
      <c r="HH27" s="327">
        <v>398878</v>
      </c>
      <c r="HI27" s="327">
        <v>314407</v>
      </c>
      <c r="HJ27" s="327">
        <v>344414</v>
      </c>
      <c r="HK27" s="327">
        <v>547359</v>
      </c>
      <c r="HL27" s="327">
        <v>204695</v>
      </c>
      <c r="HM27" s="328">
        <v>1809753</v>
      </c>
      <c r="HN27" s="329">
        <v>1809753</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272491</v>
      </c>
      <c r="IE27" s="339">
        <v>546960</v>
      </c>
      <c r="IF27" s="337">
        <v>137032</v>
      </c>
      <c r="IG27" s="336">
        <v>197627</v>
      </c>
      <c r="IH27" s="337">
        <v>0</v>
      </c>
      <c r="II27" s="340">
        <v>1154110</v>
      </c>
      <c r="IJ27" s="341">
        <v>1154110</v>
      </c>
      <c r="IK27" s="342">
        <v>0</v>
      </c>
      <c r="IL27" s="343">
        <v>0</v>
      </c>
      <c r="IM27" s="344">
        <v>0</v>
      </c>
      <c r="IN27" s="404">
        <v>0</v>
      </c>
      <c r="IO27" s="345">
        <v>0</v>
      </c>
      <c r="IP27" s="345">
        <v>0</v>
      </c>
      <c r="IQ27" s="345">
        <v>137032</v>
      </c>
      <c r="IR27" s="345">
        <v>166404</v>
      </c>
      <c r="IS27" s="345">
        <v>0</v>
      </c>
      <c r="IT27" s="346">
        <v>303436</v>
      </c>
      <c r="IU27" s="347">
        <v>303436</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72491</v>
      </c>
      <c r="JL27" s="345">
        <v>120357</v>
      </c>
      <c r="JM27" s="345">
        <v>0</v>
      </c>
      <c r="JN27" s="345">
        <v>31223</v>
      </c>
      <c r="JO27" s="345">
        <v>0</v>
      </c>
      <c r="JP27" s="349">
        <v>424071</v>
      </c>
      <c r="JQ27" s="347">
        <v>424071</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426603</v>
      </c>
      <c r="KI27" s="345">
        <v>0</v>
      </c>
      <c r="KJ27" s="345">
        <v>0</v>
      </c>
      <c r="KK27" s="345">
        <v>0</v>
      </c>
      <c r="KL27" s="349">
        <v>426603</v>
      </c>
      <c r="KM27" s="354">
        <v>426603</v>
      </c>
      <c r="KN27" s="342">
        <v>0</v>
      </c>
      <c r="KO27" s="343">
        <v>0</v>
      </c>
      <c r="KP27" s="344">
        <v>0</v>
      </c>
      <c r="KQ27" s="404">
        <v>0</v>
      </c>
      <c r="KR27" s="345">
        <v>0</v>
      </c>
      <c r="KS27" s="345">
        <v>0</v>
      </c>
      <c r="KT27" s="345">
        <v>0</v>
      </c>
      <c r="KU27" s="345">
        <v>0</v>
      </c>
      <c r="KV27" s="345">
        <v>0</v>
      </c>
      <c r="KW27" s="349">
        <v>0</v>
      </c>
      <c r="KX27" s="347">
        <v>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10743</v>
      </c>
      <c r="ML27" s="345">
        <v>202895</v>
      </c>
      <c r="MM27" s="345">
        <v>511341</v>
      </c>
      <c r="MN27" s="345">
        <v>0</v>
      </c>
      <c r="MO27" s="349">
        <v>1124979</v>
      </c>
      <c r="MP27" s="354">
        <v>1124979</v>
      </c>
      <c r="MQ27" s="348">
        <v>0</v>
      </c>
      <c r="MR27" s="345">
        <v>0</v>
      </c>
      <c r="MS27" s="349">
        <v>0</v>
      </c>
      <c r="MT27" s="404">
        <v>0</v>
      </c>
      <c r="MU27" s="345">
        <v>0</v>
      </c>
      <c r="MV27" s="345">
        <v>201966</v>
      </c>
      <c r="MW27" s="345">
        <v>202895</v>
      </c>
      <c r="MX27" s="345">
        <v>228856</v>
      </c>
      <c r="MY27" s="345">
        <v>0</v>
      </c>
      <c r="MZ27" s="349">
        <v>633717</v>
      </c>
      <c r="NA27" s="354">
        <v>633717</v>
      </c>
      <c r="NB27" s="348">
        <v>0</v>
      </c>
      <c r="NC27" s="345">
        <v>0</v>
      </c>
      <c r="ND27" s="349">
        <v>0</v>
      </c>
      <c r="NE27" s="404">
        <v>0</v>
      </c>
      <c r="NF27" s="345">
        <v>0</v>
      </c>
      <c r="NG27" s="345">
        <v>208777</v>
      </c>
      <c r="NH27" s="345">
        <v>0</v>
      </c>
      <c r="NI27" s="345">
        <v>282485</v>
      </c>
      <c r="NJ27" s="345">
        <v>0</v>
      </c>
      <c r="NK27" s="349">
        <v>491262</v>
      </c>
      <c r="NL27" s="347">
        <v>491262</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64344</v>
      </c>
      <c r="OJ27" s="345">
        <v>37660</v>
      </c>
      <c r="OK27" s="346">
        <v>102004</v>
      </c>
      <c r="OL27" s="351">
        <v>0</v>
      </c>
      <c r="OM27" s="345">
        <v>1360372</v>
      </c>
      <c r="ON27" s="345">
        <v>2132460</v>
      </c>
      <c r="OO27" s="345">
        <v>1354419</v>
      </c>
      <c r="OP27" s="345">
        <v>2242057</v>
      </c>
      <c r="OQ27" s="345">
        <v>1558919</v>
      </c>
      <c r="OR27" s="349">
        <v>8648227</v>
      </c>
      <c r="OS27" s="354">
        <v>8750231</v>
      </c>
    </row>
    <row r="28" spans="2:409" s="70" customFormat="1" ht="21" customHeight="1" x14ac:dyDescent="0.2">
      <c r="B28" s="106" t="s">
        <v>23</v>
      </c>
      <c r="C28" s="326">
        <v>107729</v>
      </c>
      <c r="D28" s="327">
        <v>420471</v>
      </c>
      <c r="E28" s="328">
        <v>528200</v>
      </c>
      <c r="F28" s="329">
        <v>0</v>
      </c>
      <c r="G28" s="327">
        <v>1183612</v>
      </c>
      <c r="H28" s="327">
        <v>2268479</v>
      </c>
      <c r="I28" s="327">
        <v>1552651</v>
      </c>
      <c r="J28" s="327">
        <v>2333823</v>
      </c>
      <c r="K28" s="327">
        <v>2076625</v>
      </c>
      <c r="L28" s="367">
        <v>9415190</v>
      </c>
      <c r="M28" s="330">
        <v>9943390</v>
      </c>
      <c r="N28" s="326">
        <v>67150</v>
      </c>
      <c r="O28" s="327">
        <v>79901</v>
      </c>
      <c r="P28" s="328">
        <v>147051</v>
      </c>
      <c r="Q28" s="326">
        <v>0</v>
      </c>
      <c r="R28" s="327">
        <v>137494</v>
      </c>
      <c r="S28" s="327">
        <v>746328</v>
      </c>
      <c r="T28" s="327">
        <v>739579</v>
      </c>
      <c r="U28" s="327">
        <v>350772</v>
      </c>
      <c r="V28" s="327">
        <v>572418</v>
      </c>
      <c r="W28" s="328">
        <v>2546591</v>
      </c>
      <c r="X28" s="330">
        <v>2693642</v>
      </c>
      <c r="Y28" s="326">
        <v>0</v>
      </c>
      <c r="Z28" s="327">
        <v>0</v>
      </c>
      <c r="AA28" s="328">
        <v>0</v>
      </c>
      <c r="AB28" s="326">
        <v>0</v>
      </c>
      <c r="AC28" s="327">
        <v>29722</v>
      </c>
      <c r="AD28" s="327">
        <v>152382</v>
      </c>
      <c r="AE28" s="327">
        <v>539931</v>
      </c>
      <c r="AF28" s="327">
        <v>59078</v>
      </c>
      <c r="AG28" s="327">
        <v>321261</v>
      </c>
      <c r="AH28" s="328">
        <v>1102374</v>
      </c>
      <c r="AI28" s="330">
        <v>1102374</v>
      </c>
      <c r="AJ28" s="326">
        <v>0</v>
      </c>
      <c r="AK28" s="327">
        <v>0</v>
      </c>
      <c r="AL28" s="328">
        <v>0</v>
      </c>
      <c r="AM28" s="326">
        <v>0</v>
      </c>
      <c r="AN28" s="327">
        <v>0</v>
      </c>
      <c r="AO28" s="327">
        <v>93362</v>
      </c>
      <c r="AP28" s="327">
        <v>12170</v>
      </c>
      <c r="AQ28" s="327">
        <v>0</v>
      </c>
      <c r="AR28" s="327">
        <v>0</v>
      </c>
      <c r="AS28" s="328">
        <v>105532</v>
      </c>
      <c r="AT28" s="330">
        <v>105532</v>
      </c>
      <c r="AU28" s="326">
        <v>58077</v>
      </c>
      <c r="AV28" s="327">
        <v>56173</v>
      </c>
      <c r="AW28" s="328">
        <v>114250</v>
      </c>
      <c r="AX28" s="326">
        <v>0</v>
      </c>
      <c r="AY28" s="327">
        <v>53207</v>
      </c>
      <c r="AZ28" s="327">
        <v>324092</v>
      </c>
      <c r="BA28" s="327">
        <v>118346</v>
      </c>
      <c r="BB28" s="327">
        <v>73385</v>
      </c>
      <c r="BC28" s="327">
        <v>71922</v>
      </c>
      <c r="BD28" s="328">
        <v>640952</v>
      </c>
      <c r="BE28" s="330">
        <v>755202</v>
      </c>
      <c r="BF28" s="326">
        <v>9073</v>
      </c>
      <c r="BG28" s="327">
        <v>23728</v>
      </c>
      <c r="BH28" s="331">
        <v>32801</v>
      </c>
      <c r="BI28" s="332">
        <v>0</v>
      </c>
      <c r="BJ28" s="327">
        <v>0</v>
      </c>
      <c r="BK28" s="327">
        <v>109334</v>
      </c>
      <c r="BL28" s="327">
        <v>0</v>
      </c>
      <c r="BM28" s="327">
        <v>0</v>
      </c>
      <c r="BN28" s="327">
        <v>0</v>
      </c>
      <c r="BO28" s="328">
        <v>109334</v>
      </c>
      <c r="BP28" s="330">
        <v>142135</v>
      </c>
      <c r="BQ28" s="326">
        <v>0</v>
      </c>
      <c r="BR28" s="327">
        <v>0</v>
      </c>
      <c r="BS28" s="328">
        <v>0</v>
      </c>
      <c r="BT28" s="326">
        <v>0</v>
      </c>
      <c r="BU28" s="327">
        <v>54565</v>
      </c>
      <c r="BV28" s="327">
        <v>67158</v>
      </c>
      <c r="BW28" s="327">
        <v>69132</v>
      </c>
      <c r="BX28" s="327">
        <v>218309</v>
      </c>
      <c r="BY28" s="327">
        <v>179235</v>
      </c>
      <c r="BZ28" s="328">
        <v>588399</v>
      </c>
      <c r="CA28" s="330">
        <v>588399</v>
      </c>
      <c r="CB28" s="326">
        <v>19089</v>
      </c>
      <c r="CC28" s="327">
        <v>19774</v>
      </c>
      <c r="CD28" s="328">
        <v>38863</v>
      </c>
      <c r="CE28" s="326">
        <v>0</v>
      </c>
      <c r="CF28" s="327">
        <v>454182</v>
      </c>
      <c r="CG28" s="327">
        <v>448890</v>
      </c>
      <c r="CH28" s="327">
        <v>445954</v>
      </c>
      <c r="CI28" s="327">
        <v>161134</v>
      </c>
      <c r="CJ28" s="327">
        <v>194597</v>
      </c>
      <c r="CK28" s="328">
        <v>1704757</v>
      </c>
      <c r="CL28" s="330">
        <v>1743620</v>
      </c>
      <c r="CM28" s="326">
        <v>0</v>
      </c>
      <c r="CN28" s="327">
        <v>0</v>
      </c>
      <c r="CO28" s="328">
        <v>0</v>
      </c>
      <c r="CP28" s="332">
        <v>0</v>
      </c>
      <c r="CQ28" s="327">
        <v>402406</v>
      </c>
      <c r="CR28" s="327">
        <v>448890</v>
      </c>
      <c r="CS28" s="327">
        <v>289396</v>
      </c>
      <c r="CT28" s="327">
        <v>81428</v>
      </c>
      <c r="CU28" s="327">
        <v>99981</v>
      </c>
      <c r="CV28" s="328">
        <v>1322101</v>
      </c>
      <c r="CW28" s="330">
        <v>1322101</v>
      </c>
      <c r="CX28" s="326">
        <v>19089</v>
      </c>
      <c r="CY28" s="327">
        <v>19774</v>
      </c>
      <c r="CZ28" s="328">
        <v>38863</v>
      </c>
      <c r="DA28" s="326">
        <v>0</v>
      </c>
      <c r="DB28" s="327">
        <v>51776</v>
      </c>
      <c r="DC28" s="327">
        <v>0</v>
      </c>
      <c r="DD28" s="327">
        <v>156558</v>
      </c>
      <c r="DE28" s="327">
        <v>79706</v>
      </c>
      <c r="DF28" s="327">
        <v>94616</v>
      </c>
      <c r="DG28" s="328">
        <v>382656</v>
      </c>
      <c r="DH28" s="330">
        <v>421519</v>
      </c>
      <c r="DI28" s="326">
        <v>0</v>
      </c>
      <c r="DJ28" s="327">
        <v>0</v>
      </c>
      <c r="DK28" s="331">
        <v>0</v>
      </c>
      <c r="DL28" s="332">
        <v>0</v>
      </c>
      <c r="DM28" s="327">
        <v>123361</v>
      </c>
      <c r="DN28" s="327">
        <v>452199</v>
      </c>
      <c r="DO28" s="327">
        <v>165399</v>
      </c>
      <c r="DP28" s="327">
        <v>0</v>
      </c>
      <c r="DQ28" s="327">
        <v>20050</v>
      </c>
      <c r="DR28" s="328">
        <v>761009</v>
      </c>
      <c r="DS28" s="330">
        <v>761009</v>
      </c>
      <c r="DT28" s="326">
        <v>0</v>
      </c>
      <c r="DU28" s="327">
        <v>0</v>
      </c>
      <c r="DV28" s="328">
        <v>0</v>
      </c>
      <c r="DW28" s="326">
        <v>0</v>
      </c>
      <c r="DX28" s="327">
        <v>123361</v>
      </c>
      <c r="DY28" s="327">
        <v>452199</v>
      </c>
      <c r="DZ28" s="327">
        <v>165399</v>
      </c>
      <c r="EA28" s="327">
        <v>0</v>
      </c>
      <c r="EB28" s="327">
        <v>20050</v>
      </c>
      <c r="EC28" s="328">
        <v>761009</v>
      </c>
      <c r="ED28" s="330">
        <v>761009</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21490</v>
      </c>
      <c r="FM28" s="327">
        <v>320796</v>
      </c>
      <c r="FN28" s="328">
        <v>342286</v>
      </c>
      <c r="FO28" s="326">
        <v>0</v>
      </c>
      <c r="FP28" s="327">
        <v>53018</v>
      </c>
      <c r="FQ28" s="327">
        <v>210364</v>
      </c>
      <c r="FR28" s="327">
        <v>201719</v>
      </c>
      <c r="FS28" s="327">
        <v>88718</v>
      </c>
      <c r="FT28" s="327">
        <v>85176</v>
      </c>
      <c r="FU28" s="328">
        <v>638995</v>
      </c>
      <c r="FV28" s="330">
        <v>981281</v>
      </c>
      <c r="FW28" s="333">
        <v>21490</v>
      </c>
      <c r="FX28" s="327">
        <v>54796</v>
      </c>
      <c r="FY28" s="331">
        <v>76286</v>
      </c>
      <c r="FZ28" s="332">
        <v>0</v>
      </c>
      <c r="GA28" s="327">
        <v>53018</v>
      </c>
      <c r="GB28" s="327">
        <v>199164</v>
      </c>
      <c r="GC28" s="327">
        <v>149744</v>
      </c>
      <c r="GD28" s="327">
        <v>88718</v>
      </c>
      <c r="GE28" s="327">
        <v>85176</v>
      </c>
      <c r="GF28" s="328">
        <v>575820</v>
      </c>
      <c r="GG28" s="334">
        <v>652106</v>
      </c>
      <c r="GH28" s="333">
        <v>0</v>
      </c>
      <c r="GI28" s="327">
        <v>0</v>
      </c>
      <c r="GJ28" s="331">
        <v>0</v>
      </c>
      <c r="GK28" s="332">
        <v>0</v>
      </c>
      <c r="GL28" s="327">
        <v>0</v>
      </c>
      <c r="GM28" s="327">
        <v>0</v>
      </c>
      <c r="GN28" s="327">
        <v>0</v>
      </c>
      <c r="GO28" s="327">
        <v>0</v>
      </c>
      <c r="GP28" s="327">
        <v>0</v>
      </c>
      <c r="GQ28" s="328">
        <v>0</v>
      </c>
      <c r="GR28" s="330">
        <v>0</v>
      </c>
      <c r="GS28" s="326">
        <v>0</v>
      </c>
      <c r="GT28" s="327">
        <v>266000</v>
      </c>
      <c r="GU28" s="328">
        <v>266000</v>
      </c>
      <c r="GV28" s="326">
        <v>0</v>
      </c>
      <c r="GW28" s="327">
        <v>0</v>
      </c>
      <c r="GX28" s="327">
        <v>11200</v>
      </c>
      <c r="GY28" s="327">
        <v>51975</v>
      </c>
      <c r="GZ28" s="327">
        <v>0</v>
      </c>
      <c r="HA28" s="327">
        <v>0</v>
      </c>
      <c r="HB28" s="331">
        <v>63175</v>
      </c>
      <c r="HC28" s="330">
        <v>329175</v>
      </c>
      <c r="HD28" s="326">
        <v>0</v>
      </c>
      <c r="HE28" s="327">
        <v>0</v>
      </c>
      <c r="HF28" s="331">
        <v>0</v>
      </c>
      <c r="HG28" s="332">
        <v>0</v>
      </c>
      <c r="HH28" s="327">
        <v>415557</v>
      </c>
      <c r="HI28" s="327">
        <v>410698</v>
      </c>
      <c r="HJ28" s="327">
        <v>0</v>
      </c>
      <c r="HK28" s="327">
        <v>1733199</v>
      </c>
      <c r="HL28" s="327">
        <v>1204384</v>
      </c>
      <c r="HM28" s="328">
        <v>3763838</v>
      </c>
      <c r="HN28" s="329">
        <v>3763838</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265576</v>
      </c>
      <c r="IE28" s="357">
        <v>256995</v>
      </c>
      <c r="IF28" s="358">
        <v>835206</v>
      </c>
      <c r="IG28" s="356">
        <v>219629</v>
      </c>
      <c r="IH28" s="358">
        <v>367104</v>
      </c>
      <c r="II28" s="359">
        <v>1944510</v>
      </c>
      <c r="IJ28" s="358">
        <v>1944510</v>
      </c>
      <c r="IK28" s="342">
        <v>0</v>
      </c>
      <c r="IL28" s="343">
        <v>0</v>
      </c>
      <c r="IM28" s="344">
        <v>0</v>
      </c>
      <c r="IN28" s="404">
        <v>0</v>
      </c>
      <c r="IO28" s="345">
        <v>0</v>
      </c>
      <c r="IP28" s="345">
        <v>0</v>
      </c>
      <c r="IQ28" s="345">
        <v>0</v>
      </c>
      <c r="IR28" s="345">
        <v>0</v>
      </c>
      <c r="IS28" s="345">
        <v>273972</v>
      </c>
      <c r="IT28" s="346">
        <v>273972</v>
      </c>
      <c r="IU28" s="347">
        <v>273972</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56265</v>
      </c>
      <c r="JL28" s="345">
        <v>131111</v>
      </c>
      <c r="JM28" s="345">
        <v>160408</v>
      </c>
      <c r="JN28" s="345">
        <v>0</v>
      </c>
      <c r="JO28" s="345">
        <v>0</v>
      </c>
      <c r="JP28" s="349">
        <v>347784</v>
      </c>
      <c r="JQ28" s="347">
        <v>347784</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09311</v>
      </c>
      <c r="KS28" s="345">
        <v>0</v>
      </c>
      <c r="KT28" s="345">
        <v>674798</v>
      </c>
      <c r="KU28" s="345">
        <v>0</v>
      </c>
      <c r="KV28" s="345">
        <v>0</v>
      </c>
      <c r="KW28" s="349">
        <v>884109</v>
      </c>
      <c r="KX28" s="347">
        <v>884109</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125884</v>
      </c>
      <c r="MA28" s="345">
        <v>0</v>
      </c>
      <c r="MB28" s="345">
        <v>219629</v>
      </c>
      <c r="MC28" s="345">
        <v>93132</v>
      </c>
      <c r="MD28" s="349">
        <v>438645</v>
      </c>
      <c r="ME28" s="350">
        <v>438645</v>
      </c>
      <c r="MF28" s="348">
        <v>0</v>
      </c>
      <c r="MG28" s="345">
        <v>0</v>
      </c>
      <c r="MH28" s="349">
        <v>0</v>
      </c>
      <c r="MI28" s="404">
        <v>0</v>
      </c>
      <c r="MJ28" s="345">
        <v>0</v>
      </c>
      <c r="MK28" s="345">
        <v>0</v>
      </c>
      <c r="ML28" s="345">
        <v>815773</v>
      </c>
      <c r="MM28" s="345">
        <v>667748</v>
      </c>
      <c r="MN28" s="345">
        <v>1298700</v>
      </c>
      <c r="MO28" s="349">
        <v>2782221</v>
      </c>
      <c r="MP28" s="354">
        <v>2782221</v>
      </c>
      <c r="MQ28" s="348">
        <v>0</v>
      </c>
      <c r="MR28" s="345">
        <v>0</v>
      </c>
      <c r="MS28" s="349">
        <v>0</v>
      </c>
      <c r="MT28" s="404">
        <v>0</v>
      </c>
      <c r="MU28" s="345">
        <v>0</v>
      </c>
      <c r="MV28" s="345">
        <v>0</v>
      </c>
      <c r="MW28" s="345">
        <v>815773</v>
      </c>
      <c r="MX28" s="345">
        <v>667748</v>
      </c>
      <c r="MY28" s="345">
        <v>719654</v>
      </c>
      <c r="MZ28" s="349">
        <v>2203175</v>
      </c>
      <c r="NA28" s="354">
        <v>2203175</v>
      </c>
      <c r="NB28" s="348">
        <v>0</v>
      </c>
      <c r="NC28" s="345">
        <v>0</v>
      </c>
      <c r="ND28" s="349">
        <v>0</v>
      </c>
      <c r="NE28" s="404">
        <v>0</v>
      </c>
      <c r="NF28" s="345">
        <v>0</v>
      </c>
      <c r="NG28" s="345">
        <v>0</v>
      </c>
      <c r="NH28" s="345">
        <v>0</v>
      </c>
      <c r="NI28" s="345">
        <v>0</v>
      </c>
      <c r="NJ28" s="345">
        <v>244211</v>
      </c>
      <c r="NK28" s="349">
        <v>244211</v>
      </c>
      <c r="NL28" s="347">
        <v>244211</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34835</v>
      </c>
      <c r="OG28" s="349">
        <v>334835</v>
      </c>
      <c r="OH28" s="350">
        <v>334835</v>
      </c>
      <c r="OI28" s="348">
        <v>107729</v>
      </c>
      <c r="OJ28" s="345">
        <v>420471</v>
      </c>
      <c r="OK28" s="346">
        <v>528200</v>
      </c>
      <c r="OL28" s="351">
        <v>0</v>
      </c>
      <c r="OM28" s="345">
        <v>1449188</v>
      </c>
      <c r="ON28" s="345">
        <v>2525474</v>
      </c>
      <c r="OO28" s="345">
        <v>3203630</v>
      </c>
      <c r="OP28" s="345">
        <v>3221200</v>
      </c>
      <c r="OQ28" s="345">
        <v>3742429</v>
      </c>
      <c r="OR28" s="349">
        <v>14141921</v>
      </c>
      <c r="OS28" s="354">
        <v>14670121</v>
      </c>
    </row>
    <row r="29" spans="2:409" s="70" customFormat="1" ht="21" customHeight="1" x14ac:dyDescent="0.2">
      <c r="B29" s="106" t="s">
        <v>24</v>
      </c>
      <c r="C29" s="326">
        <v>300674</v>
      </c>
      <c r="D29" s="327">
        <v>466615</v>
      </c>
      <c r="E29" s="328">
        <v>767289</v>
      </c>
      <c r="F29" s="329">
        <v>0</v>
      </c>
      <c r="G29" s="327">
        <v>1694635</v>
      </c>
      <c r="H29" s="327">
        <v>2518628</v>
      </c>
      <c r="I29" s="327">
        <v>1740071</v>
      </c>
      <c r="J29" s="327">
        <v>1929890</v>
      </c>
      <c r="K29" s="327">
        <v>1678059</v>
      </c>
      <c r="L29" s="367">
        <v>9561283</v>
      </c>
      <c r="M29" s="330">
        <v>10328572</v>
      </c>
      <c r="N29" s="326">
        <v>84695</v>
      </c>
      <c r="O29" s="327">
        <v>144473</v>
      </c>
      <c r="P29" s="328">
        <v>229168</v>
      </c>
      <c r="Q29" s="326">
        <v>0</v>
      </c>
      <c r="R29" s="327">
        <v>463332</v>
      </c>
      <c r="S29" s="327">
        <v>699250</v>
      </c>
      <c r="T29" s="327">
        <v>601710</v>
      </c>
      <c r="U29" s="327">
        <v>789548</v>
      </c>
      <c r="V29" s="327">
        <v>539557</v>
      </c>
      <c r="W29" s="328">
        <v>3093397</v>
      </c>
      <c r="X29" s="330">
        <v>3322565</v>
      </c>
      <c r="Y29" s="326">
        <v>0</v>
      </c>
      <c r="Z29" s="327">
        <v>0</v>
      </c>
      <c r="AA29" s="328">
        <v>0</v>
      </c>
      <c r="AB29" s="326">
        <v>0</v>
      </c>
      <c r="AC29" s="327">
        <v>190393</v>
      </c>
      <c r="AD29" s="327">
        <v>270411</v>
      </c>
      <c r="AE29" s="327">
        <v>226019</v>
      </c>
      <c r="AF29" s="327">
        <v>215139</v>
      </c>
      <c r="AG29" s="327">
        <v>126845</v>
      </c>
      <c r="AH29" s="328">
        <v>1028807</v>
      </c>
      <c r="AI29" s="330">
        <v>1028807</v>
      </c>
      <c r="AJ29" s="326">
        <v>0</v>
      </c>
      <c r="AK29" s="327">
        <v>0</v>
      </c>
      <c r="AL29" s="328">
        <v>0</v>
      </c>
      <c r="AM29" s="326">
        <v>0</v>
      </c>
      <c r="AN29" s="327">
        <v>0</v>
      </c>
      <c r="AO29" s="327">
        <v>0</v>
      </c>
      <c r="AP29" s="327">
        <v>42037</v>
      </c>
      <c r="AQ29" s="327">
        <v>32138</v>
      </c>
      <c r="AR29" s="327">
        <v>84888</v>
      </c>
      <c r="AS29" s="328">
        <v>159063</v>
      </c>
      <c r="AT29" s="330">
        <v>159063</v>
      </c>
      <c r="AU29" s="326">
        <v>65291</v>
      </c>
      <c r="AV29" s="327">
        <v>124649</v>
      </c>
      <c r="AW29" s="328">
        <v>189940</v>
      </c>
      <c r="AX29" s="326">
        <v>0</v>
      </c>
      <c r="AY29" s="327">
        <v>139939</v>
      </c>
      <c r="AZ29" s="327">
        <v>259829</v>
      </c>
      <c r="BA29" s="327">
        <v>135155</v>
      </c>
      <c r="BB29" s="327">
        <v>376329</v>
      </c>
      <c r="BC29" s="327">
        <v>154474</v>
      </c>
      <c r="BD29" s="328">
        <v>1065726</v>
      </c>
      <c r="BE29" s="330">
        <v>1255666</v>
      </c>
      <c r="BF29" s="326">
        <v>0</v>
      </c>
      <c r="BG29" s="327">
        <v>0</v>
      </c>
      <c r="BH29" s="331">
        <v>0</v>
      </c>
      <c r="BI29" s="332">
        <v>0</v>
      </c>
      <c r="BJ29" s="327">
        <v>0</v>
      </c>
      <c r="BK29" s="327">
        <v>0</v>
      </c>
      <c r="BL29" s="327">
        <v>0</v>
      </c>
      <c r="BM29" s="327">
        <v>0</v>
      </c>
      <c r="BN29" s="327">
        <v>28877</v>
      </c>
      <c r="BO29" s="328">
        <v>28877</v>
      </c>
      <c r="BP29" s="330">
        <v>28877</v>
      </c>
      <c r="BQ29" s="326">
        <v>19404</v>
      </c>
      <c r="BR29" s="327">
        <v>19824</v>
      </c>
      <c r="BS29" s="328">
        <v>39228</v>
      </c>
      <c r="BT29" s="326">
        <v>0</v>
      </c>
      <c r="BU29" s="327">
        <v>133000</v>
      </c>
      <c r="BV29" s="327">
        <v>169010</v>
      </c>
      <c r="BW29" s="327">
        <v>198499</v>
      </c>
      <c r="BX29" s="327">
        <v>165942</v>
      </c>
      <c r="BY29" s="327">
        <v>144473</v>
      </c>
      <c r="BZ29" s="328">
        <v>810924</v>
      </c>
      <c r="CA29" s="330">
        <v>850152</v>
      </c>
      <c r="CB29" s="326">
        <v>55346</v>
      </c>
      <c r="CC29" s="327">
        <v>35994</v>
      </c>
      <c r="CD29" s="328">
        <v>91340</v>
      </c>
      <c r="CE29" s="326">
        <v>0</v>
      </c>
      <c r="CF29" s="327">
        <v>372800</v>
      </c>
      <c r="CG29" s="327">
        <v>428216</v>
      </c>
      <c r="CH29" s="327">
        <v>242018</v>
      </c>
      <c r="CI29" s="327">
        <v>151411</v>
      </c>
      <c r="CJ29" s="327">
        <v>272642</v>
      </c>
      <c r="CK29" s="328">
        <v>1467087</v>
      </c>
      <c r="CL29" s="330">
        <v>1558427</v>
      </c>
      <c r="CM29" s="326">
        <v>0</v>
      </c>
      <c r="CN29" s="327">
        <v>0</v>
      </c>
      <c r="CO29" s="328">
        <v>0</v>
      </c>
      <c r="CP29" s="332">
        <v>0</v>
      </c>
      <c r="CQ29" s="327">
        <v>222980</v>
      </c>
      <c r="CR29" s="327">
        <v>279580</v>
      </c>
      <c r="CS29" s="327">
        <v>136379</v>
      </c>
      <c r="CT29" s="327">
        <v>151411</v>
      </c>
      <c r="CU29" s="327">
        <v>0</v>
      </c>
      <c r="CV29" s="328">
        <v>790350</v>
      </c>
      <c r="CW29" s="330">
        <v>790350</v>
      </c>
      <c r="CX29" s="326">
        <v>55346</v>
      </c>
      <c r="CY29" s="327">
        <v>35994</v>
      </c>
      <c r="CZ29" s="328">
        <v>91340</v>
      </c>
      <c r="DA29" s="326">
        <v>0</v>
      </c>
      <c r="DB29" s="327">
        <v>149820</v>
      </c>
      <c r="DC29" s="327">
        <v>148636</v>
      </c>
      <c r="DD29" s="327">
        <v>105639</v>
      </c>
      <c r="DE29" s="327">
        <v>0</v>
      </c>
      <c r="DF29" s="327">
        <v>272642</v>
      </c>
      <c r="DG29" s="328">
        <v>676737</v>
      </c>
      <c r="DH29" s="330">
        <v>768077</v>
      </c>
      <c r="DI29" s="326">
        <v>0</v>
      </c>
      <c r="DJ29" s="327">
        <v>0</v>
      </c>
      <c r="DK29" s="331">
        <v>0</v>
      </c>
      <c r="DL29" s="332">
        <v>0</v>
      </c>
      <c r="DM29" s="327">
        <v>0</v>
      </c>
      <c r="DN29" s="327">
        <v>0</v>
      </c>
      <c r="DO29" s="327">
        <v>67562</v>
      </c>
      <c r="DP29" s="327">
        <v>120625</v>
      </c>
      <c r="DQ29" s="327">
        <v>76443</v>
      </c>
      <c r="DR29" s="328">
        <v>264630</v>
      </c>
      <c r="DS29" s="330">
        <v>264630</v>
      </c>
      <c r="DT29" s="326">
        <v>0</v>
      </c>
      <c r="DU29" s="327">
        <v>0</v>
      </c>
      <c r="DV29" s="328">
        <v>0</v>
      </c>
      <c r="DW29" s="326">
        <v>0</v>
      </c>
      <c r="DX29" s="327">
        <v>0</v>
      </c>
      <c r="DY29" s="327">
        <v>0</v>
      </c>
      <c r="DZ29" s="327">
        <v>67562</v>
      </c>
      <c r="EA29" s="327">
        <v>120625</v>
      </c>
      <c r="EB29" s="327">
        <v>76443</v>
      </c>
      <c r="EC29" s="328">
        <v>264630</v>
      </c>
      <c r="ED29" s="330">
        <v>264630</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64442</v>
      </c>
      <c r="FM29" s="327">
        <v>47376</v>
      </c>
      <c r="FN29" s="328">
        <v>111818</v>
      </c>
      <c r="FO29" s="326">
        <v>0</v>
      </c>
      <c r="FP29" s="327">
        <v>46760</v>
      </c>
      <c r="FQ29" s="327">
        <v>244321</v>
      </c>
      <c r="FR29" s="327">
        <v>115484</v>
      </c>
      <c r="FS29" s="327">
        <v>142870</v>
      </c>
      <c r="FT29" s="327">
        <v>154770</v>
      </c>
      <c r="FU29" s="328">
        <v>704205</v>
      </c>
      <c r="FV29" s="330">
        <v>816023</v>
      </c>
      <c r="FW29" s="333">
        <v>17626</v>
      </c>
      <c r="FX29" s="327">
        <v>35056</v>
      </c>
      <c r="FY29" s="331">
        <v>52682</v>
      </c>
      <c r="FZ29" s="332">
        <v>0</v>
      </c>
      <c r="GA29" s="327">
        <v>36750</v>
      </c>
      <c r="GB29" s="327">
        <v>201432</v>
      </c>
      <c r="GC29" s="327">
        <v>115484</v>
      </c>
      <c r="GD29" s="327">
        <v>142870</v>
      </c>
      <c r="GE29" s="327">
        <v>142065</v>
      </c>
      <c r="GF29" s="328">
        <v>638601</v>
      </c>
      <c r="GG29" s="334">
        <v>691283</v>
      </c>
      <c r="GH29" s="333">
        <v>46816</v>
      </c>
      <c r="GI29" s="327">
        <v>12320</v>
      </c>
      <c r="GJ29" s="331">
        <v>59136</v>
      </c>
      <c r="GK29" s="332">
        <v>0</v>
      </c>
      <c r="GL29" s="327">
        <v>10010</v>
      </c>
      <c r="GM29" s="327">
        <v>42889</v>
      </c>
      <c r="GN29" s="327">
        <v>0</v>
      </c>
      <c r="GO29" s="327">
        <v>0</v>
      </c>
      <c r="GP29" s="327">
        <v>12705</v>
      </c>
      <c r="GQ29" s="328">
        <v>65604</v>
      </c>
      <c r="GR29" s="330">
        <v>124740</v>
      </c>
      <c r="GS29" s="326">
        <v>0</v>
      </c>
      <c r="GT29" s="327">
        <v>0</v>
      </c>
      <c r="GU29" s="328">
        <v>0</v>
      </c>
      <c r="GV29" s="326">
        <v>0</v>
      </c>
      <c r="GW29" s="327">
        <v>0</v>
      </c>
      <c r="GX29" s="327">
        <v>0</v>
      </c>
      <c r="GY29" s="327">
        <v>0</v>
      </c>
      <c r="GZ29" s="327">
        <v>0</v>
      </c>
      <c r="HA29" s="327">
        <v>0</v>
      </c>
      <c r="HB29" s="331">
        <v>0</v>
      </c>
      <c r="HC29" s="330">
        <v>0</v>
      </c>
      <c r="HD29" s="326">
        <v>96191</v>
      </c>
      <c r="HE29" s="327">
        <v>238772</v>
      </c>
      <c r="HF29" s="331">
        <v>334963</v>
      </c>
      <c r="HG29" s="332">
        <v>0</v>
      </c>
      <c r="HH29" s="327">
        <v>811743</v>
      </c>
      <c r="HI29" s="327">
        <v>1146841</v>
      </c>
      <c r="HJ29" s="327">
        <v>713297</v>
      </c>
      <c r="HK29" s="327">
        <v>725436</v>
      </c>
      <c r="HL29" s="327">
        <v>634647</v>
      </c>
      <c r="HM29" s="328">
        <v>4031964</v>
      </c>
      <c r="HN29" s="329">
        <v>4366927</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192164</v>
      </c>
      <c r="IE29" s="339">
        <v>371920</v>
      </c>
      <c r="IF29" s="337">
        <v>497463</v>
      </c>
      <c r="IG29" s="336">
        <v>735526</v>
      </c>
      <c r="IH29" s="337">
        <v>292293</v>
      </c>
      <c r="II29" s="340">
        <v>2089366</v>
      </c>
      <c r="IJ29" s="341">
        <v>2089366</v>
      </c>
      <c r="IK29" s="342">
        <v>0</v>
      </c>
      <c r="IL29" s="343">
        <v>0</v>
      </c>
      <c r="IM29" s="344">
        <v>0</v>
      </c>
      <c r="IN29" s="404">
        <v>0</v>
      </c>
      <c r="IO29" s="345">
        <v>0</v>
      </c>
      <c r="IP29" s="345">
        <v>0</v>
      </c>
      <c r="IQ29" s="345">
        <v>0</v>
      </c>
      <c r="IR29" s="345">
        <v>389030</v>
      </c>
      <c r="IS29" s="345">
        <v>0</v>
      </c>
      <c r="IT29" s="346">
        <v>389030</v>
      </c>
      <c r="IU29" s="347">
        <v>38903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36084</v>
      </c>
      <c r="JM29" s="345">
        <v>150573</v>
      </c>
      <c r="JN29" s="345">
        <v>138786</v>
      </c>
      <c r="JO29" s="345">
        <v>0</v>
      </c>
      <c r="JP29" s="349">
        <v>325443</v>
      </c>
      <c r="JQ29" s="347">
        <v>325443</v>
      </c>
      <c r="JR29" s="348">
        <v>0</v>
      </c>
      <c r="JS29" s="345">
        <v>0</v>
      </c>
      <c r="JT29" s="346">
        <v>0</v>
      </c>
      <c r="JU29" s="351">
        <v>0</v>
      </c>
      <c r="JV29" s="345">
        <v>0</v>
      </c>
      <c r="JW29" s="345">
        <v>0</v>
      </c>
      <c r="JX29" s="345">
        <v>0</v>
      </c>
      <c r="JY29" s="345">
        <v>0</v>
      </c>
      <c r="JZ29" s="345">
        <v>71264</v>
      </c>
      <c r="KA29" s="349">
        <v>71264</v>
      </c>
      <c r="KB29" s="347">
        <v>71264</v>
      </c>
      <c r="KC29" s="352">
        <v>0</v>
      </c>
      <c r="KD29" s="353">
        <v>0</v>
      </c>
      <c r="KE29" s="349">
        <v>0</v>
      </c>
      <c r="KF29" s="351">
        <v>0</v>
      </c>
      <c r="KG29" s="345">
        <v>192164</v>
      </c>
      <c r="KH29" s="345">
        <v>130322</v>
      </c>
      <c r="KI29" s="345">
        <v>0</v>
      </c>
      <c r="KJ29" s="345">
        <v>207710</v>
      </c>
      <c r="KK29" s="345">
        <v>0</v>
      </c>
      <c r="KL29" s="349">
        <v>530196</v>
      </c>
      <c r="KM29" s="354">
        <v>530196</v>
      </c>
      <c r="KN29" s="342">
        <v>0</v>
      </c>
      <c r="KO29" s="343">
        <v>0</v>
      </c>
      <c r="KP29" s="344">
        <v>0</v>
      </c>
      <c r="KQ29" s="404">
        <v>0</v>
      </c>
      <c r="KR29" s="345">
        <v>0</v>
      </c>
      <c r="KS29" s="345">
        <v>205514</v>
      </c>
      <c r="KT29" s="345">
        <v>346890</v>
      </c>
      <c r="KU29" s="345">
        <v>0</v>
      </c>
      <c r="KV29" s="345">
        <v>221029</v>
      </c>
      <c r="KW29" s="349">
        <v>773433</v>
      </c>
      <c r="KX29" s="347">
        <v>773433</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94691</v>
      </c>
      <c r="MK29" s="345">
        <v>0</v>
      </c>
      <c r="ML29" s="345">
        <v>695971</v>
      </c>
      <c r="MM29" s="345">
        <v>721514</v>
      </c>
      <c r="MN29" s="345">
        <v>0</v>
      </c>
      <c r="MO29" s="349">
        <v>1712176</v>
      </c>
      <c r="MP29" s="354">
        <v>1712176</v>
      </c>
      <c r="MQ29" s="348">
        <v>0</v>
      </c>
      <c r="MR29" s="345">
        <v>0</v>
      </c>
      <c r="MS29" s="349">
        <v>0</v>
      </c>
      <c r="MT29" s="404">
        <v>0</v>
      </c>
      <c r="MU29" s="345">
        <v>0</v>
      </c>
      <c r="MV29" s="345">
        <v>0</v>
      </c>
      <c r="MW29" s="345">
        <v>296062</v>
      </c>
      <c r="MX29" s="345">
        <v>721514</v>
      </c>
      <c r="MY29" s="345">
        <v>0</v>
      </c>
      <c r="MZ29" s="349">
        <v>1017576</v>
      </c>
      <c r="NA29" s="354">
        <v>1017576</v>
      </c>
      <c r="NB29" s="348">
        <v>0</v>
      </c>
      <c r="NC29" s="345">
        <v>0</v>
      </c>
      <c r="ND29" s="349">
        <v>0</v>
      </c>
      <c r="NE29" s="404">
        <v>0</v>
      </c>
      <c r="NF29" s="345">
        <v>294691</v>
      </c>
      <c r="NG29" s="345">
        <v>0</v>
      </c>
      <c r="NH29" s="345">
        <v>399909</v>
      </c>
      <c r="NI29" s="345">
        <v>0</v>
      </c>
      <c r="NJ29" s="345">
        <v>0</v>
      </c>
      <c r="NK29" s="349">
        <v>694600</v>
      </c>
      <c r="NL29" s="347">
        <v>694600</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00674</v>
      </c>
      <c r="OJ29" s="345">
        <v>466615</v>
      </c>
      <c r="OK29" s="346">
        <v>767289</v>
      </c>
      <c r="OL29" s="351">
        <v>0</v>
      </c>
      <c r="OM29" s="345">
        <v>2181490</v>
      </c>
      <c r="ON29" s="345">
        <v>2890548</v>
      </c>
      <c r="OO29" s="345">
        <v>2933505</v>
      </c>
      <c r="OP29" s="345">
        <v>3386930</v>
      </c>
      <c r="OQ29" s="345">
        <v>1970352</v>
      </c>
      <c r="OR29" s="349">
        <v>13362825</v>
      </c>
      <c r="OS29" s="354">
        <v>14130114</v>
      </c>
    </row>
    <row r="30" spans="2:409" s="70" customFormat="1" ht="21" customHeight="1" x14ac:dyDescent="0.2">
      <c r="B30" s="106" t="s">
        <v>25</v>
      </c>
      <c r="C30" s="326">
        <v>93573</v>
      </c>
      <c r="D30" s="327">
        <v>168721</v>
      </c>
      <c r="E30" s="328">
        <v>262294</v>
      </c>
      <c r="F30" s="329">
        <v>0</v>
      </c>
      <c r="G30" s="327">
        <v>501543</v>
      </c>
      <c r="H30" s="327">
        <v>712520</v>
      </c>
      <c r="I30" s="327">
        <v>1330537</v>
      </c>
      <c r="J30" s="327">
        <v>187364</v>
      </c>
      <c r="K30" s="327">
        <v>186382</v>
      </c>
      <c r="L30" s="367">
        <v>2918346</v>
      </c>
      <c r="M30" s="330">
        <v>3180640</v>
      </c>
      <c r="N30" s="326">
        <v>77725</v>
      </c>
      <c r="O30" s="327">
        <v>120085</v>
      </c>
      <c r="P30" s="328">
        <v>197810</v>
      </c>
      <c r="Q30" s="326">
        <v>0</v>
      </c>
      <c r="R30" s="327">
        <v>87272</v>
      </c>
      <c r="S30" s="327">
        <v>12068</v>
      </c>
      <c r="T30" s="327">
        <v>276036</v>
      </c>
      <c r="U30" s="327">
        <v>3026</v>
      </c>
      <c r="V30" s="327">
        <v>145922</v>
      </c>
      <c r="W30" s="328">
        <v>524324</v>
      </c>
      <c r="X30" s="330">
        <v>722134</v>
      </c>
      <c r="Y30" s="326">
        <v>0</v>
      </c>
      <c r="Z30" s="327">
        <v>0</v>
      </c>
      <c r="AA30" s="328">
        <v>0</v>
      </c>
      <c r="AB30" s="326">
        <v>0</v>
      </c>
      <c r="AC30" s="327">
        <v>65888</v>
      </c>
      <c r="AD30" s="327">
        <v>0</v>
      </c>
      <c r="AE30" s="327">
        <v>66869</v>
      </c>
      <c r="AF30" s="327">
        <v>-11646</v>
      </c>
      <c r="AG30" s="327">
        <v>0</v>
      </c>
      <c r="AH30" s="328">
        <v>121111</v>
      </c>
      <c r="AI30" s="330">
        <v>121111</v>
      </c>
      <c r="AJ30" s="326">
        <v>0</v>
      </c>
      <c r="AK30" s="327">
        <v>0</v>
      </c>
      <c r="AL30" s="328">
        <v>0</v>
      </c>
      <c r="AM30" s="326">
        <v>0</v>
      </c>
      <c r="AN30" s="327">
        <v>0</v>
      </c>
      <c r="AO30" s="327">
        <v>0</v>
      </c>
      <c r="AP30" s="327">
        <v>82989</v>
      </c>
      <c r="AQ30" s="327">
        <v>0</v>
      </c>
      <c r="AR30" s="327">
        <v>72615</v>
      </c>
      <c r="AS30" s="328">
        <v>155604</v>
      </c>
      <c r="AT30" s="330">
        <v>155604</v>
      </c>
      <c r="AU30" s="326">
        <v>71572</v>
      </c>
      <c r="AV30" s="327">
        <v>114639</v>
      </c>
      <c r="AW30" s="328">
        <v>186211</v>
      </c>
      <c r="AX30" s="326">
        <v>0</v>
      </c>
      <c r="AY30" s="327">
        <v>3527</v>
      </c>
      <c r="AZ30" s="327">
        <v>0</v>
      </c>
      <c r="BA30" s="327">
        <v>85466</v>
      </c>
      <c r="BB30" s="327">
        <v>0</v>
      </c>
      <c r="BC30" s="327">
        <v>58908</v>
      </c>
      <c r="BD30" s="328">
        <v>147901</v>
      </c>
      <c r="BE30" s="330">
        <v>334112</v>
      </c>
      <c r="BF30" s="326">
        <v>0</v>
      </c>
      <c r="BG30" s="327">
        <v>0</v>
      </c>
      <c r="BH30" s="331">
        <v>0</v>
      </c>
      <c r="BI30" s="332">
        <v>0</v>
      </c>
      <c r="BJ30" s="327">
        <v>0</v>
      </c>
      <c r="BK30" s="327">
        <v>0</v>
      </c>
      <c r="BL30" s="327">
        <v>0</v>
      </c>
      <c r="BM30" s="327">
        <v>0</v>
      </c>
      <c r="BN30" s="327">
        <v>0</v>
      </c>
      <c r="BO30" s="328">
        <v>0</v>
      </c>
      <c r="BP30" s="330">
        <v>0</v>
      </c>
      <c r="BQ30" s="326">
        <v>6153</v>
      </c>
      <c r="BR30" s="327">
        <v>5446</v>
      </c>
      <c r="BS30" s="328">
        <v>11599</v>
      </c>
      <c r="BT30" s="326">
        <v>0</v>
      </c>
      <c r="BU30" s="327">
        <v>17857</v>
      </c>
      <c r="BV30" s="327">
        <v>12068</v>
      </c>
      <c r="BW30" s="327">
        <v>40712</v>
      </c>
      <c r="BX30" s="327">
        <v>14672</v>
      </c>
      <c r="BY30" s="327">
        <v>14399</v>
      </c>
      <c r="BZ30" s="328">
        <v>99708</v>
      </c>
      <c r="CA30" s="330">
        <v>111307</v>
      </c>
      <c r="CB30" s="326">
        <v>0</v>
      </c>
      <c r="CC30" s="327">
        <v>0</v>
      </c>
      <c r="CD30" s="328">
        <v>0</v>
      </c>
      <c r="CE30" s="326">
        <v>0</v>
      </c>
      <c r="CF30" s="327">
        <v>172608</v>
      </c>
      <c r="CG30" s="327">
        <v>331917</v>
      </c>
      <c r="CH30" s="327">
        <v>221910</v>
      </c>
      <c r="CI30" s="327">
        <v>0</v>
      </c>
      <c r="CJ30" s="327">
        <v>0</v>
      </c>
      <c r="CK30" s="328">
        <v>726435</v>
      </c>
      <c r="CL30" s="330">
        <v>726435</v>
      </c>
      <c r="CM30" s="326">
        <v>0</v>
      </c>
      <c r="CN30" s="327">
        <v>0</v>
      </c>
      <c r="CO30" s="328">
        <v>0</v>
      </c>
      <c r="CP30" s="332">
        <v>0</v>
      </c>
      <c r="CQ30" s="327">
        <v>51518</v>
      </c>
      <c r="CR30" s="327">
        <v>223323</v>
      </c>
      <c r="CS30" s="327">
        <v>126437</v>
      </c>
      <c r="CT30" s="327">
        <v>0</v>
      </c>
      <c r="CU30" s="327">
        <v>0</v>
      </c>
      <c r="CV30" s="328">
        <v>401278</v>
      </c>
      <c r="CW30" s="330">
        <v>401278</v>
      </c>
      <c r="CX30" s="326">
        <v>0</v>
      </c>
      <c r="CY30" s="327">
        <v>0</v>
      </c>
      <c r="CZ30" s="328">
        <v>0</v>
      </c>
      <c r="DA30" s="326">
        <v>0</v>
      </c>
      <c r="DB30" s="327">
        <v>121090</v>
      </c>
      <c r="DC30" s="327">
        <v>108594</v>
      </c>
      <c r="DD30" s="327">
        <v>95473</v>
      </c>
      <c r="DE30" s="327">
        <v>0</v>
      </c>
      <c r="DF30" s="327">
        <v>0</v>
      </c>
      <c r="DG30" s="328">
        <v>325157</v>
      </c>
      <c r="DH30" s="330">
        <v>325157</v>
      </c>
      <c r="DI30" s="326">
        <v>0</v>
      </c>
      <c r="DJ30" s="327">
        <v>0</v>
      </c>
      <c r="DK30" s="331">
        <v>0</v>
      </c>
      <c r="DL30" s="332">
        <v>0</v>
      </c>
      <c r="DM30" s="327">
        <v>84616</v>
      </c>
      <c r="DN30" s="327">
        <v>0</v>
      </c>
      <c r="DO30" s="327">
        <v>451595</v>
      </c>
      <c r="DP30" s="327">
        <v>0</v>
      </c>
      <c r="DQ30" s="327">
        <v>0</v>
      </c>
      <c r="DR30" s="328">
        <v>536211</v>
      </c>
      <c r="DS30" s="330">
        <v>536211</v>
      </c>
      <c r="DT30" s="326">
        <v>0</v>
      </c>
      <c r="DU30" s="327">
        <v>0</v>
      </c>
      <c r="DV30" s="328">
        <v>0</v>
      </c>
      <c r="DW30" s="326">
        <v>0</v>
      </c>
      <c r="DX30" s="327">
        <v>84616</v>
      </c>
      <c r="DY30" s="327">
        <v>0</v>
      </c>
      <c r="DZ30" s="327">
        <v>451595</v>
      </c>
      <c r="EA30" s="327">
        <v>0</v>
      </c>
      <c r="EB30" s="327">
        <v>0</v>
      </c>
      <c r="EC30" s="328">
        <v>536211</v>
      </c>
      <c r="ED30" s="330">
        <v>536211</v>
      </c>
      <c r="EE30" s="326">
        <v>0</v>
      </c>
      <c r="EF30" s="331">
        <v>0</v>
      </c>
      <c r="EG30" s="328">
        <v>0</v>
      </c>
      <c r="EH30" s="326">
        <v>0</v>
      </c>
      <c r="EI30" s="327">
        <v>0</v>
      </c>
      <c r="EJ30" s="327">
        <v>0</v>
      </c>
      <c r="EK30" s="327">
        <v>0</v>
      </c>
      <c r="EL30" s="327">
        <v>0</v>
      </c>
      <c r="EM30" s="327">
        <v>0</v>
      </c>
      <c r="EN30" s="331">
        <v>0</v>
      </c>
      <c r="EO30" s="330">
        <v>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15848</v>
      </c>
      <c r="FM30" s="327">
        <v>48636</v>
      </c>
      <c r="FN30" s="328">
        <v>64484</v>
      </c>
      <c r="FO30" s="326">
        <v>0</v>
      </c>
      <c r="FP30" s="327">
        <v>10360</v>
      </c>
      <c r="FQ30" s="327">
        <v>57351</v>
      </c>
      <c r="FR30" s="327">
        <v>114702</v>
      </c>
      <c r="FS30" s="327">
        <v>0</v>
      </c>
      <c r="FT30" s="327">
        <v>40460</v>
      </c>
      <c r="FU30" s="328">
        <v>222873</v>
      </c>
      <c r="FV30" s="330">
        <v>287357</v>
      </c>
      <c r="FW30" s="333">
        <v>15848</v>
      </c>
      <c r="FX30" s="327">
        <v>48636</v>
      </c>
      <c r="FY30" s="331">
        <v>64484</v>
      </c>
      <c r="FZ30" s="332">
        <v>0</v>
      </c>
      <c r="GA30" s="327">
        <v>10360</v>
      </c>
      <c r="GB30" s="327">
        <v>57351</v>
      </c>
      <c r="GC30" s="327">
        <v>114702</v>
      </c>
      <c r="GD30" s="327">
        <v>0</v>
      </c>
      <c r="GE30" s="327">
        <v>40460</v>
      </c>
      <c r="GF30" s="328">
        <v>222873</v>
      </c>
      <c r="GG30" s="334">
        <v>287357</v>
      </c>
      <c r="GH30" s="333">
        <v>0</v>
      </c>
      <c r="GI30" s="327">
        <v>0</v>
      </c>
      <c r="GJ30" s="331">
        <v>0</v>
      </c>
      <c r="GK30" s="332">
        <v>0</v>
      </c>
      <c r="GL30" s="327">
        <v>0</v>
      </c>
      <c r="GM30" s="327">
        <v>0</v>
      </c>
      <c r="GN30" s="327">
        <v>0</v>
      </c>
      <c r="GO30" s="327">
        <v>0</v>
      </c>
      <c r="GP30" s="327">
        <v>0</v>
      </c>
      <c r="GQ30" s="328">
        <v>0</v>
      </c>
      <c r="GR30" s="330">
        <v>0</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146687</v>
      </c>
      <c r="HI30" s="327">
        <v>311184</v>
      </c>
      <c r="HJ30" s="327">
        <v>266294</v>
      </c>
      <c r="HK30" s="327">
        <v>184338</v>
      </c>
      <c r="HL30" s="327">
        <v>0</v>
      </c>
      <c r="HM30" s="328">
        <v>908503</v>
      </c>
      <c r="HN30" s="329">
        <v>908503</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293701</v>
      </c>
      <c r="IE30" s="357">
        <v>82885</v>
      </c>
      <c r="IF30" s="358">
        <v>59280</v>
      </c>
      <c r="IG30" s="356">
        <v>0</v>
      </c>
      <c r="IH30" s="358">
        <v>0</v>
      </c>
      <c r="II30" s="359">
        <v>435866</v>
      </c>
      <c r="IJ30" s="358">
        <v>435866</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97455</v>
      </c>
      <c r="JL30" s="345">
        <v>82885</v>
      </c>
      <c r="JM30" s="345">
        <v>59280</v>
      </c>
      <c r="JN30" s="345">
        <v>0</v>
      </c>
      <c r="JO30" s="345">
        <v>0</v>
      </c>
      <c r="JP30" s="349">
        <v>239620</v>
      </c>
      <c r="JQ30" s="347">
        <v>239620</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196246</v>
      </c>
      <c r="KS30" s="345">
        <v>0</v>
      </c>
      <c r="KT30" s="345">
        <v>0</v>
      </c>
      <c r="KU30" s="345">
        <v>0</v>
      </c>
      <c r="KV30" s="345">
        <v>0</v>
      </c>
      <c r="KW30" s="349">
        <v>196246</v>
      </c>
      <c r="KX30" s="347">
        <v>196246</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237605</v>
      </c>
      <c r="MK30" s="345">
        <v>970370</v>
      </c>
      <c r="ML30" s="345">
        <v>689122</v>
      </c>
      <c r="MM30" s="345">
        <v>691162</v>
      </c>
      <c r="MN30" s="345">
        <v>1050833</v>
      </c>
      <c r="MO30" s="349">
        <v>3639092</v>
      </c>
      <c r="MP30" s="354">
        <v>3639092</v>
      </c>
      <c r="MQ30" s="348">
        <v>0</v>
      </c>
      <c r="MR30" s="345">
        <v>0</v>
      </c>
      <c r="MS30" s="349">
        <v>0</v>
      </c>
      <c r="MT30" s="404">
        <v>0</v>
      </c>
      <c r="MU30" s="345">
        <v>0</v>
      </c>
      <c r="MV30" s="345">
        <v>0</v>
      </c>
      <c r="MW30" s="345">
        <v>402470</v>
      </c>
      <c r="MX30" s="345">
        <v>436850</v>
      </c>
      <c r="MY30" s="345">
        <v>735141</v>
      </c>
      <c r="MZ30" s="349">
        <v>1574461</v>
      </c>
      <c r="NA30" s="354">
        <v>1574461</v>
      </c>
      <c r="NB30" s="348">
        <v>0</v>
      </c>
      <c r="NC30" s="345">
        <v>0</v>
      </c>
      <c r="ND30" s="349">
        <v>0</v>
      </c>
      <c r="NE30" s="404">
        <v>0</v>
      </c>
      <c r="NF30" s="345">
        <v>237605</v>
      </c>
      <c r="NG30" s="345">
        <v>970370</v>
      </c>
      <c r="NH30" s="345">
        <v>286652</v>
      </c>
      <c r="NI30" s="345">
        <v>254312</v>
      </c>
      <c r="NJ30" s="345">
        <v>315692</v>
      </c>
      <c r="NK30" s="349">
        <v>2064631</v>
      </c>
      <c r="NL30" s="347">
        <v>2064631</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93573</v>
      </c>
      <c r="OJ30" s="345">
        <v>168721</v>
      </c>
      <c r="OK30" s="346">
        <v>262294</v>
      </c>
      <c r="OL30" s="351">
        <v>0</v>
      </c>
      <c r="OM30" s="345">
        <v>1032849</v>
      </c>
      <c r="ON30" s="345">
        <v>1765775</v>
      </c>
      <c r="OO30" s="345">
        <v>2078939</v>
      </c>
      <c r="OP30" s="345">
        <v>878526</v>
      </c>
      <c r="OQ30" s="345">
        <v>1237215</v>
      </c>
      <c r="OR30" s="349">
        <v>6993304</v>
      </c>
      <c r="OS30" s="354">
        <v>7255598</v>
      </c>
    </row>
    <row r="31" spans="2:409" s="70" customFormat="1" ht="21" customHeight="1" x14ac:dyDescent="0.2">
      <c r="B31" s="106" t="s">
        <v>26</v>
      </c>
      <c r="C31" s="326">
        <v>92986</v>
      </c>
      <c r="D31" s="327">
        <v>177723</v>
      </c>
      <c r="E31" s="328">
        <v>270709</v>
      </c>
      <c r="F31" s="329">
        <v>0</v>
      </c>
      <c r="G31" s="327">
        <v>1518144</v>
      </c>
      <c r="H31" s="327">
        <v>1308814</v>
      </c>
      <c r="I31" s="327">
        <v>529406</v>
      </c>
      <c r="J31" s="327">
        <v>645160</v>
      </c>
      <c r="K31" s="327">
        <v>1450680</v>
      </c>
      <c r="L31" s="367">
        <v>5452204</v>
      </c>
      <c r="M31" s="330">
        <v>5722913</v>
      </c>
      <c r="N31" s="326">
        <v>40981</v>
      </c>
      <c r="O31" s="327">
        <v>21729</v>
      </c>
      <c r="P31" s="328">
        <v>62710</v>
      </c>
      <c r="Q31" s="326">
        <v>0</v>
      </c>
      <c r="R31" s="327">
        <v>344824</v>
      </c>
      <c r="S31" s="327">
        <v>425873</v>
      </c>
      <c r="T31" s="327">
        <v>257518</v>
      </c>
      <c r="U31" s="327">
        <v>78960</v>
      </c>
      <c r="V31" s="327">
        <v>655226</v>
      </c>
      <c r="W31" s="328">
        <v>1762401</v>
      </c>
      <c r="X31" s="330">
        <v>1825111</v>
      </c>
      <c r="Y31" s="326">
        <v>0</v>
      </c>
      <c r="Z31" s="327">
        <v>0</v>
      </c>
      <c r="AA31" s="328">
        <v>0</v>
      </c>
      <c r="AB31" s="326">
        <v>0</v>
      </c>
      <c r="AC31" s="327">
        <v>53054</v>
      </c>
      <c r="AD31" s="327">
        <v>227624</v>
      </c>
      <c r="AE31" s="327">
        <v>105863</v>
      </c>
      <c r="AF31" s="327">
        <v>0</v>
      </c>
      <c r="AG31" s="327">
        <v>321149</v>
      </c>
      <c r="AH31" s="328">
        <v>707690</v>
      </c>
      <c r="AI31" s="330">
        <v>707690</v>
      </c>
      <c r="AJ31" s="326">
        <v>0</v>
      </c>
      <c r="AK31" s="327">
        <v>0</v>
      </c>
      <c r="AL31" s="328">
        <v>0</v>
      </c>
      <c r="AM31" s="326">
        <v>0</v>
      </c>
      <c r="AN31" s="327">
        <v>0</v>
      </c>
      <c r="AO31" s="327">
        <v>0</v>
      </c>
      <c r="AP31" s="327">
        <v>0</v>
      </c>
      <c r="AQ31" s="327">
        <v>0</v>
      </c>
      <c r="AR31" s="327">
        <v>86344</v>
      </c>
      <c r="AS31" s="328">
        <v>86344</v>
      </c>
      <c r="AT31" s="330">
        <v>86344</v>
      </c>
      <c r="AU31" s="326">
        <v>0</v>
      </c>
      <c r="AV31" s="327">
        <v>21729</v>
      </c>
      <c r="AW31" s="328">
        <v>21729</v>
      </c>
      <c r="AX31" s="326">
        <v>0</v>
      </c>
      <c r="AY31" s="327">
        <v>119906</v>
      </c>
      <c r="AZ31" s="327">
        <v>159189</v>
      </c>
      <c r="BA31" s="327">
        <v>23001</v>
      </c>
      <c r="BB31" s="327">
        <v>0</v>
      </c>
      <c r="BC31" s="327">
        <v>175535</v>
      </c>
      <c r="BD31" s="328">
        <v>477631</v>
      </c>
      <c r="BE31" s="330">
        <v>499360</v>
      </c>
      <c r="BF31" s="326">
        <v>23775</v>
      </c>
      <c r="BG31" s="327">
        <v>0</v>
      </c>
      <c r="BH31" s="331">
        <v>23775</v>
      </c>
      <c r="BI31" s="332">
        <v>0</v>
      </c>
      <c r="BJ31" s="327">
        <v>55475</v>
      </c>
      <c r="BK31" s="327">
        <v>0</v>
      </c>
      <c r="BL31" s="327">
        <v>13868</v>
      </c>
      <c r="BM31" s="327">
        <v>0</v>
      </c>
      <c r="BN31" s="327">
        <v>0</v>
      </c>
      <c r="BO31" s="328">
        <v>69343</v>
      </c>
      <c r="BP31" s="330">
        <v>93118</v>
      </c>
      <c r="BQ31" s="326">
        <v>17206</v>
      </c>
      <c r="BR31" s="327">
        <v>0</v>
      </c>
      <c r="BS31" s="328">
        <v>17206</v>
      </c>
      <c r="BT31" s="326">
        <v>0</v>
      </c>
      <c r="BU31" s="327">
        <v>116389</v>
      </c>
      <c r="BV31" s="327">
        <v>39060</v>
      </c>
      <c r="BW31" s="327">
        <v>114786</v>
      </c>
      <c r="BX31" s="327">
        <v>78960</v>
      </c>
      <c r="BY31" s="327">
        <v>72198</v>
      </c>
      <c r="BZ31" s="328">
        <v>421393</v>
      </c>
      <c r="CA31" s="330">
        <v>438599</v>
      </c>
      <c r="CB31" s="326">
        <v>0</v>
      </c>
      <c r="CC31" s="327">
        <v>0</v>
      </c>
      <c r="CD31" s="328">
        <v>0</v>
      </c>
      <c r="CE31" s="326">
        <v>0</v>
      </c>
      <c r="CF31" s="327">
        <v>269771</v>
      </c>
      <c r="CG31" s="327">
        <v>384101</v>
      </c>
      <c r="CH31" s="327">
        <v>262517</v>
      </c>
      <c r="CI31" s="327">
        <v>0</v>
      </c>
      <c r="CJ31" s="327">
        <v>94897</v>
      </c>
      <c r="CK31" s="328">
        <v>1011286</v>
      </c>
      <c r="CL31" s="330">
        <v>1011286</v>
      </c>
      <c r="CM31" s="326">
        <v>0</v>
      </c>
      <c r="CN31" s="327">
        <v>0</v>
      </c>
      <c r="CO31" s="328">
        <v>0</v>
      </c>
      <c r="CP31" s="332">
        <v>0</v>
      </c>
      <c r="CQ31" s="327">
        <v>269771</v>
      </c>
      <c r="CR31" s="327">
        <v>108010</v>
      </c>
      <c r="CS31" s="327">
        <v>196050</v>
      </c>
      <c r="CT31" s="327">
        <v>0</v>
      </c>
      <c r="CU31" s="327">
        <v>94897</v>
      </c>
      <c r="CV31" s="328">
        <v>668728</v>
      </c>
      <c r="CW31" s="330">
        <v>668728</v>
      </c>
      <c r="CX31" s="326">
        <v>0</v>
      </c>
      <c r="CY31" s="327">
        <v>0</v>
      </c>
      <c r="CZ31" s="328">
        <v>0</v>
      </c>
      <c r="DA31" s="326">
        <v>0</v>
      </c>
      <c r="DB31" s="327">
        <v>0</v>
      </c>
      <c r="DC31" s="327">
        <v>276091</v>
      </c>
      <c r="DD31" s="327">
        <v>66467</v>
      </c>
      <c r="DE31" s="327">
        <v>0</v>
      </c>
      <c r="DF31" s="327">
        <v>0</v>
      </c>
      <c r="DG31" s="328">
        <v>342558</v>
      </c>
      <c r="DH31" s="330">
        <v>342558</v>
      </c>
      <c r="DI31" s="326">
        <v>0</v>
      </c>
      <c r="DJ31" s="327">
        <v>0</v>
      </c>
      <c r="DK31" s="331">
        <v>0</v>
      </c>
      <c r="DL31" s="332">
        <v>0</v>
      </c>
      <c r="DM31" s="327">
        <v>13239</v>
      </c>
      <c r="DN31" s="327">
        <v>46709</v>
      </c>
      <c r="DO31" s="327">
        <v>0</v>
      </c>
      <c r="DP31" s="327">
        <v>0</v>
      </c>
      <c r="DQ31" s="327">
        <v>18935</v>
      </c>
      <c r="DR31" s="328">
        <v>78883</v>
      </c>
      <c r="DS31" s="330">
        <v>78883</v>
      </c>
      <c r="DT31" s="326">
        <v>0</v>
      </c>
      <c r="DU31" s="327">
        <v>0</v>
      </c>
      <c r="DV31" s="328">
        <v>0</v>
      </c>
      <c r="DW31" s="326">
        <v>0</v>
      </c>
      <c r="DX31" s="327">
        <v>13239</v>
      </c>
      <c r="DY31" s="327">
        <v>46709</v>
      </c>
      <c r="DZ31" s="327">
        <v>0</v>
      </c>
      <c r="EA31" s="327">
        <v>0</v>
      </c>
      <c r="EB31" s="327">
        <v>0</v>
      </c>
      <c r="EC31" s="328">
        <v>59948</v>
      </c>
      <c r="ED31" s="330">
        <v>59948</v>
      </c>
      <c r="EE31" s="326">
        <v>0</v>
      </c>
      <c r="EF31" s="331">
        <v>0</v>
      </c>
      <c r="EG31" s="328">
        <v>0</v>
      </c>
      <c r="EH31" s="326">
        <v>0</v>
      </c>
      <c r="EI31" s="327">
        <v>0</v>
      </c>
      <c r="EJ31" s="327">
        <v>0</v>
      </c>
      <c r="EK31" s="327">
        <v>0</v>
      </c>
      <c r="EL31" s="327">
        <v>0</v>
      </c>
      <c r="EM31" s="327">
        <v>18935</v>
      </c>
      <c r="EN31" s="331">
        <v>18935</v>
      </c>
      <c r="EO31" s="330">
        <v>18935</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70014</v>
      </c>
      <c r="FN31" s="328">
        <v>73514</v>
      </c>
      <c r="FO31" s="326">
        <v>0</v>
      </c>
      <c r="FP31" s="327">
        <v>58359</v>
      </c>
      <c r="FQ31" s="327">
        <v>143724</v>
      </c>
      <c r="FR31" s="327">
        <v>74214</v>
      </c>
      <c r="FS31" s="327">
        <v>0</v>
      </c>
      <c r="FT31" s="327">
        <v>58611</v>
      </c>
      <c r="FU31" s="328">
        <v>334908</v>
      </c>
      <c r="FV31" s="330">
        <v>408422</v>
      </c>
      <c r="FW31" s="333">
        <v>3500</v>
      </c>
      <c r="FX31" s="327">
        <v>23198</v>
      </c>
      <c r="FY31" s="331">
        <v>26698</v>
      </c>
      <c r="FZ31" s="332">
        <v>0</v>
      </c>
      <c r="GA31" s="327">
        <v>20860</v>
      </c>
      <c r="GB31" s="327">
        <v>143724</v>
      </c>
      <c r="GC31" s="327">
        <v>74214</v>
      </c>
      <c r="GD31" s="327">
        <v>0</v>
      </c>
      <c r="GE31" s="327">
        <v>58611</v>
      </c>
      <c r="GF31" s="328">
        <v>297409</v>
      </c>
      <c r="GG31" s="334">
        <v>324107</v>
      </c>
      <c r="GH31" s="333">
        <v>0</v>
      </c>
      <c r="GI31" s="327">
        <v>46816</v>
      </c>
      <c r="GJ31" s="331">
        <v>46816</v>
      </c>
      <c r="GK31" s="332">
        <v>0</v>
      </c>
      <c r="GL31" s="327">
        <v>0</v>
      </c>
      <c r="GM31" s="327">
        <v>0</v>
      </c>
      <c r="GN31" s="327">
        <v>0</v>
      </c>
      <c r="GO31" s="327">
        <v>0</v>
      </c>
      <c r="GP31" s="327">
        <v>0</v>
      </c>
      <c r="GQ31" s="328">
        <v>0</v>
      </c>
      <c r="GR31" s="330">
        <v>46816</v>
      </c>
      <c r="GS31" s="326">
        <v>0</v>
      </c>
      <c r="GT31" s="327">
        <v>0</v>
      </c>
      <c r="GU31" s="328">
        <v>0</v>
      </c>
      <c r="GV31" s="326">
        <v>0</v>
      </c>
      <c r="GW31" s="327">
        <v>37499</v>
      </c>
      <c r="GX31" s="327">
        <v>0</v>
      </c>
      <c r="GY31" s="327">
        <v>0</v>
      </c>
      <c r="GZ31" s="327">
        <v>0</v>
      </c>
      <c r="HA31" s="327">
        <v>0</v>
      </c>
      <c r="HB31" s="331">
        <v>37499</v>
      </c>
      <c r="HC31" s="330">
        <v>37499</v>
      </c>
      <c r="HD31" s="326">
        <v>48505</v>
      </c>
      <c r="HE31" s="327">
        <v>85980</v>
      </c>
      <c r="HF31" s="331">
        <v>134485</v>
      </c>
      <c r="HG31" s="332">
        <v>0</v>
      </c>
      <c r="HH31" s="327">
        <v>831951</v>
      </c>
      <c r="HI31" s="327">
        <v>308407</v>
      </c>
      <c r="HJ31" s="327">
        <v>-64843</v>
      </c>
      <c r="HK31" s="327">
        <v>566200</v>
      </c>
      <c r="HL31" s="327">
        <v>623011</v>
      </c>
      <c r="HM31" s="328">
        <v>2264726</v>
      </c>
      <c r="HN31" s="329">
        <v>2399211</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9840</v>
      </c>
      <c r="IE31" s="339">
        <v>289103</v>
      </c>
      <c r="IF31" s="337">
        <v>727538</v>
      </c>
      <c r="IG31" s="336">
        <v>0</v>
      </c>
      <c r="IH31" s="337">
        <v>0</v>
      </c>
      <c r="II31" s="340">
        <v>1046481</v>
      </c>
      <c r="IJ31" s="341">
        <v>1046481</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9840</v>
      </c>
      <c r="JL31" s="345">
        <v>78322</v>
      </c>
      <c r="JM31" s="345">
        <v>145203</v>
      </c>
      <c r="JN31" s="345">
        <v>0</v>
      </c>
      <c r="JO31" s="345">
        <v>0</v>
      </c>
      <c r="JP31" s="349">
        <v>253365</v>
      </c>
      <c r="JQ31" s="347">
        <v>253365</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0</v>
      </c>
      <c r="KS31" s="345">
        <v>210781</v>
      </c>
      <c r="KT31" s="345">
        <v>582335</v>
      </c>
      <c r="KU31" s="345">
        <v>0</v>
      </c>
      <c r="KV31" s="345">
        <v>0</v>
      </c>
      <c r="KW31" s="349">
        <v>793116</v>
      </c>
      <c r="KX31" s="347">
        <v>793116</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435680</v>
      </c>
      <c r="MM31" s="345">
        <v>1245276</v>
      </c>
      <c r="MN31" s="345">
        <v>0</v>
      </c>
      <c r="MO31" s="349">
        <v>1680956</v>
      </c>
      <c r="MP31" s="354">
        <v>1680956</v>
      </c>
      <c r="MQ31" s="348">
        <v>0</v>
      </c>
      <c r="MR31" s="345">
        <v>0</v>
      </c>
      <c r="MS31" s="349">
        <v>0</v>
      </c>
      <c r="MT31" s="404">
        <v>0</v>
      </c>
      <c r="MU31" s="345">
        <v>0</v>
      </c>
      <c r="MV31" s="345">
        <v>0</v>
      </c>
      <c r="MW31" s="345">
        <v>210049</v>
      </c>
      <c r="MX31" s="345">
        <v>0</v>
      </c>
      <c r="MY31" s="345">
        <v>0</v>
      </c>
      <c r="MZ31" s="349">
        <v>210049</v>
      </c>
      <c r="NA31" s="354">
        <v>210049</v>
      </c>
      <c r="NB31" s="348">
        <v>0</v>
      </c>
      <c r="NC31" s="345">
        <v>0</v>
      </c>
      <c r="ND31" s="349">
        <v>0</v>
      </c>
      <c r="NE31" s="404">
        <v>0</v>
      </c>
      <c r="NF31" s="345">
        <v>0</v>
      </c>
      <c r="NG31" s="345">
        <v>0</v>
      </c>
      <c r="NH31" s="345">
        <v>225631</v>
      </c>
      <c r="NI31" s="345">
        <v>1245276</v>
      </c>
      <c r="NJ31" s="345">
        <v>0</v>
      </c>
      <c r="NK31" s="349">
        <v>1470907</v>
      </c>
      <c r="NL31" s="347">
        <v>1470907</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92986</v>
      </c>
      <c r="OJ31" s="345">
        <v>177723</v>
      </c>
      <c r="OK31" s="346">
        <v>270709</v>
      </c>
      <c r="OL31" s="351">
        <v>0</v>
      </c>
      <c r="OM31" s="345">
        <v>1547984</v>
      </c>
      <c r="ON31" s="345">
        <v>1597917</v>
      </c>
      <c r="OO31" s="345">
        <v>1692624</v>
      </c>
      <c r="OP31" s="345">
        <v>1890436</v>
      </c>
      <c r="OQ31" s="345">
        <v>1450680</v>
      </c>
      <c r="OR31" s="349">
        <v>8179641</v>
      </c>
      <c r="OS31" s="354">
        <v>8450350</v>
      </c>
    </row>
    <row r="32" spans="2:409" s="70" customFormat="1" ht="21" customHeight="1" x14ac:dyDescent="0.2">
      <c r="B32" s="106" t="s">
        <v>27</v>
      </c>
      <c r="C32" s="326">
        <v>67284</v>
      </c>
      <c r="D32" s="327">
        <v>269396</v>
      </c>
      <c r="E32" s="328">
        <v>336680</v>
      </c>
      <c r="F32" s="329">
        <v>0</v>
      </c>
      <c r="G32" s="327">
        <v>697134</v>
      </c>
      <c r="H32" s="327">
        <v>1379907</v>
      </c>
      <c r="I32" s="327">
        <v>1018204</v>
      </c>
      <c r="J32" s="327">
        <v>1009076</v>
      </c>
      <c r="K32" s="327">
        <v>1398844</v>
      </c>
      <c r="L32" s="367">
        <v>5503165</v>
      </c>
      <c r="M32" s="330">
        <v>5839845</v>
      </c>
      <c r="N32" s="326">
        <v>17534</v>
      </c>
      <c r="O32" s="327">
        <v>81033</v>
      </c>
      <c r="P32" s="328">
        <v>98567</v>
      </c>
      <c r="Q32" s="326">
        <v>0</v>
      </c>
      <c r="R32" s="327">
        <v>32870</v>
      </c>
      <c r="S32" s="327">
        <v>565569</v>
      </c>
      <c r="T32" s="327">
        <v>482498</v>
      </c>
      <c r="U32" s="327">
        <v>338560</v>
      </c>
      <c r="V32" s="327">
        <v>253153</v>
      </c>
      <c r="W32" s="328">
        <v>1672650</v>
      </c>
      <c r="X32" s="330">
        <v>1771217</v>
      </c>
      <c r="Y32" s="326">
        <v>0</v>
      </c>
      <c r="Z32" s="327">
        <v>0</v>
      </c>
      <c r="AA32" s="328">
        <v>0</v>
      </c>
      <c r="AB32" s="326">
        <v>0</v>
      </c>
      <c r="AC32" s="327">
        <v>27165</v>
      </c>
      <c r="AD32" s="327">
        <v>417041</v>
      </c>
      <c r="AE32" s="327">
        <v>309153</v>
      </c>
      <c r="AF32" s="327">
        <v>120415</v>
      </c>
      <c r="AG32" s="327">
        <v>130124</v>
      </c>
      <c r="AH32" s="328">
        <v>1003898</v>
      </c>
      <c r="AI32" s="330">
        <v>1003898</v>
      </c>
      <c r="AJ32" s="326">
        <v>0</v>
      </c>
      <c r="AK32" s="327">
        <v>0</v>
      </c>
      <c r="AL32" s="328">
        <v>0</v>
      </c>
      <c r="AM32" s="326">
        <v>0</v>
      </c>
      <c r="AN32" s="327">
        <v>0</v>
      </c>
      <c r="AO32" s="327">
        <v>0</v>
      </c>
      <c r="AP32" s="327">
        <v>0</v>
      </c>
      <c r="AQ32" s="327">
        <v>51200</v>
      </c>
      <c r="AR32" s="327">
        <v>40408</v>
      </c>
      <c r="AS32" s="328">
        <v>91608</v>
      </c>
      <c r="AT32" s="330">
        <v>91608</v>
      </c>
      <c r="AU32" s="326">
        <v>17534</v>
      </c>
      <c r="AV32" s="327">
        <v>74880</v>
      </c>
      <c r="AW32" s="328">
        <v>92414</v>
      </c>
      <c r="AX32" s="326">
        <v>0</v>
      </c>
      <c r="AY32" s="327">
        <v>0</v>
      </c>
      <c r="AZ32" s="327">
        <v>87446</v>
      </c>
      <c r="BA32" s="327">
        <v>106131</v>
      </c>
      <c r="BB32" s="327">
        <v>137979</v>
      </c>
      <c r="BC32" s="327">
        <v>0</v>
      </c>
      <c r="BD32" s="328">
        <v>331556</v>
      </c>
      <c r="BE32" s="330">
        <v>423970</v>
      </c>
      <c r="BF32" s="326">
        <v>0</v>
      </c>
      <c r="BG32" s="327">
        <v>0</v>
      </c>
      <c r="BH32" s="331">
        <v>0</v>
      </c>
      <c r="BI32" s="332">
        <v>0</v>
      </c>
      <c r="BJ32" s="327">
        <v>0</v>
      </c>
      <c r="BK32" s="327">
        <v>0</v>
      </c>
      <c r="BL32" s="327">
        <v>0</v>
      </c>
      <c r="BM32" s="327">
        <v>0</v>
      </c>
      <c r="BN32" s="327">
        <v>0</v>
      </c>
      <c r="BO32" s="328">
        <v>0</v>
      </c>
      <c r="BP32" s="330">
        <v>0</v>
      </c>
      <c r="BQ32" s="326">
        <v>0</v>
      </c>
      <c r="BR32" s="327">
        <v>6153</v>
      </c>
      <c r="BS32" s="328">
        <v>6153</v>
      </c>
      <c r="BT32" s="326">
        <v>0</v>
      </c>
      <c r="BU32" s="327">
        <v>5705</v>
      </c>
      <c r="BV32" s="327">
        <v>61082</v>
      </c>
      <c r="BW32" s="327">
        <v>67214</v>
      </c>
      <c r="BX32" s="327">
        <v>28966</v>
      </c>
      <c r="BY32" s="327">
        <v>82621</v>
      </c>
      <c r="BZ32" s="328">
        <v>245588</v>
      </c>
      <c r="CA32" s="330">
        <v>251741</v>
      </c>
      <c r="CB32" s="326">
        <v>36450</v>
      </c>
      <c r="CC32" s="327">
        <v>34332</v>
      </c>
      <c r="CD32" s="328">
        <v>70782</v>
      </c>
      <c r="CE32" s="326">
        <v>0</v>
      </c>
      <c r="CF32" s="327">
        <v>192962</v>
      </c>
      <c r="CG32" s="327">
        <v>281328</v>
      </c>
      <c r="CH32" s="327">
        <v>167127</v>
      </c>
      <c r="CI32" s="327">
        <v>85980</v>
      </c>
      <c r="CJ32" s="327">
        <v>0</v>
      </c>
      <c r="CK32" s="328">
        <v>727397</v>
      </c>
      <c r="CL32" s="330">
        <v>798179</v>
      </c>
      <c r="CM32" s="326">
        <v>0</v>
      </c>
      <c r="CN32" s="327">
        <v>0</v>
      </c>
      <c r="CO32" s="328">
        <v>0</v>
      </c>
      <c r="CP32" s="332">
        <v>0</v>
      </c>
      <c r="CQ32" s="327">
        <v>92691</v>
      </c>
      <c r="CR32" s="327">
        <v>187876</v>
      </c>
      <c r="CS32" s="327">
        <v>100350</v>
      </c>
      <c r="CT32" s="327">
        <v>85980</v>
      </c>
      <c r="CU32" s="327">
        <v>0</v>
      </c>
      <c r="CV32" s="328">
        <v>466897</v>
      </c>
      <c r="CW32" s="330">
        <v>466897</v>
      </c>
      <c r="CX32" s="326">
        <v>36450</v>
      </c>
      <c r="CY32" s="327">
        <v>34332</v>
      </c>
      <c r="CZ32" s="328">
        <v>70782</v>
      </c>
      <c r="DA32" s="326">
        <v>0</v>
      </c>
      <c r="DB32" s="327">
        <v>100271</v>
      </c>
      <c r="DC32" s="327">
        <v>93452</v>
      </c>
      <c r="DD32" s="327">
        <v>66777</v>
      </c>
      <c r="DE32" s="327">
        <v>0</v>
      </c>
      <c r="DF32" s="327">
        <v>0</v>
      </c>
      <c r="DG32" s="328">
        <v>260500</v>
      </c>
      <c r="DH32" s="330">
        <v>331282</v>
      </c>
      <c r="DI32" s="326">
        <v>0</v>
      </c>
      <c r="DJ32" s="327">
        <v>0</v>
      </c>
      <c r="DK32" s="331">
        <v>0</v>
      </c>
      <c r="DL32" s="332">
        <v>0</v>
      </c>
      <c r="DM32" s="327">
        <v>56348</v>
      </c>
      <c r="DN32" s="327">
        <v>0</v>
      </c>
      <c r="DO32" s="327">
        <v>88824</v>
      </c>
      <c r="DP32" s="327">
        <v>137039</v>
      </c>
      <c r="DQ32" s="327">
        <v>0</v>
      </c>
      <c r="DR32" s="328">
        <v>282211</v>
      </c>
      <c r="DS32" s="330">
        <v>282211</v>
      </c>
      <c r="DT32" s="326">
        <v>0</v>
      </c>
      <c r="DU32" s="327">
        <v>0</v>
      </c>
      <c r="DV32" s="328">
        <v>0</v>
      </c>
      <c r="DW32" s="326">
        <v>0</v>
      </c>
      <c r="DX32" s="327">
        <v>56348</v>
      </c>
      <c r="DY32" s="327">
        <v>0</v>
      </c>
      <c r="DZ32" s="327">
        <v>88824</v>
      </c>
      <c r="EA32" s="327">
        <v>137039</v>
      </c>
      <c r="EB32" s="327">
        <v>0</v>
      </c>
      <c r="EC32" s="328">
        <v>282211</v>
      </c>
      <c r="ED32" s="330">
        <v>282211</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3300</v>
      </c>
      <c r="FM32" s="327">
        <v>76405</v>
      </c>
      <c r="FN32" s="328">
        <v>89705</v>
      </c>
      <c r="FO32" s="326">
        <v>0</v>
      </c>
      <c r="FP32" s="327">
        <v>8050</v>
      </c>
      <c r="FQ32" s="327">
        <v>59010</v>
      </c>
      <c r="FR32" s="327">
        <v>116389</v>
      </c>
      <c r="FS32" s="327">
        <v>76797</v>
      </c>
      <c r="FT32" s="327">
        <v>10850</v>
      </c>
      <c r="FU32" s="328">
        <v>271096</v>
      </c>
      <c r="FV32" s="330">
        <v>360801</v>
      </c>
      <c r="FW32" s="333">
        <v>13300</v>
      </c>
      <c r="FX32" s="327">
        <v>76405</v>
      </c>
      <c r="FY32" s="331">
        <v>89705</v>
      </c>
      <c r="FZ32" s="332">
        <v>0</v>
      </c>
      <c r="GA32" s="327">
        <v>8050</v>
      </c>
      <c r="GB32" s="327">
        <v>59010</v>
      </c>
      <c r="GC32" s="327">
        <v>116389</v>
      </c>
      <c r="GD32" s="327">
        <v>76797</v>
      </c>
      <c r="GE32" s="327">
        <v>10850</v>
      </c>
      <c r="GF32" s="328">
        <v>271096</v>
      </c>
      <c r="GG32" s="334">
        <v>360801</v>
      </c>
      <c r="GH32" s="333">
        <v>0</v>
      </c>
      <c r="GI32" s="327">
        <v>0</v>
      </c>
      <c r="GJ32" s="331">
        <v>0</v>
      </c>
      <c r="GK32" s="332">
        <v>0</v>
      </c>
      <c r="GL32" s="327">
        <v>0</v>
      </c>
      <c r="GM32" s="327">
        <v>0</v>
      </c>
      <c r="GN32" s="327">
        <v>0</v>
      </c>
      <c r="GO32" s="327">
        <v>0</v>
      </c>
      <c r="GP32" s="327">
        <v>0</v>
      </c>
      <c r="GQ32" s="328">
        <v>0</v>
      </c>
      <c r="GR32" s="330">
        <v>0</v>
      </c>
      <c r="GS32" s="326">
        <v>0</v>
      </c>
      <c r="GT32" s="327">
        <v>0</v>
      </c>
      <c r="GU32" s="328">
        <v>0</v>
      </c>
      <c r="GV32" s="326">
        <v>0</v>
      </c>
      <c r="GW32" s="327">
        <v>0</v>
      </c>
      <c r="GX32" s="327">
        <v>0</v>
      </c>
      <c r="GY32" s="327">
        <v>0</v>
      </c>
      <c r="GZ32" s="327">
        <v>0</v>
      </c>
      <c r="HA32" s="327">
        <v>0</v>
      </c>
      <c r="HB32" s="331">
        <v>0</v>
      </c>
      <c r="HC32" s="330">
        <v>0</v>
      </c>
      <c r="HD32" s="326">
        <v>0</v>
      </c>
      <c r="HE32" s="327">
        <v>77626</v>
      </c>
      <c r="HF32" s="331">
        <v>77626</v>
      </c>
      <c r="HG32" s="332">
        <v>0</v>
      </c>
      <c r="HH32" s="327">
        <v>406904</v>
      </c>
      <c r="HI32" s="327">
        <v>474000</v>
      </c>
      <c r="HJ32" s="327">
        <v>163366</v>
      </c>
      <c r="HK32" s="327">
        <v>370700</v>
      </c>
      <c r="HL32" s="327">
        <v>1134841</v>
      </c>
      <c r="HM32" s="328">
        <v>2549811</v>
      </c>
      <c r="HN32" s="329">
        <v>2627437</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40060</v>
      </c>
      <c r="IE32" s="357">
        <v>95173</v>
      </c>
      <c r="IF32" s="358">
        <v>102450</v>
      </c>
      <c r="IG32" s="356">
        <v>0</v>
      </c>
      <c r="IH32" s="358">
        <v>0</v>
      </c>
      <c r="II32" s="359">
        <v>337683</v>
      </c>
      <c r="IJ32" s="358">
        <v>337683</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40060</v>
      </c>
      <c r="JL32" s="345">
        <v>55411</v>
      </c>
      <c r="JM32" s="345">
        <v>15549</v>
      </c>
      <c r="JN32" s="345">
        <v>0</v>
      </c>
      <c r="JO32" s="345">
        <v>0</v>
      </c>
      <c r="JP32" s="349">
        <v>211020</v>
      </c>
      <c r="JQ32" s="347">
        <v>211020</v>
      </c>
      <c r="JR32" s="348">
        <v>0</v>
      </c>
      <c r="JS32" s="345">
        <v>0</v>
      </c>
      <c r="JT32" s="346">
        <v>0</v>
      </c>
      <c r="JU32" s="351">
        <v>0</v>
      </c>
      <c r="JV32" s="345">
        <v>0</v>
      </c>
      <c r="JW32" s="345">
        <v>39762</v>
      </c>
      <c r="JX32" s="345">
        <v>86901</v>
      </c>
      <c r="JY32" s="345">
        <v>0</v>
      </c>
      <c r="JZ32" s="345">
        <v>0</v>
      </c>
      <c r="KA32" s="349">
        <v>126663</v>
      </c>
      <c r="KB32" s="347">
        <v>126663</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0</v>
      </c>
      <c r="KV32" s="345">
        <v>0</v>
      </c>
      <c r="KW32" s="349">
        <v>0</v>
      </c>
      <c r="KX32" s="347">
        <v>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186655</v>
      </c>
      <c r="MK32" s="345">
        <v>0</v>
      </c>
      <c r="ML32" s="345">
        <v>199422</v>
      </c>
      <c r="MM32" s="345">
        <v>220731</v>
      </c>
      <c r="MN32" s="345">
        <v>730097</v>
      </c>
      <c r="MO32" s="349">
        <v>1336905</v>
      </c>
      <c r="MP32" s="354">
        <v>1336905</v>
      </c>
      <c r="MQ32" s="348">
        <v>0</v>
      </c>
      <c r="MR32" s="345">
        <v>0</v>
      </c>
      <c r="MS32" s="349">
        <v>0</v>
      </c>
      <c r="MT32" s="404">
        <v>0</v>
      </c>
      <c r="MU32" s="345">
        <v>0</v>
      </c>
      <c r="MV32" s="345">
        <v>0</v>
      </c>
      <c r="MW32" s="345">
        <v>199422</v>
      </c>
      <c r="MX32" s="345">
        <v>220731</v>
      </c>
      <c r="MY32" s="345">
        <v>233592</v>
      </c>
      <c r="MZ32" s="349">
        <v>653745</v>
      </c>
      <c r="NA32" s="354">
        <v>653745</v>
      </c>
      <c r="NB32" s="348">
        <v>0</v>
      </c>
      <c r="NC32" s="345">
        <v>0</v>
      </c>
      <c r="ND32" s="349">
        <v>0</v>
      </c>
      <c r="NE32" s="404">
        <v>0</v>
      </c>
      <c r="NF32" s="345">
        <v>186655</v>
      </c>
      <c r="NG32" s="345">
        <v>0</v>
      </c>
      <c r="NH32" s="345">
        <v>0</v>
      </c>
      <c r="NI32" s="345">
        <v>0</v>
      </c>
      <c r="NJ32" s="345">
        <v>254799</v>
      </c>
      <c r="NK32" s="349">
        <v>441454</v>
      </c>
      <c r="NL32" s="347">
        <v>441454</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241706</v>
      </c>
      <c r="OG32" s="349">
        <v>241706</v>
      </c>
      <c r="OH32" s="350">
        <v>241706</v>
      </c>
      <c r="OI32" s="348">
        <v>67284</v>
      </c>
      <c r="OJ32" s="345">
        <v>269396</v>
      </c>
      <c r="OK32" s="346">
        <v>336680</v>
      </c>
      <c r="OL32" s="351">
        <v>0</v>
      </c>
      <c r="OM32" s="345">
        <v>1023849</v>
      </c>
      <c r="ON32" s="345">
        <v>1475080</v>
      </c>
      <c r="OO32" s="345">
        <v>1320076</v>
      </c>
      <c r="OP32" s="345">
        <v>1229807</v>
      </c>
      <c r="OQ32" s="345">
        <v>2128941</v>
      </c>
      <c r="OR32" s="349">
        <v>7177753</v>
      </c>
      <c r="OS32" s="354">
        <v>7514433</v>
      </c>
    </row>
    <row r="33" spans="2:409" s="70" customFormat="1" ht="21" customHeight="1" x14ac:dyDescent="0.2">
      <c r="B33" s="106" t="s">
        <v>28</v>
      </c>
      <c r="C33" s="326">
        <v>0</v>
      </c>
      <c r="D33" s="327">
        <v>7700</v>
      </c>
      <c r="E33" s="328">
        <v>7700</v>
      </c>
      <c r="F33" s="329">
        <v>0</v>
      </c>
      <c r="G33" s="327">
        <v>42960</v>
      </c>
      <c r="H33" s="327">
        <v>171021</v>
      </c>
      <c r="I33" s="327">
        <v>561775</v>
      </c>
      <c r="J33" s="327">
        <v>299399</v>
      </c>
      <c r="K33" s="327">
        <v>215741</v>
      </c>
      <c r="L33" s="367">
        <v>1290896</v>
      </c>
      <c r="M33" s="330">
        <v>1298596</v>
      </c>
      <c r="N33" s="326">
        <v>0</v>
      </c>
      <c r="O33" s="327">
        <v>0</v>
      </c>
      <c r="P33" s="328">
        <v>0</v>
      </c>
      <c r="Q33" s="326">
        <v>0</v>
      </c>
      <c r="R33" s="327">
        <v>38200</v>
      </c>
      <c r="S33" s="327">
        <v>110884</v>
      </c>
      <c r="T33" s="327">
        <v>32594</v>
      </c>
      <c r="U33" s="327">
        <v>90347</v>
      </c>
      <c r="V33" s="327">
        <v>18368</v>
      </c>
      <c r="W33" s="328">
        <v>290393</v>
      </c>
      <c r="X33" s="330">
        <v>290393</v>
      </c>
      <c r="Y33" s="326">
        <v>0</v>
      </c>
      <c r="Z33" s="327">
        <v>0</v>
      </c>
      <c r="AA33" s="328">
        <v>0</v>
      </c>
      <c r="AB33" s="326">
        <v>0</v>
      </c>
      <c r="AC33" s="327">
        <v>30948</v>
      </c>
      <c r="AD33" s="327">
        <v>46251</v>
      </c>
      <c r="AE33" s="327">
        <v>0</v>
      </c>
      <c r="AF33" s="327">
        <v>70481</v>
      </c>
      <c r="AG33" s="327">
        <v>0</v>
      </c>
      <c r="AH33" s="328">
        <v>147680</v>
      </c>
      <c r="AI33" s="330">
        <v>147680</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0</v>
      </c>
      <c r="AZ33" s="327">
        <v>43836</v>
      </c>
      <c r="BA33" s="327">
        <v>15360</v>
      </c>
      <c r="BB33" s="327">
        <v>0</v>
      </c>
      <c r="BC33" s="327">
        <v>0</v>
      </c>
      <c r="BD33" s="328">
        <v>59196</v>
      </c>
      <c r="BE33" s="330">
        <v>59196</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52</v>
      </c>
      <c r="BV33" s="327">
        <v>20797</v>
      </c>
      <c r="BW33" s="327">
        <v>17234</v>
      </c>
      <c r="BX33" s="327">
        <v>19866</v>
      </c>
      <c r="BY33" s="327">
        <v>18368</v>
      </c>
      <c r="BZ33" s="328">
        <v>83517</v>
      </c>
      <c r="CA33" s="330">
        <v>83517</v>
      </c>
      <c r="CB33" s="326">
        <v>0</v>
      </c>
      <c r="CC33" s="327">
        <v>0</v>
      </c>
      <c r="CD33" s="328">
        <v>0</v>
      </c>
      <c r="CE33" s="326">
        <v>0</v>
      </c>
      <c r="CF33" s="327">
        <v>0</v>
      </c>
      <c r="CG33" s="327">
        <v>32781</v>
      </c>
      <c r="CH33" s="327">
        <v>272625</v>
      </c>
      <c r="CI33" s="327">
        <v>0</v>
      </c>
      <c r="CJ33" s="327">
        <v>0</v>
      </c>
      <c r="CK33" s="328">
        <v>305406</v>
      </c>
      <c r="CL33" s="330">
        <v>305406</v>
      </c>
      <c r="CM33" s="326">
        <v>0</v>
      </c>
      <c r="CN33" s="327">
        <v>0</v>
      </c>
      <c r="CO33" s="328">
        <v>0</v>
      </c>
      <c r="CP33" s="332">
        <v>0</v>
      </c>
      <c r="CQ33" s="327">
        <v>0</v>
      </c>
      <c r="CR33" s="327">
        <v>32781</v>
      </c>
      <c r="CS33" s="327">
        <v>213411</v>
      </c>
      <c r="CT33" s="327">
        <v>0</v>
      </c>
      <c r="CU33" s="327">
        <v>0</v>
      </c>
      <c r="CV33" s="328">
        <v>246192</v>
      </c>
      <c r="CW33" s="330">
        <v>246192</v>
      </c>
      <c r="CX33" s="326">
        <v>0</v>
      </c>
      <c r="CY33" s="327">
        <v>0</v>
      </c>
      <c r="CZ33" s="328">
        <v>0</v>
      </c>
      <c r="DA33" s="326">
        <v>0</v>
      </c>
      <c r="DB33" s="327">
        <v>0</v>
      </c>
      <c r="DC33" s="327">
        <v>0</v>
      </c>
      <c r="DD33" s="327">
        <v>59214</v>
      </c>
      <c r="DE33" s="327">
        <v>0</v>
      </c>
      <c r="DF33" s="327">
        <v>0</v>
      </c>
      <c r="DG33" s="328">
        <v>59214</v>
      </c>
      <c r="DH33" s="330">
        <v>59214</v>
      </c>
      <c r="DI33" s="326">
        <v>0</v>
      </c>
      <c r="DJ33" s="327">
        <v>0</v>
      </c>
      <c r="DK33" s="331">
        <v>0</v>
      </c>
      <c r="DL33" s="332">
        <v>0</v>
      </c>
      <c r="DM33" s="327">
        <v>0</v>
      </c>
      <c r="DN33" s="327">
        <v>0</v>
      </c>
      <c r="DO33" s="327">
        <v>63415</v>
      </c>
      <c r="DP33" s="327">
        <v>0</v>
      </c>
      <c r="DQ33" s="327">
        <v>0</v>
      </c>
      <c r="DR33" s="328">
        <v>63415</v>
      </c>
      <c r="DS33" s="330">
        <v>63415</v>
      </c>
      <c r="DT33" s="326">
        <v>0</v>
      </c>
      <c r="DU33" s="327">
        <v>0</v>
      </c>
      <c r="DV33" s="328">
        <v>0</v>
      </c>
      <c r="DW33" s="326">
        <v>0</v>
      </c>
      <c r="DX33" s="327">
        <v>0</v>
      </c>
      <c r="DY33" s="327">
        <v>0</v>
      </c>
      <c r="DZ33" s="327">
        <v>63415</v>
      </c>
      <c r="EA33" s="327">
        <v>0</v>
      </c>
      <c r="EB33" s="327">
        <v>0</v>
      </c>
      <c r="EC33" s="328">
        <v>63415</v>
      </c>
      <c r="ED33" s="330">
        <v>63415</v>
      </c>
      <c r="EE33" s="326">
        <v>0</v>
      </c>
      <c r="EF33" s="331">
        <v>0</v>
      </c>
      <c r="EG33" s="328">
        <v>0</v>
      </c>
      <c r="EH33" s="326">
        <v>0</v>
      </c>
      <c r="EI33" s="327">
        <v>0</v>
      </c>
      <c r="EJ33" s="327">
        <v>0</v>
      </c>
      <c r="EK33" s="327">
        <v>0</v>
      </c>
      <c r="EL33" s="327">
        <v>0</v>
      </c>
      <c r="EM33" s="327">
        <v>0</v>
      </c>
      <c r="EN33" s="331">
        <v>0</v>
      </c>
      <c r="EO33" s="330">
        <v>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4760</v>
      </c>
      <c r="FQ33" s="327">
        <v>27356</v>
      </c>
      <c r="FR33" s="327">
        <v>19880</v>
      </c>
      <c r="FS33" s="327">
        <v>21350</v>
      </c>
      <c r="FT33" s="327">
        <v>0</v>
      </c>
      <c r="FU33" s="328">
        <v>73346</v>
      </c>
      <c r="FV33" s="330">
        <v>81046</v>
      </c>
      <c r="FW33" s="333">
        <v>0</v>
      </c>
      <c r="FX33" s="327">
        <v>7700</v>
      </c>
      <c r="FY33" s="331">
        <v>7700</v>
      </c>
      <c r="FZ33" s="332">
        <v>0</v>
      </c>
      <c r="GA33" s="327">
        <v>4760</v>
      </c>
      <c r="GB33" s="327">
        <v>27356</v>
      </c>
      <c r="GC33" s="327">
        <v>19880</v>
      </c>
      <c r="GD33" s="327">
        <v>21350</v>
      </c>
      <c r="GE33" s="327">
        <v>0</v>
      </c>
      <c r="GF33" s="328">
        <v>73346</v>
      </c>
      <c r="GG33" s="334">
        <v>81046</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173261</v>
      </c>
      <c r="HK33" s="327">
        <v>187702</v>
      </c>
      <c r="HL33" s="327">
        <v>197373</v>
      </c>
      <c r="HM33" s="328">
        <v>558336</v>
      </c>
      <c r="HN33" s="329">
        <v>558336</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38032</v>
      </c>
      <c r="IE33" s="339">
        <v>243181</v>
      </c>
      <c r="IF33" s="337">
        <v>222786</v>
      </c>
      <c r="IG33" s="336">
        <v>0</v>
      </c>
      <c r="IH33" s="337">
        <v>0</v>
      </c>
      <c r="II33" s="340">
        <v>603999</v>
      </c>
      <c r="IJ33" s="341">
        <v>603999</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38032</v>
      </c>
      <c r="JL33" s="345">
        <v>26534</v>
      </c>
      <c r="JM33" s="345">
        <v>0</v>
      </c>
      <c r="JN33" s="345">
        <v>0</v>
      </c>
      <c r="JO33" s="345">
        <v>0</v>
      </c>
      <c r="JP33" s="349">
        <v>164566</v>
      </c>
      <c r="JQ33" s="347">
        <v>164566</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16647</v>
      </c>
      <c r="KT33" s="345">
        <v>222786</v>
      </c>
      <c r="KU33" s="345">
        <v>0</v>
      </c>
      <c r="KV33" s="345">
        <v>0</v>
      </c>
      <c r="KW33" s="349">
        <v>439433</v>
      </c>
      <c r="KX33" s="347">
        <v>439433</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0</v>
      </c>
      <c r="MN33" s="345">
        <v>0</v>
      </c>
      <c r="MO33" s="349">
        <v>0</v>
      </c>
      <c r="MP33" s="354">
        <v>0</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7700</v>
      </c>
      <c r="OK33" s="346">
        <v>7700</v>
      </c>
      <c r="OL33" s="351">
        <v>0</v>
      </c>
      <c r="OM33" s="345">
        <v>180992</v>
      </c>
      <c r="ON33" s="345">
        <v>414202</v>
      </c>
      <c r="OO33" s="345">
        <v>784561</v>
      </c>
      <c r="OP33" s="345">
        <v>299399</v>
      </c>
      <c r="OQ33" s="345">
        <v>215741</v>
      </c>
      <c r="OR33" s="349">
        <v>1894895</v>
      </c>
      <c r="OS33" s="354">
        <v>1902595</v>
      </c>
    </row>
    <row r="34" spans="2:409" s="70" customFormat="1" ht="21" customHeight="1" x14ac:dyDescent="0.2">
      <c r="B34" s="106" t="s">
        <v>29</v>
      </c>
      <c r="C34" s="326">
        <v>62539</v>
      </c>
      <c r="D34" s="327">
        <v>70579</v>
      </c>
      <c r="E34" s="328">
        <v>133118</v>
      </c>
      <c r="F34" s="329">
        <v>0</v>
      </c>
      <c r="G34" s="327">
        <v>314375</v>
      </c>
      <c r="H34" s="327">
        <v>357483</v>
      </c>
      <c r="I34" s="327">
        <v>280175</v>
      </c>
      <c r="J34" s="327">
        <v>474594</v>
      </c>
      <c r="K34" s="327">
        <v>210455</v>
      </c>
      <c r="L34" s="367">
        <v>1637082</v>
      </c>
      <c r="M34" s="330">
        <v>1770200</v>
      </c>
      <c r="N34" s="326">
        <v>17150</v>
      </c>
      <c r="O34" s="327">
        <v>57979</v>
      </c>
      <c r="P34" s="328">
        <v>75129</v>
      </c>
      <c r="Q34" s="326">
        <v>0</v>
      </c>
      <c r="R34" s="327">
        <v>168143</v>
      </c>
      <c r="S34" s="327">
        <v>221053</v>
      </c>
      <c r="T34" s="327">
        <v>127137</v>
      </c>
      <c r="U34" s="327">
        <v>162666</v>
      </c>
      <c r="V34" s="327">
        <v>0</v>
      </c>
      <c r="W34" s="328">
        <v>678999</v>
      </c>
      <c r="X34" s="330">
        <v>754128</v>
      </c>
      <c r="Y34" s="326">
        <v>0</v>
      </c>
      <c r="Z34" s="327">
        <v>0</v>
      </c>
      <c r="AA34" s="328">
        <v>0</v>
      </c>
      <c r="AB34" s="326">
        <v>0</v>
      </c>
      <c r="AC34" s="327">
        <v>41788</v>
      </c>
      <c r="AD34" s="327">
        <v>145189</v>
      </c>
      <c r="AE34" s="327">
        <v>0</v>
      </c>
      <c r="AF34" s="327">
        <v>121139</v>
      </c>
      <c r="AG34" s="327">
        <v>0</v>
      </c>
      <c r="AH34" s="328">
        <v>308116</v>
      </c>
      <c r="AI34" s="330">
        <v>308116</v>
      </c>
      <c r="AJ34" s="326">
        <v>0</v>
      </c>
      <c r="AK34" s="327">
        <v>0</v>
      </c>
      <c r="AL34" s="328">
        <v>0</v>
      </c>
      <c r="AM34" s="326">
        <v>0</v>
      </c>
      <c r="AN34" s="327">
        <v>0</v>
      </c>
      <c r="AO34" s="327">
        <v>0</v>
      </c>
      <c r="AP34" s="327">
        <v>0</v>
      </c>
      <c r="AQ34" s="327">
        <v>0</v>
      </c>
      <c r="AR34" s="327">
        <v>0</v>
      </c>
      <c r="AS34" s="328">
        <v>0</v>
      </c>
      <c r="AT34" s="330">
        <v>0</v>
      </c>
      <c r="AU34" s="326">
        <v>17150</v>
      </c>
      <c r="AV34" s="327">
        <v>49000</v>
      </c>
      <c r="AW34" s="328">
        <v>66150</v>
      </c>
      <c r="AX34" s="326">
        <v>0</v>
      </c>
      <c r="AY34" s="327">
        <v>111277</v>
      </c>
      <c r="AZ34" s="327">
        <v>60772</v>
      </c>
      <c r="BA34" s="327">
        <v>127137</v>
      </c>
      <c r="BB34" s="327">
        <v>0</v>
      </c>
      <c r="BC34" s="327">
        <v>0</v>
      </c>
      <c r="BD34" s="328">
        <v>299186</v>
      </c>
      <c r="BE34" s="330">
        <v>365336</v>
      </c>
      <c r="BF34" s="326">
        <v>0</v>
      </c>
      <c r="BG34" s="327">
        <v>8979</v>
      </c>
      <c r="BH34" s="331">
        <v>8979</v>
      </c>
      <c r="BI34" s="332">
        <v>0</v>
      </c>
      <c r="BJ34" s="327">
        <v>0</v>
      </c>
      <c r="BK34" s="327">
        <v>0</v>
      </c>
      <c r="BL34" s="327">
        <v>0</v>
      </c>
      <c r="BM34" s="327">
        <v>14059</v>
      </c>
      <c r="BN34" s="327">
        <v>0</v>
      </c>
      <c r="BO34" s="328">
        <v>14059</v>
      </c>
      <c r="BP34" s="330">
        <v>23038</v>
      </c>
      <c r="BQ34" s="326">
        <v>0</v>
      </c>
      <c r="BR34" s="327">
        <v>0</v>
      </c>
      <c r="BS34" s="328">
        <v>0</v>
      </c>
      <c r="BT34" s="326">
        <v>0</v>
      </c>
      <c r="BU34" s="327">
        <v>15078</v>
      </c>
      <c r="BV34" s="327">
        <v>15092</v>
      </c>
      <c r="BW34" s="327">
        <v>0</v>
      </c>
      <c r="BX34" s="327">
        <v>27468</v>
      </c>
      <c r="BY34" s="327">
        <v>0</v>
      </c>
      <c r="BZ34" s="328">
        <v>57638</v>
      </c>
      <c r="CA34" s="330">
        <v>57638</v>
      </c>
      <c r="CB34" s="326">
        <v>0</v>
      </c>
      <c r="CC34" s="327">
        <v>0</v>
      </c>
      <c r="CD34" s="328">
        <v>0</v>
      </c>
      <c r="CE34" s="326">
        <v>0</v>
      </c>
      <c r="CF34" s="327">
        <v>124903</v>
      </c>
      <c r="CG34" s="327">
        <v>637</v>
      </c>
      <c r="CH34" s="327">
        <v>105760</v>
      </c>
      <c r="CI34" s="327">
        <v>75644</v>
      </c>
      <c r="CJ34" s="327">
        <v>0</v>
      </c>
      <c r="CK34" s="328">
        <v>306944</v>
      </c>
      <c r="CL34" s="330">
        <v>306944</v>
      </c>
      <c r="CM34" s="326">
        <v>0</v>
      </c>
      <c r="CN34" s="327">
        <v>0</v>
      </c>
      <c r="CO34" s="328">
        <v>0</v>
      </c>
      <c r="CP34" s="332">
        <v>0</v>
      </c>
      <c r="CQ34" s="327">
        <v>75047</v>
      </c>
      <c r="CR34" s="327">
        <v>637</v>
      </c>
      <c r="CS34" s="327">
        <v>0</v>
      </c>
      <c r="CT34" s="327">
        <v>0</v>
      </c>
      <c r="CU34" s="327">
        <v>0</v>
      </c>
      <c r="CV34" s="328">
        <v>75684</v>
      </c>
      <c r="CW34" s="330">
        <v>75684</v>
      </c>
      <c r="CX34" s="326">
        <v>0</v>
      </c>
      <c r="CY34" s="327">
        <v>0</v>
      </c>
      <c r="CZ34" s="328">
        <v>0</v>
      </c>
      <c r="DA34" s="326">
        <v>0</v>
      </c>
      <c r="DB34" s="327">
        <v>49856</v>
      </c>
      <c r="DC34" s="327">
        <v>0</v>
      </c>
      <c r="DD34" s="327">
        <v>105760</v>
      </c>
      <c r="DE34" s="327">
        <v>75644</v>
      </c>
      <c r="DF34" s="327">
        <v>0</v>
      </c>
      <c r="DG34" s="328">
        <v>231260</v>
      </c>
      <c r="DH34" s="330">
        <v>231260</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0</v>
      </c>
      <c r="FM34" s="327">
        <v>12600</v>
      </c>
      <c r="FN34" s="328">
        <v>12600</v>
      </c>
      <c r="FO34" s="326">
        <v>0</v>
      </c>
      <c r="FP34" s="327">
        <v>21329</v>
      </c>
      <c r="FQ34" s="327">
        <v>42784</v>
      </c>
      <c r="FR34" s="327">
        <v>47278</v>
      </c>
      <c r="FS34" s="327">
        <v>52766</v>
      </c>
      <c r="FT34" s="327">
        <v>15050</v>
      </c>
      <c r="FU34" s="328">
        <v>179207</v>
      </c>
      <c r="FV34" s="330">
        <v>191807</v>
      </c>
      <c r="FW34" s="333">
        <v>0</v>
      </c>
      <c r="FX34" s="327">
        <v>12600</v>
      </c>
      <c r="FY34" s="331">
        <v>12600</v>
      </c>
      <c r="FZ34" s="332">
        <v>0</v>
      </c>
      <c r="GA34" s="327">
        <v>2975</v>
      </c>
      <c r="GB34" s="327">
        <v>42784</v>
      </c>
      <c r="GC34" s="327">
        <v>47278</v>
      </c>
      <c r="GD34" s="327">
        <v>52766</v>
      </c>
      <c r="GE34" s="327">
        <v>15050</v>
      </c>
      <c r="GF34" s="328">
        <v>160853</v>
      </c>
      <c r="GG34" s="334">
        <v>173453</v>
      </c>
      <c r="GH34" s="333">
        <v>0</v>
      </c>
      <c r="GI34" s="327">
        <v>0</v>
      </c>
      <c r="GJ34" s="331">
        <v>0</v>
      </c>
      <c r="GK34" s="332">
        <v>0</v>
      </c>
      <c r="GL34" s="327">
        <v>18354</v>
      </c>
      <c r="GM34" s="327">
        <v>0</v>
      </c>
      <c r="GN34" s="327">
        <v>0</v>
      </c>
      <c r="GO34" s="327">
        <v>0</v>
      </c>
      <c r="GP34" s="327">
        <v>0</v>
      </c>
      <c r="GQ34" s="328">
        <v>18354</v>
      </c>
      <c r="GR34" s="330">
        <v>18354</v>
      </c>
      <c r="GS34" s="326">
        <v>0</v>
      </c>
      <c r="GT34" s="327">
        <v>0</v>
      </c>
      <c r="GU34" s="328">
        <v>0</v>
      </c>
      <c r="GV34" s="326">
        <v>0</v>
      </c>
      <c r="GW34" s="327">
        <v>0</v>
      </c>
      <c r="GX34" s="327">
        <v>0</v>
      </c>
      <c r="GY34" s="327">
        <v>0</v>
      </c>
      <c r="GZ34" s="327">
        <v>0</v>
      </c>
      <c r="HA34" s="327">
        <v>0</v>
      </c>
      <c r="HB34" s="331">
        <v>0</v>
      </c>
      <c r="HC34" s="330">
        <v>0</v>
      </c>
      <c r="HD34" s="326">
        <v>45389</v>
      </c>
      <c r="HE34" s="327">
        <v>0</v>
      </c>
      <c r="HF34" s="331">
        <v>45389</v>
      </c>
      <c r="HG34" s="332">
        <v>0</v>
      </c>
      <c r="HH34" s="327">
        <v>0</v>
      </c>
      <c r="HI34" s="327">
        <v>93009</v>
      </c>
      <c r="HJ34" s="327">
        <v>0</v>
      </c>
      <c r="HK34" s="327">
        <v>183518</v>
      </c>
      <c r="HL34" s="327">
        <v>195405</v>
      </c>
      <c r="HM34" s="328">
        <v>471932</v>
      </c>
      <c r="HN34" s="329">
        <v>517321</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333228</v>
      </c>
      <c r="IE34" s="357">
        <v>317863</v>
      </c>
      <c r="IF34" s="358">
        <v>102606</v>
      </c>
      <c r="IG34" s="356">
        <v>244654</v>
      </c>
      <c r="IH34" s="358">
        <v>0</v>
      </c>
      <c r="II34" s="359">
        <v>998351</v>
      </c>
      <c r="IJ34" s="358">
        <v>998351</v>
      </c>
      <c r="IK34" s="342">
        <v>0</v>
      </c>
      <c r="IL34" s="343">
        <v>0</v>
      </c>
      <c r="IM34" s="344">
        <v>0</v>
      </c>
      <c r="IN34" s="404">
        <v>0</v>
      </c>
      <c r="IO34" s="345">
        <v>53949</v>
      </c>
      <c r="IP34" s="345">
        <v>0</v>
      </c>
      <c r="IQ34" s="345">
        <v>0</v>
      </c>
      <c r="IR34" s="345">
        <v>0</v>
      </c>
      <c r="IS34" s="345">
        <v>0</v>
      </c>
      <c r="IT34" s="346">
        <v>53949</v>
      </c>
      <c r="IU34" s="347">
        <v>53949</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44135</v>
      </c>
      <c r="JL34" s="345">
        <v>0</v>
      </c>
      <c r="JM34" s="345">
        <v>102606</v>
      </c>
      <c r="JN34" s="345">
        <v>10364</v>
      </c>
      <c r="JO34" s="345">
        <v>0</v>
      </c>
      <c r="JP34" s="349">
        <v>157105</v>
      </c>
      <c r="JQ34" s="347">
        <v>157105</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235144</v>
      </c>
      <c r="KH34" s="345">
        <v>317863</v>
      </c>
      <c r="KI34" s="345">
        <v>0</v>
      </c>
      <c r="KJ34" s="345">
        <v>0</v>
      </c>
      <c r="KK34" s="345">
        <v>0</v>
      </c>
      <c r="KL34" s="349">
        <v>553007</v>
      </c>
      <c r="KM34" s="354">
        <v>553007</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34290</v>
      </c>
      <c r="LR34" s="345">
        <v>0</v>
      </c>
      <c r="LS34" s="349">
        <v>234290</v>
      </c>
      <c r="LT34" s="347">
        <v>234290</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42835</v>
      </c>
      <c r="MN34" s="345">
        <v>521362</v>
      </c>
      <c r="MO34" s="349">
        <v>764197</v>
      </c>
      <c r="MP34" s="354">
        <v>764197</v>
      </c>
      <c r="MQ34" s="348">
        <v>0</v>
      </c>
      <c r="MR34" s="345">
        <v>0</v>
      </c>
      <c r="MS34" s="349">
        <v>0</v>
      </c>
      <c r="MT34" s="404">
        <v>0</v>
      </c>
      <c r="MU34" s="345">
        <v>0</v>
      </c>
      <c r="MV34" s="345">
        <v>0</v>
      </c>
      <c r="MW34" s="345">
        <v>0</v>
      </c>
      <c r="MX34" s="345">
        <v>242835</v>
      </c>
      <c r="MY34" s="345">
        <v>0</v>
      </c>
      <c r="MZ34" s="349">
        <v>242835</v>
      </c>
      <c r="NA34" s="354">
        <v>242835</v>
      </c>
      <c r="NB34" s="348">
        <v>0</v>
      </c>
      <c r="NC34" s="345">
        <v>0</v>
      </c>
      <c r="ND34" s="349">
        <v>0</v>
      </c>
      <c r="NE34" s="404">
        <v>0</v>
      </c>
      <c r="NF34" s="345">
        <v>0</v>
      </c>
      <c r="NG34" s="345">
        <v>0</v>
      </c>
      <c r="NH34" s="345">
        <v>0</v>
      </c>
      <c r="NI34" s="345">
        <v>0</v>
      </c>
      <c r="NJ34" s="345">
        <v>521362</v>
      </c>
      <c r="NK34" s="349">
        <v>521362</v>
      </c>
      <c r="NL34" s="347">
        <v>521362</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62539</v>
      </c>
      <c r="OJ34" s="345">
        <v>70579</v>
      </c>
      <c r="OK34" s="346">
        <v>133118</v>
      </c>
      <c r="OL34" s="351">
        <v>0</v>
      </c>
      <c r="OM34" s="345">
        <v>647603</v>
      </c>
      <c r="ON34" s="345">
        <v>675346</v>
      </c>
      <c r="OO34" s="345">
        <v>382781</v>
      </c>
      <c r="OP34" s="345">
        <v>962083</v>
      </c>
      <c r="OQ34" s="345">
        <v>731817</v>
      </c>
      <c r="OR34" s="349">
        <v>3399630</v>
      </c>
      <c r="OS34" s="354">
        <v>3532748</v>
      </c>
    </row>
    <row r="35" spans="2:409" s="70" customFormat="1" ht="21" customHeight="1" x14ac:dyDescent="0.2">
      <c r="B35" s="106" t="s">
        <v>30</v>
      </c>
      <c r="C35" s="326">
        <v>7910</v>
      </c>
      <c r="D35" s="327">
        <v>0</v>
      </c>
      <c r="E35" s="368">
        <v>7910</v>
      </c>
      <c r="F35" s="370">
        <v>0</v>
      </c>
      <c r="G35" s="369">
        <v>430092</v>
      </c>
      <c r="H35" s="369">
        <v>364966</v>
      </c>
      <c r="I35" s="369">
        <v>436746</v>
      </c>
      <c r="J35" s="369">
        <v>27258</v>
      </c>
      <c r="K35" s="369">
        <v>0</v>
      </c>
      <c r="L35" s="370">
        <v>1259062</v>
      </c>
      <c r="M35" s="330">
        <v>1266972</v>
      </c>
      <c r="N35" s="326">
        <v>0</v>
      </c>
      <c r="O35" s="327">
        <v>0</v>
      </c>
      <c r="P35" s="328">
        <v>0</v>
      </c>
      <c r="Q35" s="326">
        <v>0</v>
      </c>
      <c r="R35" s="327">
        <v>89333</v>
      </c>
      <c r="S35" s="327">
        <v>147751</v>
      </c>
      <c r="T35" s="327">
        <v>199199</v>
      </c>
      <c r="U35" s="327">
        <v>0</v>
      </c>
      <c r="V35" s="327">
        <v>0</v>
      </c>
      <c r="W35" s="328">
        <v>436283</v>
      </c>
      <c r="X35" s="330">
        <v>436283</v>
      </c>
      <c r="Y35" s="326">
        <v>0</v>
      </c>
      <c r="Z35" s="327">
        <v>0</v>
      </c>
      <c r="AA35" s="328">
        <v>0</v>
      </c>
      <c r="AB35" s="326">
        <v>0</v>
      </c>
      <c r="AC35" s="327">
        <v>31982</v>
      </c>
      <c r="AD35" s="327">
        <v>69704</v>
      </c>
      <c r="AE35" s="327">
        <v>117075</v>
      </c>
      <c r="AF35" s="327">
        <v>0</v>
      </c>
      <c r="AG35" s="327">
        <v>0</v>
      </c>
      <c r="AH35" s="328">
        <v>218761</v>
      </c>
      <c r="AI35" s="330">
        <v>218761</v>
      </c>
      <c r="AJ35" s="326">
        <v>0</v>
      </c>
      <c r="AK35" s="327">
        <v>0</v>
      </c>
      <c r="AL35" s="328">
        <v>0</v>
      </c>
      <c r="AM35" s="326">
        <v>0</v>
      </c>
      <c r="AN35" s="327">
        <v>0</v>
      </c>
      <c r="AO35" s="327">
        <v>0</v>
      </c>
      <c r="AP35" s="327">
        <v>41195</v>
      </c>
      <c r="AQ35" s="327">
        <v>0</v>
      </c>
      <c r="AR35" s="327">
        <v>0</v>
      </c>
      <c r="AS35" s="328">
        <v>41195</v>
      </c>
      <c r="AT35" s="330">
        <v>41195</v>
      </c>
      <c r="AU35" s="326">
        <v>0</v>
      </c>
      <c r="AV35" s="327">
        <v>0</v>
      </c>
      <c r="AW35" s="328">
        <v>0</v>
      </c>
      <c r="AX35" s="326">
        <v>0</v>
      </c>
      <c r="AY35" s="327">
        <v>17556</v>
      </c>
      <c r="AZ35" s="327">
        <v>23818</v>
      </c>
      <c r="BA35" s="327">
        <v>32501</v>
      </c>
      <c r="BB35" s="327">
        <v>0</v>
      </c>
      <c r="BC35" s="327">
        <v>0</v>
      </c>
      <c r="BD35" s="328">
        <v>73875</v>
      </c>
      <c r="BE35" s="330">
        <v>73875</v>
      </c>
      <c r="BF35" s="326">
        <v>0</v>
      </c>
      <c r="BG35" s="327">
        <v>0</v>
      </c>
      <c r="BH35" s="331">
        <v>0</v>
      </c>
      <c r="BI35" s="332">
        <v>0</v>
      </c>
      <c r="BJ35" s="327">
        <v>0</v>
      </c>
      <c r="BK35" s="327">
        <v>36995</v>
      </c>
      <c r="BL35" s="327">
        <v>0</v>
      </c>
      <c r="BM35" s="327">
        <v>0</v>
      </c>
      <c r="BN35" s="327">
        <v>0</v>
      </c>
      <c r="BO35" s="328">
        <v>36995</v>
      </c>
      <c r="BP35" s="330">
        <v>36995</v>
      </c>
      <c r="BQ35" s="326">
        <v>0</v>
      </c>
      <c r="BR35" s="327">
        <v>0</v>
      </c>
      <c r="BS35" s="328">
        <v>0</v>
      </c>
      <c r="BT35" s="326">
        <v>0</v>
      </c>
      <c r="BU35" s="327">
        <v>39795</v>
      </c>
      <c r="BV35" s="327">
        <v>17234</v>
      </c>
      <c r="BW35" s="327">
        <v>8428</v>
      </c>
      <c r="BX35" s="327">
        <v>0</v>
      </c>
      <c r="BY35" s="327">
        <v>0</v>
      </c>
      <c r="BZ35" s="328">
        <v>65457</v>
      </c>
      <c r="CA35" s="330">
        <v>65457</v>
      </c>
      <c r="CB35" s="326">
        <v>0</v>
      </c>
      <c r="CC35" s="327">
        <v>0</v>
      </c>
      <c r="CD35" s="328">
        <v>0</v>
      </c>
      <c r="CE35" s="326">
        <v>0</v>
      </c>
      <c r="CF35" s="327">
        <v>75084</v>
      </c>
      <c r="CG35" s="327">
        <v>22195</v>
      </c>
      <c r="CH35" s="327">
        <v>28686</v>
      </c>
      <c r="CI35" s="327">
        <v>0</v>
      </c>
      <c r="CJ35" s="327">
        <v>0</v>
      </c>
      <c r="CK35" s="328">
        <v>125965</v>
      </c>
      <c r="CL35" s="330">
        <v>125965</v>
      </c>
      <c r="CM35" s="326">
        <v>0</v>
      </c>
      <c r="CN35" s="327">
        <v>0</v>
      </c>
      <c r="CO35" s="328">
        <v>0</v>
      </c>
      <c r="CP35" s="332">
        <v>0</v>
      </c>
      <c r="CQ35" s="327">
        <v>33413</v>
      </c>
      <c r="CR35" s="327">
        <v>22195</v>
      </c>
      <c r="CS35" s="327">
        <v>28686</v>
      </c>
      <c r="CT35" s="327">
        <v>0</v>
      </c>
      <c r="CU35" s="327">
        <v>0</v>
      </c>
      <c r="CV35" s="328">
        <v>84294</v>
      </c>
      <c r="CW35" s="330">
        <v>84294</v>
      </c>
      <c r="CX35" s="326">
        <v>0</v>
      </c>
      <c r="CY35" s="327">
        <v>0</v>
      </c>
      <c r="CZ35" s="328">
        <v>0</v>
      </c>
      <c r="DA35" s="326">
        <v>0</v>
      </c>
      <c r="DB35" s="327">
        <v>41671</v>
      </c>
      <c r="DC35" s="327">
        <v>0</v>
      </c>
      <c r="DD35" s="327">
        <v>0</v>
      </c>
      <c r="DE35" s="327">
        <v>0</v>
      </c>
      <c r="DF35" s="327">
        <v>0</v>
      </c>
      <c r="DG35" s="328">
        <v>41671</v>
      </c>
      <c r="DH35" s="330">
        <v>41671</v>
      </c>
      <c r="DI35" s="326">
        <v>0</v>
      </c>
      <c r="DJ35" s="327">
        <v>0</v>
      </c>
      <c r="DK35" s="331">
        <v>0</v>
      </c>
      <c r="DL35" s="332">
        <v>0</v>
      </c>
      <c r="DM35" s="327">
        <v>0</v>
      </c>
      <c r="DN35" s="327">
        <v>0</v>
      </c>
      <c r="DO35" s="327">
        <v>0</v>
      </c>
      <c r="DP35" s="327">
        <v>0</v>
      </c>
      <c r="DQ35" s="327">
        <v>0</v>
      </c>
      <c r="DR35" s="328">
        <v>0</v>
      </c>
      <c r="DS35" s="330">
        <v>0</v>
      </c>
      <c r="DT35" s="326">
        <v>0</v>
      </c>
      <c r="DU35" s="327">
        <v>0</v>
      </c>
      <c r="DV35" s="328">
        <v>0</v>
      </c>
      <c r="DW35" s="326">
        <v>0</v>
      </c>
      <c r="DX35" s="327">
        <v>0</v>
      </c>
      <c r="DY35" s="327">
        <v>0</v>
      </c>
      <c r="DZ35" s="327">
        <v>0</v>
      </c>
      <c r="EA35" s="327">
        <v>0</v>
      </c>
      <c r="EB35" s="327">
        <v>0</v>
      </c>
      <c r="EC35" s="328">
        <v>0</v>
      </c>
      <c r="ED35" s="330">
        <v>0</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7910</v>
      </c>
      <c r="FM35" s="327">
        <v>0</v>
      </c>
      <c r="FN35" s="328">
        <v>7910</v>
      </c>
      <c r="FO35" s="326">
        <v>0</v>
      </c>
      <c r="FP35" s="327">
        <v>0</v>
      </c>
      <c r="FQ35" s="327">
        <v>31976</v>
      </c>
      <c r="FR35" s="327">
        <v>33299</v>
      </c>
      <c r="FS35" s="327">
        <v>27258</v>
      </c>
      <c r="FT35" s="327">
        <v>0</v>
      </c>
      <c r="FU35" s="328">
        <v>92533</v>
      </c>
      <c r="FV35" s="330">
        <v>100443</v>
      </c>
      <c r="FW35" s="333">
        <v>7910</v>
      </c>
      <c r="FX35" s="327">
        <v>0</v>
      </c>
      <c r="FY35" s="331">
        <v>7910</v>
      </c>
      <c r="FZ35" s="332">
        <v>0</v>
      </c>
      <c r="GA35" s="327">
        <v>0</v>
      </c>
      <c r="GB35" s="327">
        <v>31976</v>
      </c>
      <c r="GC35" s="327">
        <v>33299</v>
      </c>
      <c r="GD35" s="327">
        <v>27258</v>
      </c>
      <c r="GE35" s="327">
        <v>0</v>
      </c>
      <c r="GF35" s="328">
        <v>92533</v>
      </c>
      <c r="GG35" s="334">
        <v>100443</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265675</v>
      </c>
      <c r="HI35" s="327">
        <v>163044</v>
      </c>
      <c r="HJ35" s="327">
        <v>175562</v>
      </c>
      <c r="HK35" s="327">
        <v>0</v>
      </c>
      <c r="HL35" s="327">
        <v>0</v>
      </c>
      <c r="HM35" s="328">
        <v>604281</v>
      </c>
      <c r="HN35" s="329">
        <v>604281</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202272</v>
      </c>
      <c r="IE35" s="339">
        <v>39762</v>
      </c>
      <c r="IF35" s="337">
        <v>0</v>
      </c>
      <c r="IG35" s="336">
        <v>141673</v>
      </c>
      <c r="IH35" s="337">
        <v>0</v>
      </c>
      <c r="II35" s="340">
        <v>383707</v>
      </c>
      <c r="IJ35" s="341">
        <v>383707</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0</v>
      </c>
      <c r="JN35" s="345">
        <v>141673</v>
      </c>
      <c r="JO35" s="345">
        <v>0</v>
      </c>
      <c r="JP35" s="349">
        <v>141673</v>
      </c>
      <c r="JQ35" s="347">
        <v>141673</v>
      </c>
      <c r="JR35" s="348">
        <v>0</v>
      </c>
      <c r="JS35" s="345">
        <v>0</v>
      </c>
      <c r="JT35" s="346">
        <v>0</v>
      </c>
      <c r="JU35" s="351">
        <v>0</v>
      </c>
      <c r="JV35" s="345">
        <v>0</v>
      </c>
      <c r="JW35" s="345">
        <v>39762</v>
      </c>
      <c r="JX35" s="345">
        <v>0</v>
      </c>
      <c r="JY35" s="345">
        <v>0</v>
      </c>
      <c r="JZ35" s="345">
        <v>0</v>
      </c>
      <c r="KA35" s="349">
        <v>39762</v>
      </c>
      <c r="KB35" s="347">
        <v>39762</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202272</v>
      </c>
      <c r="KS35" s="345">
        <v>0</v>
      </c>
      <c r="KT35" s="345">
        <v>0</v>
      </c>
      <c r="KU35" s="345">
        <v>0</v>
      </c>
      <c r="KV35" s="345">
        <v>0</v>
      </c>
      <c r="KW35" s="349">
        <v>202272</v>
      </c>
      <c r="KX35" s="347">
        <v>202272</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0</v>
      </c>
      <c r="ML35" s="345">
        <v>0</v>
      </c>
      <c r="MM35" s="345">
        <v>231497</v>
      </c>
      <c r="MN35" s="345">
        <v>254157</v>
      </c>
      <c r="MO35" s="349">
        <v>485654</v>
      </c>
      <c r="MP35" s="354">
        <v>485654</v>
      </c>
      <c r="MQ35" s="348">
        <v>0</v>
      </c>
      <c r="MR35" s="345">
        <v>0</v>
      </c>
      <c r="MS35" s="349">
        <v>0</v>
      </c>
      <c r="MT35" s="404">
        <v>0</v>
      </c>
      <c r="MU35" s="345">
        <v>0</v>
      </c>
      <c r="MV35" s="345">
        <v>0</v>
      </c>
      <c r="MW35" s="345">
        <v>0</v>
      </c>
      <c r="MX35" s="345">
        <v>231497</v>
      </c>
      <c r="MY35" s="345">
        <v>254157</v>
      </c>
      <c r="MZ35" s="349">
        <v>485654</v>
      </c>
      <c r="NA35" s="354">
        <v>485654</v>
      </c>
      <c r="NB35" s="348">
        <v>0</v>
      </c>
      <c r="NC35" s="345">
        <v>0</v>
      </c>
      <c r="ND35" s="349">
        <v>0</v>
      </c>
      <c r="NE35" s="404">
        <v>0</v>
      </c>
      <c r="NF35" s="345">
        <v>0</v>
      </c>
      <c r="NG35" s="345">
        <v>0</v>
      </c>
      <c r="NH35" s="345">
        <v>0</v>
      </c>
      <c r="NI35" s="345">
        <v>0</v>
      </c>
      <c r="NJ35" s="345">
        <v>0</v>
      </c>
      <c r="NK35" s="349">
        <v>0</v>
      </c>
      <c r="NL35" s="347">
        <v>0</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7910</v>
      </c>
      <c r="OJ35" s="345">
        <v>0</v>
      </c>
      <c r="OK35" s="346">
        <v>7910</v>
      </c>
      <c r="OL35" s="351">
        <v>0</v>
      </c>
      <c r="OM35" s="345">
        <v>632364</v>
      </c>
      <c r="ON35" s="345">
        <v>404728</v>
      </c>
      <c r="OO35" s="345">
        <v>436746</v>
      </c>
      <c r="OP35" s="345">
        <v>400428</v>
      </c>
      <c r="OQ35" s="345">
        <v>254157</v>
      </c>
      <c r="OR35" s="349">
        <v>2128423</v>
      </c>
      <c r="OS35" s="354">
        <v>2136333</v>
      </c>
    </row>
    <row r="36" spans="2:409" s="70" customFormat="1" ht="21" customHeight="1" x14ac:dyDescent="0.2">
      <c r="B36" s="106" t="s">
        <v>31</v>
      </c>
      <c r="C36" s="326">
        <v>4480</v>
      </c>
      <c r="D36" s="327">
        <v>2100</v>
      </c>
      <c r="E36" s="328">
        <v>6580</v>
      </c>
      <c r="F36" s="329">
        <v>0</v>
      </c>
      <c r="G36" s="327">
        <v>174124</v>
      </c>
      <c r="H36" s="327">
        <v>120911</v>
      </c>
      <c r="I36" s="327">
        <v>493884</v>
      </c>
      <c r="J36" s="327">
        <v>0</v>
      </c>
      <c r="K36" s="327">
        <v>167786</v>
      </c>
      <c r="L36" s="367">
        <v>956705</v>
      </c>
      <c r="M36" s="330">
        <v>963285</v>
      </c>
      <c r="N36" s="326">
        <v>0</v>
      </c>
      <c r="O36" s="327">
        <v>0</v>
      </c>
      <c r="P36" s="328">
        <v>0</v>
      </c>
      <c r="Q36" s="326">
        <v>0</v>
      </c>
      <c r="R36" s="327">
        <v>59153</v>
      </c>
      <c r="S36" s="327">
        <v>0</v>
      </c>
      <c r="T36" s="327">
        <v>85624</v>
      </c>
      <c r="U36" s="327">
        <v>0</v>
      </c>
      <c r="V36" s="327">
        <v>136636</v>
      </c>
      <c r="W36" s="328">
        <v>281413</v>
      </c>
      <c r="X36" s="330">
        <v>281413</v>
      </c>
      <c r="Y36" s="326">
        <v>0</v>
      </c>
      <c r="Z36" s="327">
        <v>0</v>
      </c>
      <c r="AA36" s="328">
        <v>0</v>
      </c>
      <c r="AB36" s="326">
        <v>0</v>
      </c>
      <c r="AC36" s="327">
        <v>12099</v>
      </c>
      <c r="AD36" s="327">
        <v>0</v>
      </c>
      <c r="AE36" s="327">
        <v>0</v>
      </c>
      <c r="AF36" s="327">
        <v>0</v>
      </c>
      <c r="AG36" s="327">
        <v>0</v>
      </c>
      <c r="AH36" s="328">
        <v>12099</v>
      </c>
      <c r="AI36" s="330">
        <v>12099</v>
      </c>
      <c r="AJ36" s="326">
        <v>0</v>
      </c>
      <c r="AK36" s="327">
        <v>0</v>
      </c>
      <c r="AL36" s="328">
        <v>0</v>
      </c>
      <c r="AM36" s="326">
        <v>0</v>
      </c>
      <c r="AN36" s="327">
        <v>0</v>
      </c>
      <c r="AO36" s="327">
        <v>0</v>
      </c>
      <c r="AP36" s="327">
        <v>0</v>
      </c>
      <c r="AQ36" s="327">
        <v>0</v>
      </c>
      <c r="AR36" s="327">
        <v>69289</v>
      </c>
      <c r="AS36" s="328">
        <v>69289</v>
      </c>
      <c r="AT36" s="330">
        <v>69289</v>
      </c>
      <c r="AU36" s="326">
        <v>0</v>
      </c>
      <c r="AV36" s="327">
        <v>0</v>
      </c>
      <c r="AW36" s="328">
        <v>0</v>
      </c>
      <c r="AX36" s="326">
        <v>0</v>
      </c>
      <c r="AY36" s="327">
        <v>47054</v>
      </c>
      <c r="AZ36" s="327">
        <v>0</v>
      </c>
      <c r="BA36" s="327">
        <v>81438</v>
      </c>
      <c r="BB36" s="327">
        <v>0</v>
      </c>
      <c r="BC36" s="327">
        <v>67347</v>
      </c>
      <c r="BD36" s="328">
        <v>195839</v>
      </c>
      <c r="BE36" s="330">
        <v>195839</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4186</v>
      </c>
      <c r="BX36" s="327">
        <v>0</v>
      </c>
      <c r="BY36" s="327">
        <v>0</v>
      </c>
      <c r="BZ36" s="328">
        <v>4186</v>
      </c>
      <c r="CA36" s="330">
        <v>4186</v>
      </c>
      <c r="CB36" s="326">
        <v>0</v>
      </c>
      <c r="CC36" s="327">
        <v>0</v>
      </c>
      <c r="CD36" s="328">
        <v>0</v>
      </c>
      <c r="CE36" s="326">
        <v>0</v>
      </c>
      <c r="CF36" s="327">
        <v>90191</v>
      </c>
      <c r="CG36" s="327">
        <v>114611</v>
      </c>
      <c r="CH36" s="327">
        <v>367275</v>
      </c>
      <c r="CI36" s="327">
        <v>0</v>
      </c>
      <c r="CJ36" s="327">
        <v>0</v>
      </c>
      <c r="CK36" s="328">
        <v>572077</v>
      </c>
      <c r="CL36" s="330">
        <v>572077</v>
      </c>
      <c r="CM36" s="326">
        <v>0</v>
      </c>
      <c r="CN36" s="327">
        <v>0</v>
      </c>
      <c r="CO36" s="328">
        <v>0</v>
      </c>
      <c r="CP36" s="332">
        <v>0</v>
      </c>
      <c r="CQ36" s="327">
        <v>68281</v>
      </c>
      <c r="CR36" s="327">
        <v>114611</v>
      </c>
      <c r="CS36" s="327">
        <v>227116</v>
      </c>
      <c r="CT36" s="327">
        <v>0</v>
      </c>
      <c r="CU36" s="327">
        <v>0</v>
      </c>
      <c r="CV36" s="328">
        <v>410008</v>
      </c>
      <c r="CW36" s="330">
        <v>410008</v>
      </c>
      <c r="CX36" s="326">
        <v>0</v>
      </c>
      <c r="CY36" s="327">
        <v>0</v>
      </c>
      <c r="CZ36" s="328">
        <v>0</v>
      </c>
      <c r="DA36" s="326">
        <v>0</v>
      </c>
      <c r="DB36" s="327">
        <v>21910</v>
      </c>
      <c r="DC36" s="327">
        <v>0</v>
      </c>
      <c r="DD36" s="327">
        <v>140159</v>
      </c>
      <c r="DE36" s="327">
        <v>0</v>
      </c>
      <c r="DF36" s="327">
        <v>0</v>
      </c>
      <c r="DG36" s="328">
        <v>162069</v>
      </c>
      <c r="DH36" s="330">
        <v>162069</v>
      </c>
      <c r="DI36" s="326">
        <v>0</v>
      </c>
      <c r="DJ36" s="327">
        <v>0</v>
      </c>
      <c r="DK36" s="331">
        <v>0</v>
      </c>
      <c r="DL36" s="332">
        <v>0</v>
      </c>
      <c r="DM36" s="327">
        <v>0</v>
      </c>
      <c r="DN36" s="327">
        <v>0</v>
      </c>
      <c r="DO36" s="327">
        <v>0</v>
      </c>
      <c r="DP36" s="327">
        <v>0</v>
      </c>
      <c r="DQ36" s="327">
        <v>0</v>
      </c>
      <c r="DR36" s="328">
        <v>0</v>
      </c>
      <c r="DS36" s="330">
        <v>0</v>
      </c>
      <c r="DT36" s="326">
        <v>0</v>
      </c>
      <c r="DU36" s="327">
        <v>0</v>
      </c>
      <c r="DV36" s="328">
        <v>0</v>
      </c>
      <c r="DW36" s="326">
        <v>0</v>
      </c>
      <c r="DX36" s="327">
        <v>0</v>
      </c>
      <c r="DY36" s="327">
        <v>0</v>
      </c>
      <c r="DZ36" s="327">
        <v>0</v>
      </c>
      <c r="EA36" s="327">
        <v>0</v>
      </c>
      <c r="EB36" s="327">
        <v>0</v>
      </c>
      <c r="EC36" s="328">
        <v>0</v>
      </c>
      <c r="ED36" s="330">
        <v>0</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2100</v>
      </c>
      <c r="FN36" s="328">
        <v>6580</v>
      </c>
      <c r="FO36" s="326">
        <v>0</v>
      </c>
      <c r="FP36" s="327">
        <v>24780</v>
      </c>
      <c r="FQ36" s="327">
        <v>6300</v>
      </c>
      <c r="FR36" s="327">
        <v>40985</v>
      </c>
      <c r="FS36" s="327">
        <v>0</v>
      </c>
      <c r="FT36" s="327">
        <v>31150</v>
      </c>
      <c r="FU36" s="328">
        <v>103215</v>
      </c>
      <c r="FV36" s="330">
        <v>109795</v>
      </c>
      <c r="FW36" s="333">
        <v>4480</v>
      </c>
      <c r="FX36" s="327">
        <v>2100</v>
      </c>
      <c r="FY36" s="331">
        <v>6580</v>
      </c>
      <c r="FZ36" s="332">
        <v>0</v>
      </c>
      <c r="GA36" s="327">
        <v>24780</v>
      </c>
      <c r="GB36" s="327">
        <v>6300</v>
      </c>
      <c r="GC36" s="327">
        <v>40985</v>
      </c>
      <c r="GD36" s="327">
        <v>0</v>
      </c>
      <c r="GE36" s="327">
        <v>31150</v>
      </c>
      <c r="GF36" s="328">
        <v>103215</v>
      </c>
      <c r="GG36" s="334">
        <v>109795</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39797</v>
      </c>
      <c r="IE36" s="357">
        <v>16374</v>
      </c>
      <c r="IF36" s="358">
        <v>286338</v>
      </c>
      <c r="IG36" s="356">
        <v>0</v>
      </c>
      <c r="IH36" s="358">
        <v>0</v>
      </c>
      <c r="II36" s="359">
        <v>342509</v>
      </c>
      <c r="IJ36" s="358">
        <v>342509</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39797</v>
      </c>
      <c r="JL36" s="345">
        <v>16374</v>
      </c>
      <c r="JM36" s="345">
        <v>72527</v>
      </c>
      <c r="JN36" s="345">
        <v>0</v>
      </c>
      <c r="JO36" s="345">
        <v>0</v>
      </c>
      <c r="JP36" s="349">
        <v>128698</v>
      </c>
      <c r="JQ36" s="347">
        <v>128698</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213811</v>
      </c>
      <c r="KJ36" s="345">
        <v>0</v>
      </c>
      <c r="KK36" s="345">
        <v>0</v>
      </c>
      <c r="KL36" s="349">
        <v>213811</v>
      </c>
      <c r="KM36" s="354">
        <v>213811</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721219</v>
      </c>
      <c r="MM36" s="345">
        <v>193988</v>
      </c>
      <c r="MN36" s="345">
        <v>228550</v>
      </c>
      <c r="MO36" s="349">
        <v>1143757</v>
      </c>
      <c r="MP36" s="354">
        <v>1143757</v>
      </c>
      <c r="MQ36" s="348">
        <v>0</v>
      </c>
      <c r="MR36" s="345">
        <v>0</v>
      </c>
      <c r="MS36" s="349">
        <v>0</v>
      </c>
      <c r="MT36" s="404">
        <v>0</v>
      </c>
      <c r="MU36" s="345">
        <v>0</v>
      </c>
      <c r="MV36" s="345">
        <v>0</v>
      </c>
      <c r="MW36" s="345">
        <v>207253</v>
      </c>
      <c r="MX36" s="345">
        <v>0</v>
      </c>
      <c r="MY36" s="345">
        <v>228550</v>
      </c>
      <c r="MZ36" s="349">
        <v>435803</v>
      </c>
      <c r="NA36" s="354">
        <v>435803</v>
      </c>
      <c r="NB36" s="348">
        <v>0</v>
      </c>
      <c r="NC36" s="345">
        <v>0</v>
      </c>
      <c r="ND36" s="349">
        <v>0</v>
      </c>
      <c r="NE36" s="404">
        <v>0</v>
      </c>
      <c r="NF36" s="345">
        <v>0</v>
      </c>
      <c r="NG36" s="345">
        <v>0</v>
      </c>
      <c r="NH36" s="345">
        <v>513966</v>
      </c>
      <c r="NI36" s="345">
        <v>193988</v>
      </c>
      <c r="NJ36" s="345">
        <v>0</v>
      </c>
      <c r="NK36" s="349">
        <v>707954</v>
      </c>
      <c r="NL36" s="347">
        <v>707954</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2100</v>
      </c>
      <c r="OK36" s="346">
        <v>6580</v>
      </c>
      <c r="OL36" s="351">
        <v>0</v>
      </c>
      <c r="OM36" s="345">
        <v>213921</v>
      </c>
      <c r="ON36" s="345">
        <v>137285</v>
      </c>
      <c r="OO36" s="345">
        <v>1501441</v>
      </c>
      <c r="OP36" s="345">
        <v>193988</v>
      </c>
      <c r="OQ36" s="345">
        <v>396336</v>
      </c>
      <c r="OR36" s="349">
        <v>2442971</v>
      </c>
      <c r="OS36" s="354">
        <v>2449551</v>
      </c>
    </row>
    <row r="37" spans="2:409" s="70" customFormat="1" ht="21" customHeight="1" x14ac:dyDescent="0.2">
      <c r="B37" s="106" t="s">
        <v>32</v>
      </c>
      <c r="C37" s="326">
        <v>28476</v>
      </c>
      <c r="D37" s="327">
        <v>62363</v>
      </c>
      <c r="E37" s="368">
        <v>90839</v>
      </c>
      <c r="F37" s="370">
        <v>0</v>
      </c>
      <c r="G37" s="369">
        <v>153562</v>
      </c>
      <c r="H37" s="369">
        <v>457518</v>
      </c>
      <c r="I37" s="369">
        <v>32095</v>
      </c>
      <c r="J37" s="369">
        <v>648684</v>
      </c>
      <c r="K37" s="369">
        <v>421744</v>
      </c>
      <c r="L37" s="370">
        <v>1713603</v>
      </c>
      <c r="M37" s="330">
        <v>1804442</v>
      </c>
      <c r="N37" s="326">
        <v>15456</v>
      </c>
      <c r="O37" s="327">
        <v>45213</v>
      </c>
      <c r="P37" s="328">
        <v>60669</v>
      </c>
      <c r="Q37" s="326">
        <v>0</v>
      </c>
      <c r="R37" s="327">
        <v>55867</v>
      </c>
      <c r="S37" s="327">
        <v>58099</v>
      </c>
      <c r="T37" s="327">
        <v>23177</v>
      </c>
      <c r="U37" s="327">
        <v>4369</v>
      </c>
      <c r="V37" s="327">
        <v>59927</v>
      </c>
      <c r="W37" s="328">
        <v>201439</v>
      </c>
      <c r="X37" s="330">
        <v>262108</v>
      </c>
      <c r="Y37" s="326">
        <v>0</v>
      </c>
      <c r="Z37" s="327">
        <v>0</v>
      </c>
      <c r="AA37" s="328">
        <v>0</v>
      </c>
      <c r="AB37" s="326">
        <v>0</v>
      </c>
      <c r="AC37" s="327">
        <v>30982</v>
      </c>
      <c r="AD37" s="327">
        <v>0</v>
      </c>
      <c r="AE37" s="327">
        <v>0</v>
      </c>
      <c r="AF37" s="327">
        <v>0</v>
      </c>
      <c r="AG37" s="327">
        <v>0</v>
      </c>
      <c r="AH37" s="328">
        <v>30982</v>
      </c>
      <c r="AI37" s="330">
        <v>30982</v>
      </c>
      <c r="AJ37" s="326">
        <v>0</v>
      </c>
      <c r="AK37" s="327">
        <v>0</v>
      </c>
      <c r="AL37" s="328">
        <v>0</v>
      </c>
      <c r="AM37" s="326">
        <v>0</v>
      </c>
      <c r="AN37" s="327">
        <v>0</v>
      </c>
      <c r="AO37" s="327">
        <v>0</v>
      </c>
      <c r="AP37" s="327">
        <v>0</v>
      </c>
      <c r="AQ37" s="327">
        <v>0</v>
      </c>
      <c r="AR37" s="327">
        <v>0</v>
      </c>
      <c r="AS37" s="328">
        <v>0</v>
      </c>
      <c r="AT37" s="330">
        <v>0</v>
      </c>
      <c r="AU37" s="326">
        <v>15456</v>
      </c>
      <c r="AV37" s="327">
        <v>45213</v>
      </c>
      <c r="AW37" s="328">
        <v>60669</v>
      </c>
      <c r="AX37" s="326">
        <v>0</v>
      </c>
      <c r="AY37" s="327">
        <v>24885</v>
      </c>
      <c r="AZ37" s="327">
        <v>49854</v>
      </c>
      <c r="BA37" s="327">
        <v>23177</v>
      </c>
      <c r="BB37" s="327">
        <v>0</v>
      </c>
      <c r="BC37" s="327">
        <v>52675</v>
      </c>
      <c r="BD37" s="328">
        <v>150591</v>
      </c>
      <c r="BE37" s="330">
        <v>211260</v>
      </c>
      <c r="BF37" s="326">
        <v>0</v>
      </c>
      <c r="BG37" s="327">
        <v>0</v>
      </c>
      <c r="BH37" s="331">
        <v>0</v>
      </c>
      <c r="BI37" s="332">
        <v>0</v>
      </c>
      <c r="BJ37" s="327">
        <v>0</v>
      </c>
      <c r="BK37" s="327">
        <v>-6287</v>
      </c>
      <c r="BL37" s="327">
        <v>0</v>
      </c>
      <c r="BM37" s="327">
        <v>-6152</v>
      </c>
      <c r="BN37" s="327">
        <v>0</v>
      </c>
      <c r="BO37" s="328">
        <v>-12439</v>
      </c>
      <c r="BP37" s="330">
        <v>-12439</v>
      </c>
      <c r="BQ37" s="326">
        <v>0</v>
      </c>
      <c r="BR37" s="327">
        <v>0</v>
      </c>
      <c r="BS37" s="328">
        <v>0</v>
      </c>
      <c r="BT37" s="326">
        <v>0</v>
      </c>
      <c r="BU37" s="327">
        <v>0</v>
      </c>
      <c r="BV37" s="327">
        <v>14532</v>
      </c>
      <c r="BW37" s="327">
        <v>0</v>
      </c>
      <c r="BX37" s="327">
        <v>10521</v>
      </c>
      <c r="BY37" s="327">
        <v>7252</v>
      </c>
      <c r="BZ37" s="328">
        <v>32305</v>
      </c>
      <c r="CA37" s="330">
        <v>32305</v>
      </c>
      <c r="CB37" s="326">
        <v>0</v>
      </c>
      <c r="CC37" s="327">
        <v>0</v>
      </c>
      <c r="CD37" s="328">
        <v>0</v>
      </c>
      <c r="CE37" s="326">
        <v>0</v>
      </c>
      <c r="CF37" s="327">
        <v>84759</v>
      </c>
      <c r="CG37" s="327">
        <v>308202</v>
      </c>
      <c r="CH37" s="327">
        <v>0</v>
      </c>
      <c r="CI37" s="327">
        <v>264040</v>
      </c>
      <c r="CJ37" s="327">
        <v>96586</v>
      </c>
      <c r="CK37" s="328">
        <v>753587</v>
      </c>
      <c r="CL37" s="330">
        <v>753587</v>
      </c>
      <c r="CM37" s="326">
        <v>0</v>
      </c>
      <c r="CN37" s="327">
        <v>0</v>
      </c>
      <c r="CO37" s="328">
        <v>0</v>
      </c>
      <c r="CP37" s="332">
        <v>0</v>
      </c>
      <c r="CQ37" s="327">
        <v>84759</v>
      </c>
      <c r="CR37" s="327">
        <v>235704</v>
      </c>
      <c r="CS37" s="327">
        <v>0</v>
      </c>
      <c r="CT37" s="327">
        <v>141161</v>
      </c>
      <c r="CU37" s="327">
        <v>47978</v>
      </c>
      <c r="CV37" s="328">
        <v>509602</v>
      </c>
      <c r="CW37" s="330">
        <v>509602</v>
      </c>
      <c r="CX37" s="326">
        <v>0</v>
      </c>
      <c r="CY37" s="327">
        <v>0</v>
      </c>
      <c r="CZ37" s="328">
        <v>0</v>
      </c>
      <c r="DA37" s="326">
        <v>0</v>
      </c>
      <c r="DB37" s="327">
        <v>0</v>
      </c>
      <c r="DC37" s="327">
        <v>72498</v>
      </c>
      <c r="DD37" s="327">
        <v>0</v>
      </c>
      <c r="DE37" s="327">
        <v>122879</v>
      </c>
      <c r="DF37" s="327">
        <v>48608</v>
      </c>
      <c r="DG37" s="328">
        <v>243985</v>
      </c>
      <c r="DH37" s="330">
        <v>243985</v>
      </c>
      <c r="DI37" s="326">
        <v>0</v>
      </c>
      <c r="DJ37" s="327">
        <v>0</v>
      </c>
      <c r="DK37" s="331">
        <v>0</v>
      </c>
      <c r="DL37" s="332">
        <v>0</v>
      </c>
      <c r="DM37" s="327">
        <v>0</v>
      </c>
      <c r="DN37" s="327">
        <v>17731</v>
      </c>
      <c r="DO37" s="327">
        <v>0</v>
      </c>
      <c r="DP37" s="327">
        <v>55993</v>
      </c>
      <c r="DQ37" s="327">
        <v>48999</v>
      </c>
      <c r="DR37" s="328">
        <v>122723</v>
      </c>
      <c r="DS37" s="330">
        <v>122723</v>
      </c>
      <c r="DT37" s="326">
        <v>0</v>
      </c>
      <c r="DU37" s="327">
        <v>0</v>
      </c>
      <c r="DV37" s="328">
        <v>0</v>
      </c>
      <c r="DW37" s="326">
        <v>0</v>
      </c>
      <c r="DX37" s="327">
        <v>0</v>
      </c>
      <c r="DY37" s="327">
        <v>17731</v>
      </c>
      <c r="DZ37" s="327">
        <v>0</v>
      </c>
      <c r="EA37" s="327">
        <v>55993</v>
      </c>
      <c r="EB37" s="327">
        <v>18720</v>
      </c>
      <c r="EC37" s="328">
        <v>92444</v>
      </c>
      <c r="ED37" s="330">
        <v>92444</v>
      </c>
      <c r="EE37" s="326">
        <v>0</v>
      </c>
      <c r="EF37" s="331">
        <v>0</v>
      </c>
      <c r="EG37" s="328">
        <v>0</v>
      </c>
      <c r="EH37" s="326">
        <v>0</v>
      </c>
      <c r="EI37" s="327">
        <v>0</v>
      </c>
      <c r="EJ37" s="327">
        <v>0</v>
      </c>
      <c r="EK37" s="327">
        <v>0</v>
      </c>
      <c r="EL37" s="327">
        <v>0</v>
      </c>
      <c r="EM37" s="327">
        <v>30279</v>
      </c>
      <c r="EN37" s="331">
        <v>30279</v>
      </c>
      <c r="EO37" s="330">
        <v>30279</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13020</v>
      </c>
      <c r="FM37" s="327">
        <v>17150</v>
      </c>
      <c r="FN37" s="328">
        <v>30170</v>
      </c>
      <c r="FO37" s="326">
        <v>0</v>
      </c>
      <c r="FP37" s="327">
        <v>12936</v>
      </c>
      <c r="FQ37" s="327">
        <v>73486</v>
      </c>
      <c r="FR37" s="327">
        <v>8918</v>
      </c>
      <c r="FS37" s="327">
        <v>57008</v>
      </c>
      <c r="FT37" s="327">
        <v>17290</v>
      </c>
      <c r="FU37" s="328">
        <v>169638</v>
      </c>
      <c r="FV37" s="330">
        <v>199808</v>
      </c>
      <c r="FW37" s="333">
        <v>13020</v>
      </c>
      <c r="FX37" s="327">
        <v>17150</v>
      </c>
      <c r="FY37" s="331">
        <v>30170</v>
      </c>
      <c r="FZ37" s="332">
        <v>0</v>
      </c>
      <c r="GA37" s="327">
        <v>12936</v>
      </c>
      <c r="GB37" s="327">
        <v>73486</v>
      </c>
      <c r="GC37" s="327">
        <v>8918</v>
      </c>
      <c r="GD37" s="327">
        <v>57008</v>
      </c>
      <c r="GE37" s="327">
        <v>17290</v>
      </c>
      <c r="GF37" s="328">
        <v>169638</v>
      </c>
      <c r="GG37" s="334">
        <v>199808</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0</v>
      </c>
      <c r="HI37" s="327">
        <v>0</v>
      </c>
      <c r="HJ37" s="327">
        <v>0</v>
      </c>
      <c r="HK37" s="327">
        <v>267274</v>
      </c>
      <c r="HL37" s="327">
        <v>198942</v>
      </c>
      <c r="HM37" s="328">
        <v>466216</v>
      </c>
      <c r="HN37" s="329">
        <v>466216</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97838</v>
      </c>
      <c r="IE37" s="339">
        <v>182875</v>
      </c>
      <c r="IF37" s="337">
        <v>395607</v>
      </c>
      <c r="IG37" s="336">
        <v>0</v>
      </c>
      <c r="IH37" s="337">
        <v>0</v>
      </c>
      <c r="II37" s="340">
        <v>776320</v>
      </c>
      <c r="IJ37" s="341">
        <v>776320</v>
      </c>
      <c r="IK37" s="342">
        <v>0</v>
      </c>
      <c r="IL37" s="343">
        <v>0</v>
      </c>
      <c r="IM37" s="344">
        <v>0</v>
      </c>
      <c r="IN37" s="404">
        <v>0</v>
      </c>
      <c r="IO37" s="345">
        <v>0</v>
      </c>
      <c r="IP37" s="345">
        <v>166852</v>
      </c>
      <c r="IQ37" s="345">
        <v>0</v>
      </c>
      <c r="IR37" s="345">
        <v>0</v>
      </c>
      <c r="IS37" s="345">
        <v>0</v>
      </c>
      <c r="IT37" s="346">
        <v>166852</v>
      </c>
      <c r="IU37" s="347">
        <v>166852</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09585</v>
      </c>
      <c r="JL37" s="345">
        <v>16023</v>
      </c>
      <c r="JM37" s="345">
        <v>0</v>
      </c>
      <c r="JN37" s="345">
        <v>0</v>
      </c>
      <c r="JO37" s="345">
        <v>0</v>
      </c>
      <c r="JP37" s="349">
        <v>125608</v>
      </c>
      <c r="JQ37" s="347">
        <v>125608</v>
      </c>
      <c r="JR37" s="348">
        <v>0</v>
      </c>
      <c r="JS37" s="345">
        <v>0</v>
      </c>
      <c r="JT37" s="346">
        <v>0</v>
      </c>
      <c r="JU37" s="351">
        <v>0</v>
      </c>
      <c r="JV37" s="345">
        <v>88253</v>
      </c>
      <c r="JW37" s="345">
        <v>0</v>
      </c>
      <c r="JX37" s="345">
        <v>193461</v>
      </c>
      <c r="JY37" s="345">
        <v>0</v>
      </c>
      <c r="JZ37" s="345">
        <v>0</v>
      </c>
      <c r="KA37" s="349">
        <v>281714</v>
      </c>
      <c r="KB37" s="347">
        <v>281714</v>
      </c>
      <c r="KC37" s="352">
        <v>0</v>
      </c>
      <c r="KD37" s="353">
        <v>0</v>
      </c>
      <c r="KE37" s="349">
        <v>0</v>
      </c>
      <c r="KF37" s="351">
        <v>0</v>
      </c>
      <c r="KG37" s="345">
        <v>0</v>
      </c>
      <c r="KH37" s="345">
        <v>0</v>
      </c>
      <c r="KI37" s="345">
        <v>202146</v>
      </c>
      <c r="KJ37" s="345">
        <v>0</v>
      </c>
      <c r="KK37" s="345">
        <v>0</v>
      </c>
      <c r="KL37" s="349">
        <v>202146</v>
      </c>
      <c r="KM37" s="354">
        <v>202146</v>
      </c>
      <c r="KN37" s="342">
        <v>0</v>
      </c>
      <c r="KO37" s="343">
        <v>0</v>
      </c>
      <c r="KP37" s="344">
        <v>0</v>
      </c>
      <c r="KQ37" s="404">
        <v>0</v>
      </c>
      <c r="KR37" s="345">
        <v>0</v>
      </c>
      <c r="KS37" s="345">
        <v>0</v>
      </c>
      <c r="KT37" s="345">
        <v>0</v>
      </c>
      <c r="KU37" s="345">
        <v>0</v>
      </c>
      <c r="KV37" s="345">
        <v>0</v>
      </c>
      <c r="KW37" s="349">
        <v>0</v>
      </c>
      <c r="KX37" s="347">
        <v>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1095113</v>
      </c>
      <c r="MN37" s="345">
        <v>262995</v>
      </c>
      <c r="MO37" s="349">
        <v>1358108</v>
      </c>
      <c r="MP37" s="354">
        <v>1358108</v>
      </c>
      <c r="MQ37" s="348">
        <v>0</v>
      </c>
      <c r="MR37" s="345">
        <v>0</v>
      </c>
      <c r="MS37" s="349">
        <v>0</v>
      </c>
      <c r="MT37" s="404">
        <v>0</v>
      </c>
      <c r="MU37" s="345">
        <v>0</v>
      </c>
      <c r="MV37" s="345">
        <v>0</v>
      </c>
      <c r="MW37" s="345">
        <v>0</v>
      </c>
      <c r="MX37" s="345">
        <v>809474</v>
      </c>
      <c r="MY37" s="345">
        <v>262995</v>
      </c>
      <c r="MZ37" s="349">
        <v>1072469</v>
      </c>
      <c r="NA37" s="354">
        <v>1072469</v>
      </c>
      <c r="NB37" s="348">
        <v>0</v>
      </c>
      <c r="NC37" s="345">
        <v>0</v>
      </c>
      <c r="ND37" s="349">
        <v>0</v>
      </c>
      <c r="NE37" s="404">
        <v>0</v>
      </c>
      <c r="NF37" s="345">
        <v>0</v>
      </c>
      <c r="NG37" s="345">
        <v>0</v>
      </c>
      <c r="NH37" s="345">
        <v>0</v>
      </c>
      <c r="NI37" s="345">
        <v>285639</v>
      </c>
      <c r="NJ37" s="345">
        <v>0</v>
      </c>
      <c r="NK37" s="349">
        <v>285639</v>
      </c>
      <c r="NL37" s="347">
        <v>285639</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28476</v>
      </c>
      <c r="OJ37" s="345">
        <v>62363</v>
      </c>
      <c r="OK37" s="346">
        <v>90839</v>
      </c>
      <c r="OL37" s="351">
        <v>0</v>
      </c>
      <c r="OM37" s="345">
        <v>351400</v>
      </c>
      <c r="ON37" s="345">
        <v>640393</v>
      </c>
      <c r="OO37" s="345">
        <v>427702</v>
      </c>
      <c r="OP37" s="345">
        <v>1743797</v>
      </c>
      <c r="OQ37" s="345">
        <v>684739</v>
      </c>
      <c r="OR37" s="349">
        <v>3848031</v>
      </c>
      <c r="OS37" s="354">
        <v>3938870</v>
      </c>
    </row>
    <row r="38" spans="2:409" s="70" customFormat="1" ht="21" customHeight="1" x14ac:dyDescent="0.2">
      <c r="B38" s="106" t="s">
        <v>33</v>
      </c>
      <c r="C38" s="326">
        <v>18402</v>
      </c>
      <c r="D38" s="327">
        <v>115325</v>
      </c>
      <c r="E38" s="328">
        <v>133727</v>
      </c>
      <c r="F38" s="329">
        <v>0</v>
      </c>
      <c r="G38" s="327">
        <v>855837</v>
      </c>
      <c r="H38" s="327">
        <v>185517</v>
      </c>
      <c r="I38" s="327">
        <v>1135922</v>
      </c>
      <c r="J38" s="327">
        <v>299696</v>
      </c>
      <c r="K38" s="327">
        <v>285126</v>
      </c>
      <c r="L38" s="367">
        <v>2762098</v>
      </c>
      <c r="M38" s="330">
        <v>2895825</v>
      </c>
      <c r="N38" s="326">
        <v>0</v>
      </c>
      <c r="O38" s="327">
        <v>27905</v>
      </c>
      <c r="P38" s="328">
        <v>27905</v>
      </c>
      <c r="Q38" s="326">
        <v>0</v>
      </c>
      <c r="R38" s="327">
        <v>265977</v>
      </c>
      <c r="S38" s="327">
        <v>139788</v>
      </c>
      <c r="T38" s="327">
        <v>252953</v>
      </c>
      <c r="U38" s="327">
        <v>60138</v>
      </c>
      <c r="V38" s="327">
        <v>195404</v>
      </c>
      <c r="W38" s="328">
        <v>914260</v>
      </c>
      <c r="X38" s="330">
        <v>942165</v>
      </c>
      <c r="Y38" s="326">
        <v>0</v>
      </c>
      <c r="Z38" s="327">
        <v>0</v>
      </c>
      <c r="AA38" s="328">
        <v>0</v>
      </c>
      <c r="AB38" s="326">
        <v>0</v>
      </c>
      <c r="AC38" s="327">
        <v>125568</v>
      </c>
      <c r="AD38" s="327">
        <v>0</v>
      </c>
      <c r="AE38" s="327">
        <v>54845</v>
      </c>
      <c r="AF38" s="327">
        <v>0</v>
      </c>
      <c r="AG38" s="327">
        <v>164000</v>
      </c>
      <c r="AH38" s="328">
        <v>344413</v>
      </c>
      <c r="AI38" s="330">
        <v>344413</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64345</v>
      </c>
      <c r="AZ38" s="327">
        <v>99201</v>
      </c>
      <c r="BA38" s="327">
        <v>0</v>
      </c>
      <c r="BB38" s="327">
        <v>0</v>
      </c>
      <c r="BC38" s="327">
        <v>11594</v>
      </c>
      <c r="BD38" s="328">
        <v>175140</v>
      </c>
      <c r="BE38" s="330">
        <v>175140</v>
      </c>
      <c r="BF38" s="326">
        <v>0</v>
      </c>
      <c r="BG38" s="327">
        <v>19477</v>
      </c>
      <c r="BH38" s="331">
        <v>19477</v>
      </c>
      <c r="BI38" s="332">
        <v>0</v>
      </c>
      <c r="BJ38" s="327">
        <v>47112</v>
      </c>
      <c r="BK38" s="327">
        <v>36968</v>
      </c>
      <c r="BL38" s="327">
        <v>134289</v>
      </c>
      <c r="BM38" s="327">
        <v>43674</v>
      </c>
      <c r="BN38" s="327">
        <v>0</v>
      </c>
      <c r="BO38" s="328">
        <v>262043</v>
      </c>
      <c r="BP38" s="330">
        <v>281520</v>
      </c>
      <c r="BQ38" s="326">
        <v>0</v>
      </c>
      <c r="BR38" s="327">
        <v>8428</v>
      </c>
      <c r="BS38" s="328">
        <v>8428</v>
      </c>
      <c r="BT38" s="326">
        <v>0</v>
      </c>
      <c r="BU38" s="327">
        <v>28952</v>
      </c>
      <c r="BV38" s="327">
        <v>3619</v>
      </c>
      <c r="BW38" s="327">
        <v>63819</v>
      </c>
      <c r="BX38" s="327">
        <v>16464</v>
      </c>
      <c r="BY38" s="327">
        <v>19810</v>
      </c>
      <c r="BZ38" s="328">
        <v>132664</v>
      </c>
      <c r="CA38" s="330">
        <v>141092</v>
      </c>
      <c r="CB38" s="326">
        <v>18402</v>
      </c>
      <c r="CC38" s="327">
        <v>0</v>
      </c>
      <c r="CD38" s="328">
        <v>18402</v>
      </c>
      <c r="CE38" s="326">
        <v>0</v>
      </c>
      <c r="CF38" s="327">
        <v>65975</v>
      </c>
      <c r="CG38" s="327">
        <v>0</v>
      </c>
      <c r="CH38" s="327">
        <v>28012</v>
      </c>
      <c r="CI38" s="327">
        <v>0</v>
      </c>
      <c r="CJ38" s="327">
        <v>76002</v>
      </c>
      <c r="CK38" s="328">
        <v>169989</v>
      </c>
      <c r="CL38" s="330">
        <v>188391</v>
      </c>
      <c r="CM38" s="326">
        <v>0</v>
      </c>
      <c r="CN38" s="327">
        <v>0</v>
      </c>
      <c r="CO38" s="328">
        <v>0</v>
      </c>
      <c r="CP38" s="332">
        <v>0</v>
      </c>
      <c r="CQ38" s="327">
        <v>37891</v>
      </c>
      <c r="CR38" s="327">
        <v>0</v>
      </c>
      <c r="CS38" s="327">
        <v>0</v>
      </c>
      <c r="CT38" s="327">
        <v>0</v>
      </c>
      <c r="CU38" s="327">
        <v>76002</v>
      </c>
      <c r="CV38" s="328">
        <v>113893</v>
      </c>
      <c r="CW38" s="330">
        <v>113893</v>
      </c>
      <c r="CX38" s="326">
        <v>18402</v>
      </c>
      <c r="CY38" s="327">
        <v>0</v>
      </c>
      <c r="CZ38" s="328">
        <v>18402</v>
      </c>
      <c r="DA38" s="326">
        <v>0</v>
      </c>
      <c r="DB38" s="327">
        <v>28084</v>
      </c>
      <c r="DC38" s="327">
        <v>0</v>
      </c>
      <c r="DD38" s="327">
        <v>28012</v>
      </c>
      <c r="DE38" s="327">
        <v>0</v>
      </c>
      <c r="DF38" s="327">
        <v>0</v>
      </c>
      <c r="DG38" s="328">
        <v>56096</v>
      </c>
      <c r="DH38" s="330">
        <v>74498</v>
      </c>
      <c r="DI38" s="326">
        <v>0</v>
      </c>
      <c r="DJ38" s="327">
        <v>0</v>
      </c>
      <c r="DK38" s="331">
        <v>0</v>
      </c>
      <c r="DL38" s="332">
        <v>0</v>
      </c>
      <c r="DM38" s="327">
        <v>89164</v>
      </c>
      <c r="DN38" s="327">
        <v>0</v>
      </c>
      <c r="DO38" s="327">
        <v>62638</v>
      </c>
      <c r="DP38" s="327">
        <v>29166</v>
      </c>
      <c r="DQ38" s="327">
        <v>0</v>
      </c>
      <c r="DR38" s="328">
        <v>180968</v>
      </c>
      <c r="DS38" s="330">
        <v>180968</v>
      </c>
      <c r="DT38" s="326">
        <v>0</v>
      </c>
      <c r="DU38" s="327">
        <v>0</v>
      </c>
      <c r="DV38" s="328">
        <v>0</v>
      </c>
      <c r="DW38" s="326">
        <v>0</v>
      </c>
      <c r="DX38" s="327">
        <v>0</v>
      </c>
      <c r="DY38" s="327">
        <v>0</v>
      </c>
      <c r="DZ38" s="327">
        <v>62638</v>
      </c>
      <c r="EA38" s="327">
        <v>29166</v>
      </c>
      <c r="EB38" s="327">
        <v>0</v>
      </c>
      <c r="EC38" s="328">
        <v>91804</v>
      </c>
      <c r="ED38" s="330">
        <v>91804</v>
      </c>
      <c r="EE38" s="326">
        <v>0</v>
      </c>
      <c r="EF38" s="331">
        <v>0</v>
      </c>
      <c r="EG38" s="328">
        <v>0</v>
      </c>
      <c r="EH38" s="326">
        <v>0</v>
      </c>
      <c r="EI38" s="327">
        <v>89164</v>
      </c>
      <c r="EJ38" s="327">
        <v>0</v>
      </c>
      <c r="EK38" s="327">
        <v>0</v>
      </c>
      <c r="EL38" s="327">
        <v>0</v>
      </c>
      <c r="EM38" s="327">
        <v>0</v>
      </c>
      <c r="EN38" s="331">
        <v>89164</v>
      </c>
      <c r="EO38" s="330">
        <v>89164</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0</v>
      </c>
      <c r="FF38" s="327">
        <v>0</v>
      </c>
      <c r="FG38" s="327">
        <v>0</v>
      </c>
      <c r="FH38" s="327">
        <v>0</v>
      </c>
      <c r="FI38" s="327">
        <v>0</v>
      </c>
      <c r="FJ38" s="328">
        <v>0</v>
      </c>
      <c r="FK38" s="330">
        <v>0</v>
      </c>
      <c r="FL38" s="326">
        <v>0</v>
      </c>
      <c r="FM38" s="327">
        <v>6986</v>
      </c>
      <c r="FN38" s="328">
        <v>6986</v>
      </c>
      <c r="FO38" s="326">
        <v>0</v>
      </c>
      <c r="FP38" s="327">
        <v>27426</v>
      </c>
      <c r="FQ38" s="327">
        <v>45729</v>
      </c>
      <c r="FR38" s="327">
        <v>248633</v>
      </c>
      <c r="FS38" s="327">
        <v>15960</v>
      </c>
      <c r="FT38" s="327">
        <v>13720</v>
      </c>
      <c r="FU38" s="328">
        <v>351468</v>
      </c>
      <c r="FV38" s="330">
        <v>358454</v>
      </c>
      <c r="FW38" s="333">
        <v>0</v>
      </c>
      <c r="FX38" s="327">
        <v>6986</v>
      </c>
      <c r="FY38" s="331">
        <v>6986</v>
      </c>
      <c r="FZ38" s="332">
        <v>0</v>
      </c>
      <c r="GA38" s="327">
        <v>27426</v>
      </c>
      <c r="GB38" s="327">
        <v>35196</v>
      </c>
      <c r="GC38" s="327">
        <v>108633</v>
      </c>
      <c r="GD38" s="327">
        <v>15960</v>
      </c>
      <c r="GE38" s="327">
        <v>13720</v>
      </c>
      <c r="GF38" s="328">
        <v>200935</v>
      </c>
      <c r="GG38" s="334">
        <v>207921</v>
      </c>
      <c r="GH38" s="333">
        <v>0</v>
      </c>
      <c r="GI38" s="327">
        <v>0</v>
      </c>
      <c r="GJ38" s="331">
        <v>0</v>
      </c>
      <c r="GK38" s="332">
        <v>0</v>
      </c>
      <c r="GL38" s="327">
        <v>0</v>
      </c>
      <c r="GM38" s="327">
        <v>10533</v>
      </c>
      <c r="GN38" s="327">
        <v>0</v>
      </c>
      <c r="GO38" s="327">
        <v>0</v>
      </c>
      <c r="GP38" s="327">
        <v>0</v>
      </c>
      <c r="GQ38" s="328">
        <v>10533</v>
      </c>
      <c r="GR38" s="330">
        <v>10533</v>
      </c>
      <c r="GS38" s="326">
        <v>0</v>
      </c>
      <c r="GT38" s="327">
        <v>0</v>
      </c>
      <c r="GU38" s="328">
        <v>0</v>
      </c>
      <c r="GV38" s="326">
        <v>0</v>
      </c>
      <c r="GW38" s="327">
        <v>0</v>
      </c>
      <c r="GX38" s="327">
        <v>0</v>
      </c>
      <c r="GY38" s="327">
        <v>140000</v>
      </c>
      <c r="GZ38" s="327">
        <v>0</v>
      </c>
      <c r="HA38" s="327">
        <v>0</v>
      </c>
      <c r="HB38" s="331">
        <v>140000</v>
      </c>
      <c r="HC38" s="330">
        <v>140000</v>
      </c>
      <c r="HD38" s="326">
        <v>0</v>
      </c>
      <c r="HE38" s="327">
        <v>80434</v>
      </c>
      <c r="HF38" s="331">
        <v>80434</v>
      </c>
      <c r="HG38" s="332">
        <v>0</v>
      </c>
      <c r="HH38" s="327">
        <v>407295</v>
      </c>
      <c r="HI38" s="327">
        <v>0</v>
      </c>
      <c r="HJ38" s="327">
        <v>543686</v>
      </c>
      <c r="HK38" s="327">
        <v>194432</v>
      </c>
      <c r="HL38" s="327">
        <v>0</v>
      </c>
      <c r="HM38" s="328">
        <v>1145413</v>
      </c>
      <c r="HN38" s="329">
        <v>1225847</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399601</v>
      </c>
      <c r="IG38" s="336">
        <v>91002</v>
      </c>
      <c r="IH38" s="337">
        <v>0</v>
      </c>
      <c r="II38" s="340">
        <v>490603</v>
      </c>
      <c r="IJ38" s="358">
        <v>490603</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185384</v>
      </c>
      <c r="JN38" s="345">
        <v>91002</v>
      </c>
      <c r="JO38" s="345">
        <v>0</v>
      </c>
      <c r="JP38" s="349">
        <v>276386</v>
      </c>
      <c r="JQ38" s="347">
        <v>27638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14217</v>
      </c>
      <c r="KU38" s="345">
        <v>0</v>
      </c>
      <c r="KV38" s="345">
        <v>0</v>
      </c>
      <c r="KW38" s="349">
        <v>214217</v>
      </c>
      <c r="KX38" s="347">
        <v>214217</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235595</v>
      </c>
      <c r="MK38" s="345">
        <v>0</v>
      </c>
      <c r="ML38" s="345">
        <v>0</v>
      </c>
      <c r="MM38" s="345">
        <v>0</v>
      </c>
      <c r="MN38" s="345">
        <v>1176814</v>
      </c>
      <c r="MO38" s="349">
        <v>1412409</v>
      </c>
      <c r="MP38" s="354">
        <v>1412409</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266728</v>
      </c>
      <c r="NK38" s="349">
        <v>266728</v>
      </c>
      <c r="NL38" s="347">
        <v>266728</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235595</v>
      </c>
      <c r="OC38" s="345">
        <v>0</v>
      </c>
      <c r="OD38" s="345">
        <v>0</v>
      </c>
      <c r="OE38" s="345">
        <v>0</v>
      </c>
      <c r="OF38" s="345">
        <v>910086</v>
      </c>
      <c r="OG38" s="349">
        <v>1145681</v>
      </c>
      <c r="OH38" s="350">
        <v>1145681</v>
      </c>
      <c r="OI38" s="348">
        <v>18402</v>
      </c>
      <c r="OJ38" s="345">
        <v>115325</v>
      </c>
      <c r="OK38" s="346">
        <v>133727</v>
      </c>
      <c r="OL38" s="351">
        <v>0</v>
      </c>
      <c r="OM38" s="345">
        <v>1091432</v>
      </c>
      <c r="ON38" s="345">
        <v>185517</v>
      </c>
      <c r="OO38" s="345">
        <v>1535523</v>
      </c>
      <c r="OP38" s="345">
        <v>390698</v>
      </c>
      <c r="OQ38" s="345">
        <v>1461940</v>
      </c>
      <c r="OR38" s="349">
        <v>4665110</v>
      </c>
      <c r="OS38" s="354">
        <v>4798837</v>
      </c>
    </row>
    <row r="39" spans="2:409" s="70" customFormat="1" ht="21" customHeight="1" x14ac:dyDescent="0.2">
      <c r="B39" s="106" t="s">
        <v>34</v>
      </c>
      <c r="C39" s="326">
        <v>0</v>
      </c>
      <c r="D39" s="327">
        <v>38955</v>
      </c>
      <c r="E39" s="368">
        <v>38955</v>
      </c>
      <c r="F39" s="370">
        <v>0</v>
      </c>
      <c r="G39" s="369">
        <v>96124</v>
      </c>
      <c r="H39" s="369">
        <v>77679</v>
      </c>
      <c r="I39" s="369">
        <v>544835</v>
      </c>
      <c r="J39" s="369">
        <v>101003</v>
      </c>
      <c r="K39" s="369">
        <v>0</v>
      </c>
      <c r="L39" s="370">
        <v>819641</v>
      </c>
      <c r="M39" s="330">
        <v>858596</v>
      </c>
      <c r="N39" s="326">
        <v>0</v>
      </c>
      <c r="O39" s="327">
        <v>34405</v>
      </c>
      <c r="P39" s="328">
        <v>34405</v>
      </c>
      <c r="Q39" s="326">
        <v>0</v>
      </c>
      <c r="R39" s="327">
        <v>89999</v>
      </c>
      <c r="S39" s="327">
        <v>43960</v>
      </c>
      <c r="T39" s="327">
        <v>13580</v>
      </c>
      <c r="U39" s="327">
        <v>0</v>
      </c>
      <c r="V39" s="327">
        <v>0</v>
      </c>
      <c r="W39" s="328">
        <v>147539</v>
      </c>
      <c r="X39" s="330">
        <v>181944</v>
      </c>
      <c r="Y39" s="326">
        <v>0</v>
      </c>
      <c r="Z39" s="327">
        <v>0</v>
      </c>
      <c r="AA39" s="328">
        <v>0</v>
      </c>
      <c r="AB39" s="326">
        <v>0</v>
      </c>
      <c r="AC39" s="327">
        <v>40810</v>
      </c>
      <c r="AD39" s="327">
        <v>0</v>
      </c>
      <c r="AE39" s="327">
        <v>0</v>
      </c>
      <c r="AF39" s="327">
        <v>0</v>
      </c>
      <c r="AG39" s="327">
        <v>0</v>
      </c>
      <c r="AH39" s="328">
        <v>40810</v>
      </c>
      <c r="AI39" s="330">
        <v>40810</v>
      </c>
      <c r="AJ39" s="326">
        <v>0</v>
      </c>
      <c r="AK39" s="327">
        <v>0</v>
      </c>
      <c r="AL39" s="328">
        <v>0</v>
      </c>
      <c r="AM39" s="326">
        <v>0</v>
      </c>
      <c r="AN39" s="327">
        <v>0</v>
      </c>
      <c r="AO39" s="327">
        <v>0</v>
      </c>
      <c r="AP39" s="327">
        <v>0</v>
      </c>
      <c r="AQ39" s="327">
        <v>0</v>
      </c>
      <c r="AR39" s="327">
        <v>0</v>
      </c>
      <c r="AS39" s="328">
        <v>0</v>
      </c>
      <c r="AT39" s="330">
        <v>0</v>
      </c>
      <c r="AU39" s="326">
        <v>0</v>
      </c>
      <c r="AV39" s="327">
        <v>34405</v>
      </c>
      <c r="AW39" s="328">
        <v>34405</v>
      </c>
      <c r="AX39" s="326">
        <v>0</v>
      </c>
      <c r="AY39" s="327">
        <v>22260</v>
      </c>
      <c r="AZ39" s="327">
        <v>0</v>
      </c>
      <c r="BA39" s="327">
        <v>0</v>
      </c>
      <c r="BB39" s="327">
        <v>0</v>
      </c>
      <c r="BC39" s="327">
        <v>0</v>
      </c>
      <c r="BD39" s="328">
        <v>22260</v>
      </c>
      <c r="BE39" s="330">
        <v>56665</v>
      </c>
      <c r="BF39" s="326">
        <v>0</v>
      </c>
      <c r="BG39" s="327">
        <v>0</v>
      </c>
      <c r="BH39" s="331">
        <v>0</v>
      </c>
      <c r="BI39" s="332">
        <v>0</v>
      </c>
      <c r="BJ39" s="327">
        <v>0</v>
      </c>
      <c r="BK39" s="327">
        <v>43960</v>
      </c>
      <c r="BL39" s="327">
        <v>0</v>
      </c>
      <c r="BM39" s="327">
        <v>0</v>
      </c>
      <c r="BN39" s="327">
        <v>0</v>
      </c>
      <c r="BO39" s="328">
        <v>43960</v>
      </c>
      <c r="BP39" s="330">
        <v>43960</v>
      </c>
      <c r="BQ39" s="326">
        <v>0</v>
      </c>
      <c r="BR39" s="327">
        <v>0</v>
      </c>
      <c r="BS39" s="328">
        <v>0</v>
      </c>
      <c r="BT39" s="326">
        <v>0</v>
      </c>
      <c r="BU39" s="327">
        <v>26929</v>
      </c>
      <c r="BV39" s="327">
        <v>0</v>
      </c>
      <c r="BW39" s="327">
        <v>13580</v>
      </c>
      <c r="BX39" s="327">
        <v>0</v>
      </c>
      <c r="BY39" s="327">
        <v>0</v>
      </c>
      <c r="BZ39" s="328">
        <v>40509</v>
      </c>
      <c r="CA39" s="330">
        <v>40509</v>
      </c>
      <c r="CB39" s="326">
        <v>0</v>
      </c>
      <c r="CC39" s="327">
        <v>0</v>
      </c>
      <c r="CD39" s="328">
        <v>0</v>
      </c>
      <c r="CE39" s="326">
        <v>0</v>
      </c>
      <c r="CF39" s="327">
        <v>0</v>
      </c>
      <c r="CG39" s="327">
        <v>25669</v>
      </c>
      <c r="CH39" s="327">
        <v>170457</v>
      </c>
      <c r="CI39" s="327">
        <v>97881</v>
      </c>
      <c r="CJ39" s="327">
        <v>0</v>
      </c>
      <c r="CK39" s="328">
        <v>294007</v>
      </c>
      <c r="CL39" s="330">
        <v>294007</v>
      </c>
      <c r="CM39" s="326">
        <v>0</v>
      </c>
      <c r="CN39" s="327">
        <v>0</v>
      </c>
      <c r="CO39" s="328">
        <v>0</v>
      </c>
      <c r="CP39" s="332">
        <v>0</v>
      </c>
      <c r="CQ39" s="327">
        <v>0</v>
      </c>
      <c r="CR39" s="327">
        <v>25669</v>
      </c>
      <c r="CS39" s="327">
        <v>170457</v>
      </c>
      <c r="CT39" s="327">
        <v>97881</v>
      </c>
      <c r="CU39" s="327">
        <v>0</v>
      </c>
      <c r="CV39" s="328">
        <v>294007</v>
      </c>
      <c r="CW39" s="330">
        <v>294007</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7220</v>
      </c>
      <c r="DP39" s="327">
        <v>0</v>
      </c>
      <c r="DQ39" s="327">
        <v>0</v>
      </c>
      <c r="DR39" s="328">
        <v>17220</v>
      </c>
      <c r="DS39" s="330">
        <v>17220</v>
      </c>
      <c r="DT39" s="326">
        <v>0</v>
      </c>
      <c r="DU39" s="327">
        <v>0</v>
      </c>
      <c r="DV39" s="328">
        <v>0</v>
      </c>
      <c r="DW39" s="326">
        <v>0</v>
      </c>
      <c r="DX39" s="327">
        <v>0</v>
      </c>
      <c r="DY39" s="327">
        <v>0</v>
      </c>
      <c r="DZ39" s="327">
        <v>17220</v>
      </c>
      <c r="EA39" s="327">
        <v>0</v>
      </c>
      <c r="EB39" s="327">
        <v>0</v>
      </c>
      <c r="EC39" s="328">
        <v>17220</v>
      </c>
      <c r="ED39" s="330">
        <v>1722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0</v>
      </c>
      <c r="FM39" s="327">
        <v>4550</v>
      </c>
      <c r="FN39" s="328">
        <v>4550</v>
      </c>
      <c r="FO39" s="326">
        <v>0</v>
      </c>
      <c r="FP39" s="327">
        <v>6125</v>
      </c>
      <c r="FQ39" s="327">
        <v>8050</v>
      </c>
      <c r="FR39" s="327">
        <v>0</v>
      </c>
      <c r="FS39" s="327">
        <v>3122</v>
      </c>
      <c r="FT39" s="327">
        <v>0</v>
      </c>
      <c r="FU39" s="328">
        <v>17297</v>
      </c>
      <c r="FV39" s="330">
        <v>21847</v>
      </c>
      <c r="FW39" s="333">
        <v>0</v>
      </c>
      <c r="FX39" s="327">
        <v>4550</v>
      </c>
      <c r="FY39" s="331">
        <v>4550</v>
      </c>
      <c r="FZ39" s="332">
        <v>0</v>
      </c>
      <c r="GA39" s="327">
        <v>6125</v>
      </c>
      <c r="GB39" s="327">
        <v>8050</v>
      </c>
      <c r="GC39" s="327">
        <v>0</v>
      </c>
      <c r="GD39" s="327">
        <v>3122</v>
      </c>
      <c r="GE39" s="327">
        <v>0</v>
      </c>
      <c r="GF39" s="328">
        <v>17297</v>
      </c>
      <c r="GG39" s="334">
        <v>21847</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0</v>
      </c>
      <c r="HJ39" s="327">
        <v>343578</v>
      </c>
      <c r="HK39" s="327">
        <v>0</v>
      </c>
      <c r="HL39" s="327">
        <v>0</v>
      </c>
      <c r="HM39" s="328">
        <v>343578</v>
      </c>
      <c r="HN39" s="329">
        <v>343578</v>
      </c>
      <c r="HO39" s="333">
        <v>0</v>
      </c>
      <c r="HP39" s="327">
        <v>0</v>
      </c>
      <c r="HQ39" s="328">
        <v>0</v>
      </c>
      <c r="HR39" s="326">
        <v>0</v>
      </c>
      <c r="HS39" s="327">
        <v>0</v>
      </c>
      <c r="HT39" s="327">
        <v>0</v>
      </c>
      <c r="HU39" s="327">
        <v>0</v>
      </c>
      <c r="HV39" s="327">
        <v>0</v>
      </c>
      <c r="HW39" s="327">
        <v>0</v>
      </c>
      <c r="HX39" s="331">
        <v>0</v>
      </c>
      <c r="HY39" s="330">
        <v>0</v>
      </c>
      <c r="HZ39" s="335">
        <v>0</v>
      </c>
      <c r="IA39" s="336">
        <v>17934</v>
      </c>
      <c r="IB39" s="337">
        <v>17934</v>
      </c>
      <c r="IC39" s="338">
        <v>0</v>
      </c>
      <c r="ID39" s="336">
        <v>140847</v>
      </c>
      <c r="IE39" s="339">
        <v>0</v>
      </c>
      <c r="IF39" s="337">
        <v>0</v>
      </c>
      <c r="IG39" s="336">
        <v>0</v>
      </c>
      <c r="IH39" s="337">
        <v>0</v>
      </c>
      <c r="II39" s="340">
        <v>140847</v>
      </c>
      <c r="IJ39" s="341">
        <v>158781</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39305</v>
      </c>
      <c r="JL39" s="345">
        <v>0</v>
      </c>
      <c r="JM39" s="345">
        <v>0</v>
      </c>
      <c r="JN39" s="345">
        <v>0</v>
      </c>
      <c r="JO39" s="345">
        <v>0</v>
      </c>
      <c r="JP39" s="349">
        <v>39305</v>
      </c>
      <c r="JQ39" s="347">
        <v>39305</v>
      </c>
      <c r="JR39" s="348">
        <v>0</v>
      </c>
      <c r="JS39" s="345">
        <v>0</v>
      </c>
      <c r="JT39" s="346">
        <v>0</v>
      </c>
      <c r="JU39" s="351">
        <v>0</v>
      </c>
      <c r="JV39" s="345">
        <v>0</v>
      </c>
      <c r="JW39" s="345">
        <v>0</v>
      </c>
      <c r="JX39" s="345">
        <v>0</v>
      </c>
      <c r="JY39" s="345">
        <v>0</v>
      </c>
      <c r="JZ39" s="345">
        <v>0</v>
      </c>
      <c r="KA39" s="349">
        <v>0</v>
      </c>
      <c r="KB39" s="347">
        <v>0</v>
      </c>
      <c r="KC39" s="352">
        <v>0</v>
      </c>
      <c r="KD39" s="353">
        <v>17934</v>
      </c>
      <c r="KE39" s="349">
        <v>17934</v>
      </c>
      <c r="KF39" s="351">
        <v>0</v>
      </c>
      <c r="KG39" s="345">
        <v>101542</v>
      </c>
      <c r="KH39" s="345">
        <v>0</v>
      </c>
      <c r="KI39" s="345">
        <v>0</v>
      </c>
      <c r="KJ39" s="345">
        <v>0</v>
      </c>
      <c r="KK39" s="345">
        <v>0</v>
      </c>
      <c r="KL39" s="349">
        <v>101542</v>
      </c>
      <c r="KM39" s="354">
        <v>119476</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197870</v>
      </c>
      <c r="MN39" s="345">
        <v>0</v>
      </c>
      <c r="MO39" s="349">
        <v>197870</v>
      </c>
      <c r="MP39" s="354">
        <v>197870</v>
      </c>
      <c r="MQ39" s="348">
        <v>0</v>
      </c>
      <c r="MR39" s="345">
        <v>0</v>
      </c>
      <c r="MS39" s="349">
        <v>0</v>
      </c>
      <c r="MT39" s="404">
        <v>0</v>
      </c>
      <c r="MU39" s="345">
        <v>0</v>
      </c>
      <c r="MV39" s="345">
        <v>0</v>
      </c>
      <c r="MW39" s="345">
        <v>0</v>
      </c>
      <c r="MX39" s="345">
        <v>197870</v>
      </c>
      <c r="MY39" s="345">
        <v>0</v>
      </c>
      <c r="MZ39" s="349">
        <v>197870</v>
      </c>
      <c r="NA39" s="354">
        <v>197870</v>
      </c>
      <c r="NB39" s="348">
        <v>0</v>
      </c>
      <c r="NC39" s="345">
        <v>0</v>
      </c>
      <c r="ND39" s="349">
        <v>0</v>
      </c>
      <c r="NE39" s="404">
        <v>0</v>
      </c>
      <c r="NF39" s="345">
        <v>0</v>
      </c>
      <c r="NG39" s="345">
        <v>0</v>
      </c>
      <c r="NH39" s="345">
        <v>0</v>
      </c>
      <c r="NI39" s="345">
        <v>0</v>
      </c>
      <c r="NJ39" s="345">
        <v>0</v>
      </c>
      <c r="NK39" s="349">
        <v>0</v>
      </c>
      <c r="NL39" s="347">
        <v>0</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56889</v>
      </c>
      <c r="OK39" s="346">
        <v>56889</v>
      </c>
      <c r="OL39" s="351">
        <v>0</v>
      </c>
      <c r="OM39" s="345">
        <v>236971</v>
      </c>
      <c r="ON39" s="345">
        <v>77679</v>
      </c>
      <c r="OO39" s="345">
        <v>544835</v>
      </c>
      <c r="OP39" s="345">
        <v>298873</v>
      </c>
      <c r="OQ39" s="345">
        <v>0</v>
      </c>
      <c r="OR39" s="349">
        <v>1158358</v>
      </c>
      <c r="OS39" s="354">
        <v>1215247</v>
      </c>
    </row>
    <row r="40" spans="2:409" s="70" customFormat="1" ht="21" customHeight="1" x14ac:dyDescent="0.2">
      <c r="B40" s="106" t="s">
        <v>35</v>
      </c>
      <c r="C40" s="326">
        <v>231077</v>
      </c>
      <c r="D40" s="327">
        <v>292971</v>
      </c>
      <c r="E40" s="328">
        <v>524048</v>
      </c>
      <c r="F40" s="329">
        <v>0</v>
      </c>
      <c r="G40" s="327">
        <v>720384</v>
      </c>
      <c r="H40" s="327">
        <v>708240</v>
      </c>
      <c r="I40" s="327">
        <v>999194</v>
      </c>
      <c r="J40" s="327">
        <v>393754</v>
      </c>
      <c r="K40" s="327">
        <v>493132</v>
      </c>
      <c r="L40" s="367">
        <v>3314704</v>
      </c>
      <c r="M40" s="330">
        <v>3838752</v>
      </c>
      <c r="N40" s="326">
        <v>79303</v>
      </c>
      <c r="O40" s="327">
        <v>90419</v>
      </c>
      <c r="P40" s="328">
        <v>169722</v>
      </c>
      <c r="Q40" s="326">
        <v>0</v>
      </c>
      <c r="R40" s="327">
        <v>180442</v>
      </c>
      <c r="S40" s="327">
        <v>348650</v>
      </c>
      <c r="T40" s="327">
        <v>205629</v>
      </c>
      <c r="U40" s="327">
        <v>18004</v>
      </c>
      <c r="V40" s="327">
        <v>46403</v>
      </c>
      <c r="W40" s="328">
        <v>799128</v>
      </c>
      <c r="X40" s="330">
        <v>968850</v>
      </c>
      <c r="Y40" s="326">
        <v>0</v>
      </c>
      <c r="Z40" s="327">
        <v>0</v>
      </c>
      <c r="AA40" s="328">
        <v>0</v>
      </c>
      <c r="AB40" s="326">
        <v>0</v>
      </c>
      <c r="AC40" s="327">
        <v>49686</v>
      </c>
      <c r="AD40" s="327">
        <v>154547</v>
      </c>
      <c r="AE40" s="327">
        <v>67365</v>
      </c>
      <c r="AF40" s="327">
        <v>0</v>
      </c>
      <c r="AG40" s="327">
        <v>0</v>
      </c>
      <c r="AH40" s="328">
        <v>271598</v>
      </c>
      <c r="AI40" s="330">
        <v>271598</v>
      </c>
      <c r="AJ40" s="326">
        <v>0</v>
      </c>
      <c r="AK40" s="327">
        <v>0</v>
      </c>
      <c r="AL40" s="328">
        <v>0</v>
      </c>
      <c r="AM40" s="326">
        <v>0</v>
      </c>
      <c r="AN40" s="327">
        <v>0</v>
      </c>
      <c r="AO40" s="327">
        <v>0</v>
      </c>
      <c r="AP40" s="327">
        <v>0</v>
      </c>
      <c r="AQ40" s="327">
        <v>0</v>
      </c>
      <c r="AR40" s="327">
        <v>0</v>
      </c>
      <c r="AS40" s="328">
        <v>0</v>
      </c>
      <c r="AT40" s="330">
        <v>0</v>
      </c>
      <c r="AU40" s="326">
        <v>30989</v>
      </c>
      <c r="AV40" s="327">
        <v>45962</v>
      </c>
      <c r="AW40" s="328">
        <v>76951</v>
      </c>
      <c r="AX40" s="326">
        <v>0</v>
      </c>
      <c r="AY40" s="327">
        <v>57683</v>
      </c>
      <c r="AZ40" s="327">
        <v>119630</v>
      </c>
      <c r="BA40" s="327">
        <v>89544</v>
      </c>
      <c r="BB40" s="327">
        <v>0</v>
      </c>
      <c r="BC40" s="327">
        <v>16877</v>
      </c>
      <c r="BD40" s="328">
        <v>283734</v>
      </c>
      <c r="BE40" s="330">
        <v>360685</v>
      </c>
      <c r="BF40" s="326">
        <v>17024</v>
      </c>
      <c r="BG40" s="327">
        <v>25536</v>
      </c>
      <c r="BH40" s="331">
        <v>42560</v>
      </c>
      <c r="BI40" s="332">
        <v>0</v>
      </c>
      <c r="BJ40" s="327">
        <v>26376</v>
      </c>
      <c r="BK40" s="327">
        <v>63952</v>
      </c>
      <c r="BL40" s="327">
        <v>0</v>
      </c>
      <c r="BM40" s="327">
        <v>0</v>
      </c>
      <c r="BN40" s="327">
        <v>0</v>
      </c>
      <c r="BO40" s="328">
        <v>90328</v>
      </c>
      <c r="BP40" s="330">
        <v>132888</v>
      </c>
      <c r="BQ40" s="326">
        <v>31290</v>
      </c>
      <c r="BR40" s="327">
        <v>18921</v>
      </c>
      <c r="BS40" s="328">
        <v>50211</v>
      </c>
      <c r="BT40" s="326">
        <v>0</v>
      </c>
      <c r="BU40" s="327">
        <v>46697</v>
      </c>
      <c r="BV40" s="327">
        <v>10521</v>
      </c>
      <c r="BW40" s="327">
        <v>48720</v>
      </c>
      <c r="BX40" s="327">
        <v>18004</v>
      </c>
      <c r="BY40" s="327">
        <v>29526</v>
      </c>
      <c r="BZ40" s="328">
        <v>153468</v>
      </c>
      <c r="CA40" s="330">
        <v>203679</v>
      </c>
      <c r="CB40" s="326">
        <v>0</v>
      </c>
      <c r="CC40" s="327">
        <v>46277</v>
      </c>
      <c r="CD40" s="328">
        <v>46277</v>
      </c>
      <c r="CE40" s="326">
        <v>0</v>
      </c>
      <c r="CF40" s="327">
        <v>179277</v>
      </c>
      <c r="CG40" s="327">
        <v>211372</v>
      </c>
      <c r="CH40" s="327">
        <v>176746</v>
      </c>
      <c r="CI40" s="327">
        <v>0</v>
      </c>
      <c r="CJ40" s="327">
        <v>41937</v>
      </c>
      <c r="CK40" s="328">
        <v>609332</v>
      </c>
      <c r="CL40" s="330">
        <v>655609</v>
      </c>
      <c r="CM40" s="326">
        <v>0</v>
      </c>
      <c r="CN40" s="327">
        <v>0</v>
      </c>
      <c r="CO40" s="328">
        <v>0</v>
      </c>
      <c r="CP40" s="332">
        <v>0</v>
      </c>
      <c r="CQ40" s="327">
        <v>84917</v>
      </c>
      <c r="CR40" s="327">
        <v>135030</v>
      </c>
      <c r="CS40" s="327">
        <v>0</v>
      </c>
      <c r="CT40" s="327">
        <v>0</v>
      </c>
      <c r="CU40" s="327">
        <v>41937</v>
      </c>
      <c r="CV40" s="328">
        <v>261884</v>
      </c>
      <c r="CW40" s="330">
        <v>261884</v>
      </c>
      <c r="CX40" s="326">
        <v>0</v>
      </c>
      <c r="CY40" s="327">
        <v>46277</v>
      </c>
      <c r="CZ40" s="328">
        <v>46277</v>
      </c>
      <c r="DA40" s="326">
        <v>0</v>
      </c>
      <c r="DB40" s="327">
        <v>94360</v>
      </c>
      <c r="DC40" s="327">
        <v>76342</v>
      </c>
      <c r="DD40" s="327">
        <v>176746</v>
      </c>
      <c r="DE40" s="327">
        <v>0</v>
      </c>
      <c r="DF40" s="327">
        <v>0</v>
      </c>
      <c r="DG40" s="328">
        <v>347448</v>
      </c>
      <c r="DH40" s="330">
        <v>393725</v>
      </c>
      <c r="DI40" s="326">
        <v>0</v>
      </c>
      <c r="DJ40" s="327">
        <v>39914</v>
      </c>
      <c r="DK40" s="331">
        <v>39914</v>
      </c>
      <c r="DL40" s="332">
        <v>0</v>
      </c>
      <c r="DM40" s="327">
        <v>0</v>
      </c>
      <c r="DN40" s="327">
        <v>0</v>
      </c>
      <c r="DO40" s="327">
        <v>24360</v>
      </c>
      <c r="DP40" s="327">
        <v>0</v>
      </c>
      <c r="DQ40" s="327">
        <v>171780</v>
      </c>
      <c r="DR40" s="328">
        <v>196140</v>
      </c>
      <c r="DS40" s="330">
        <v>236054</v>
      </c>
      <c r="DT40" s="326">
        <v>0</v>
      </c>
      <c r="DU40" s="327">
        <v>0</v>
      </c>
      <c r="DV40" s="328">
        <v>0</v>
      </c>
      <c r="DW40" s="326">
        <v>0</v>
      </c>
      <c r="DX40" s="327">
        <v>0</v>
      </c>
      <c r="DY40" s="327">
        <v>0</v>
      </c>
      <c r="DZ40" s="327">
        <v>24360</v>
      </c>
      <c r="EA40" s="327">
        <v>0</v>
      </c>
      <c r="EB40" s="327">
        <v>171780</v>
      </c>
      <c r="EC40" s="328">
        <v>196140</v>
      </c>
      <c r="ED40" s="330">
        <v>196140</v>
      </c>
      <c r="EE40" s="326">
        <v>0</v>
      </c>
      <c r="EF40" s="331">
        <v>39914</v>
      </c>
      <c r="EG40" s="328">
        <v>39914</v>
      </c>
      <c r="EH40" s="326">
        <v>0</v>
      </c>
      <c r="EI40" s="327">
        <v>0</v>
      </c>
      <c r="EJ40" s="327">
        <v>0</v>
      </c>
      <c r="EK40" s="327">
        <v>0</v>
      </c>
      <c r="EL40" s="327">
        <v>0</v>
      </c>
      <c r="EM40" s="327">
        <v>0</v>
      </c>
      <c r="EN40" s="331">
        <v>0</v>
      </c>
      <c r="EO40" s="330">
        <v>39914</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10948</v>
      </c>
      <c r="FM40" s="327">
        <v>15680</v>
      </c>
      <c r="FN40" s="328">
        <v>26628</v>
      </c>
      <c r="FO40" s="326">
        <v>0</v>
      </c>
      <c r="FP40" s="327">
        <v>14630</v>
      </c>
      <c r="FQ40" s="327">
        <v>148218</v>
      </c>
      <c r="FR40" s="327">
        <v>105280</v>
      </c>
      <c r="FS40" s="327">
        <v>0</v>
      </c>
      <c r="FT40" s="327">
        <v>22120</v>
      </c>
      <c r="FU40" s="328">
        <v>290248</v>
      </c>
      <c r="FV40" s="330">
        <v>316876</v>
      </c>
      <c r="FW40" s="333">
        <v>10948</v>
      </c>
      <c r="FX40" s="327">
        <v>15680</v>
      </c>
      <c r="FY40" s="331">
        <v>26628</v>
      </c>
      <c r="FZ40" s="332">
        <v>0</v>
      </c>
      <c r="GA40" s="327">
        <v>14630</v>
      </c>
      <c r="GB40" s="327">
        <v>148218</v>
      </c>
      <c r="GC40" s="327">
        <v>105280</v>
      </c>
      <c r="GD40" s="327">
        <v>0</v>
      </c>
      <c r="GE40" s="327">
        <v>22120</v>
      </c>
      <c r="GF40" s="328">
        <v>290248</v>
      </c>
      <c r="GG40" s="334">
        <v>316876</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140826</v>
      </c>
      <c r="HE40" s="327">
        <v>100681</v>
      </c>
      <c r="HF40" s="331">
        <v>241507</v>
      </c>
      <c r="HG40" s="332">
        <v>0</v>
      </c>
      <c r="HH40" s="327">
        <v>346035</v>
      </c>
      <c r="HI40" s="327">
        <v>0</v>
      </c>
      <c r="HJ40" s="327">
        <v>487179</v>
      </c>
      <c r="HK40" s="327">
        <v>375750</v>
      </c>
      <c r="HL40" s="327">
        <v>210892</v>
      </c>
      <c r="HM40" s="328">
        <v>1419856</v>
      </c>
      <c r="HN40" s="329">
        <v>1661363</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209972</v>
      </c>
      <c r="IE40" s="339">
        <v>0</v>
      </c>
      <c r="IF40" s="337">
        <v>0</v>
      </c>
      <c r="IG40" s="336">
        <v>0</v>
      </c>
      <c r="IH40" s="337">
        <v>0</v>
      </c>
      <c r="II40" s="340">
        <v>209972</v>
      </c>
      <c r="IJ40" s="358">
        <v>209972</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12810</v>
      </c>
      <c r="JL40" s="345">
        <v>0</v>
      </c>
      <c r="JM40" s="345">
        <v>0</v>
      </c>
      <c r="JN40" s="345">
        <v>0</v>
      </c>
      <c r="JO40" s="345">
        <v>0</v>
      </c>
      <c r="JP40" s="349">
        <v>12810</v>
      </c>
      <c r="JQ40" s="347">
        <v>1281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197162</v>
      </c>
      <c r="KS40" s="345">
        <v>0</v>
      </c>
      <c r="KT40" s="345">
        <v>0</v>
      </c>
      <c r="KU40" s="345">
        <v>0</v>
      </c>
      <c r="KV40" s="345">
        <v>0</v>
      </c>
      <c r="KW40" s="349">
        <v>197162</v>
      </c>
      <c r="KX40" s="347">
        <v>197162</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0</v>
      </c>
      <c r="ML40" s="345">
        <v>0</v>
      </c>
      <c r="MM40" s="345">
        <v>232855</v>
      </c>
      <c r="MN40" s="345">
        <v>0</v>
      </c>
      <c r="MO40" s="349">
        <v>232855</v>
      </c>
      <c r="MP40" s="354">
        <v>232855</v>
      </c>
      <c r="MQ40" s="348">
        <v>0</v>
      </c>
      <c r="MR40" s="345">
        <v>0</v>
      </c>
      <c r="MS40" s="349">
        <v>0</v>
      </c>
      <c r="MT40" s="404">
        <v>0</v>
      </c>
      <c r="MU40" s="345">
        <v>0</v>
      </c>
      <c r="MV40" s="345">
        <v>0</v>
      </c>
      <c r="MW40" s="345">
        <v>0</v>
      </c>
      <c r="MX40" s="345">
        <v>232855</v>
      </c>
      <c r="MY40" s="345">
        <v>0</v>
      </c>
      <c r="MZ40" s="349">
        <v>232855</v>
      </c>
      <c r="NA40" s="354">
        <v>232855</v>
      </c>
      <c r="NB40" s="348">
        <v>0</v>
      </c>
      <c r="NC40" s="345">
        <v>0</v>
      </c>
      <c r="ND40" s="349">
        <v>0</v>
      </c>
      <c r="NE40" s="404">
        <v>0</v>
      </c>
      <c r="NF40" s="345">
        <v>0</v>
      </c>
      <c r="NG40" s="345">
        <v>0</v>
      </c>
      <c r="NH40" s="345">
        <v>0</v>
      </c>
      <c r="NI40" s="345">
        <v>0</v>
      </c>
      <c r="NJ40" s="345">
        <v>0</v>
      </c>
      <c r="NK40" s="349">
        <v>0</v>
      </c>
      <c r="NL40" s="347">
        <v>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31077</v>
      </c>
      <c r="OJ40" s="345">
        <v>292971</v>
      </c>
      <c r="OK40" s="346">
        <v>524048</v>
      </c>
      <c r="OL40" s="351">
        <v>0</v>
      </c>
      <c r="OM40" s="345">
        <v>930356</v>
      </c>
      <c r="ON40" s="345">
        <v>708240</v>
      </c>
      <c r="OO40" s="345">
        <v>999194</v>
      </c>
      <c r="OP40" s="345">
        <v>626609</v>
      </c>
      <c r="OQ40" s="345">
        <v>493132</v>
      </c>
      <c r="OR40" s="349">
        <v>3757531</v>
      </c>
      <c r="OS40" s="354">
        <v>4281579</v>
      </c>
    </row>
    <row r="41" spans="2:409" s="70" customFormat="1" ht="21" customHeight="1" x14ac:dyDescent="0.2">
      <c r="B41" s="106" t="s">
        <v>36</v>
      </c>
      <c r="C41" s="326">
        <v>24565</v>
      </c>
      <c r="D41" s="327">
        <v>53719</v>
      </c>
      <c r="E41" s="328">
        <v>78284</v>
      </c>
      <c r="F41" s="329">
        <v>0</v>
      </c>
      <c r="G41" s="327">
        <v>436848</v>
      </c>
      <c r="H41" s="327">
        <v>962061</v>
      </c>
      <c r="I41" s="327">
        <v>496596</v>
      </c>
      <c r="J41" s="327">
        <v>823875</v>
      </c>
      <c r="K41" s="327">
        <v>23296</v>
      </c>
      <c r="L41" s="367">
        <v>2742676</v>
      </c>
      <c r="M41" s="330">
        <v>2820960</v>
      </c>
      <c r="N41" s="326">
        <v>24565</v>
      </c>
      <c r="O41" s="327">
        <v>32369</v>
      </c>
      <c r="P41" s="328">
        <v>56934</v>
      </c>
      <c r="Q41" s="326">
        <v>0</v>
      </c>
      <c r="R41" s="327">
        <v>106210</v>
      </c>
      <c r="S41" s="327">
        <v>268669</v>
      </c>
      <c r="T41" s="327">
        <v>108171</v>
      </c>
      <c r="U41" s="327">
        <v>50958</v>
      </c>
      <c r="V41" s="327">
        <v>23296</v>
      </c>
      <c r="W41" s="328">
        <v>557304</v>
      </c>
      <c r="X41" s="330">
        <v>614238</v>
      </c>
      <c r="Y41" s="326">
        <v>0</v>
      </c>
      <c r="Z41" s="327">
        <v>0</v>
      </c>
      <c r="AA41" s="328">
        <v>0</v>
      </c>
      <c r="AB41" s="326">
        <v>0</v>
      </c>
      <c r="AC41" s="327">
        <v>43696</v>
      </c>
      <c r="AD41" s="327">
        <v>162593</v>
      </c>
      <c r="AE41" s="327">
        <v>35749</v>
      </c>
      <c r="AF41" s="327">
        <v>0</v>
      </c>
      <c r="AG41" s="327">
        <v>0</v>
      </c>
      <c r="AH41" s="328">
        <v>242038</v>
      </c>
      <c r="AI41" s="330">
        <v>242038</v>
      </c>
      <c r="AJ41" s="326">
        <v>0</v>
      </c>
      <c r="AK41" s="327">
        <v>0</v>
      </c>
      <c r="AL41" s="328">
        <v>0</v>
      </c>
      <c r="AM41" s="326">
        <v>0</v>
      </c>
      <c r="AN41" s="327">
        <v>0</v>
      </c>
      <c r="AO41" s="327">
        <v>0</v>
      </c>
      <c r="AP41" s="327">
        <v>0</v>
      </c>
      <c r="AQ41" s="327">
        <v>0</v>
      </c>
      <c r="AR41" s="327">
        <v>0</v>
      </c>
      <c r="AS41" s="328">
        <v>0</v>
      </c>
      <c r="AT41" s="330">
        <v>0</v>
      </c>
      <c r="AU41" s="326">
        <v>24565</v>
      </c>
      <c r="AV41" s="327">
        <v>32369</v>
      </c>
      <c r="AW41" s="328">
        <v>56934</v>
      </c>
      <c r="AX41" s="326">
        <v>0</v>
      </c>
      <c r="AY41" s="327">
        <v>0</v>
      </c>
      <c r="AZ41" s="327">
        <v>41991</v>
      </c>
      <c r="BA41" s="327">
        <v>0</v>
      </c>
      <c r="BB41" s="327">
        <v>12584</v>
      </c>
      <c r="BC41" s="327">
        <v>0</v>
      </c>
      <c r="BD41" s="328">
        <v>54575</v>
      </c>
      <c r="BE41" s="330">
        <v>111509</v>
      </c>
      <c r="BF41" s="326">
        <v>0</v>
      </c>
      <c r="BG41" s="327">
        <v>0</v>
      </c>
      <c r="BH41" s="331">
        <v>0</v>
      </c>
      <c r="BI41" s="332">
        <v>0</v>
      </c>
      <c r="BJ41" s="327">
        <v>32463</v>
      </c>
      <c r="BK41" s="327">
        <v>18550</v>
      </c>
      <c r="BL41" s="327">
        <v>0</v>
      </c>
      <c r="BM41" s="327">
        <v>0</v>
      </c>
      <c r="BN41" s="327">
        <v>0</v>
      </c>
      <c r="BO41" s="328">
        <v>51013</v>
      </c>
      <c r="BP41" s="330">
        <v>51013</v>
      </c>
      <c r="BQ41" s="326">
        <v>0</v>
      </c>
      <c r="BR41" s="327">
        <v>0</v>
      </c>
      <c r="BS41" s="328">
        <v>0</v>
      </c>
      <c r="BT41" s="326">
        <v>0</v>
      </c>
      <c r="BU41" s="327">
        <v>30051</v>
      </c>
      <c r="BV41" s="327">
        <v>45535</v>
      </c>
      <c r="BW41" s="327">
        <v>72422</v>
      </c>
      <c r="BX41" s="327">
        <v>38374</v>
      </c>
      <c r="BY41" s="327">
        <v>23296</v>
      </c>
      <c r="BZ41" s="328">
        <v>209678</v>
      </c>
      <c r="CA41" s="330">
        <v>209678</v>
      </c>
      <c r="CB41" s="326">
        <v>0</v>
      </c>
      <c r="CC41" s="327">
        <v>0</v>
      </c>
      <c r="CD41" s="328">
        <v>0</v>
      </c>
      <c r="CE41" s="326">
        <v>0</v>
      </c>
      <c r="CF41" s="327">
        <v>34336</v>
      </c>
      <c r="CG41" s="327">
        <v>239876</v>
      </c>
      <c r="CH41" s="327">
        <v>8108</v>
      </c>
      <c r="CI41" s="327">
        <v>303603</v>
      </c>
      <c r="CJ41" s="327">
        <v>0</v>
      </c>
      <c r="CK41" s="328">
        <v>585923</v>
      </c>
      <c r="CL41" s="330">
        <v>585923</v>
      </c>
      <c r="CM41" s="326">
        <v>0</v>
      </c>
      <c r="CN41" s="327">
        <v>0</v>
      </c>
      <c r="CO41" s="328">
        <v>0</v>
      </c>
      <c r="CP41" s="332">
        <v>0</v>
      </c>
      <c r="CQ41" s="327">
        <v>34336</v>
      </c>
      <c r="CR41" s="327">
        <v>239876</v>
      </c>
      <c r="CS41" s="327">
        <v>8108</v>
      </c>
      <c r="CT41" s="327">
        <v>166012</v>
      </c>
      <c r="CU41" s="327">
        <v>0</v>
      </c>
      <c r="CV41" s="328">
        <v>448332</v>
      </c>
      <c r="CW41" s="330">
        <v>448332</v>
      </c>
      <c r="CX41" s="326">
        <v>0</v>
      </c>
      <c r="CY41" s="327">
        <v>0</v>
      </c>
      <c r="CZ41" s="328">
        <v>0</v>
      </c>
      <c r="DA41" s="326">
        <v>0</v>
      </c>
      <c r="DB41" s="327">
        <v>0</v>
      </c>
      <c r="DC41" s="327">
        <v>0</v>
      </c>
      <c r="DD41" s="327">
        <v>0</v>
      </c>
      <c r="DE41" s="327">
        <v>137591</v>
      </c>
      <c r="DF41" s="327">
        <v>0</v>
      </c>
      <c r="DG41" s="328">
        <v>137591</v>
      </c>
      <c r="DH41" s="330">
        <v>137591</v>
      </c>
      <c r="DI41" s="326">
        <v>0</v>
      </c>
      <c r="DJ41" s="327">
        <v>0</v>
      </c>
      <c r="DK41" s="331">
        <v>0</v>
      </c>
      <c r="DL41" s="332">
        <v>0</v>
      </c>
      <c r="DM41" s="327">
        <v>0</v>
      </c>
      <c r="DN41" s="327">
        <v>128156</v>
      </c>
      <c r="DO41" s="327">
        <v>0</v>
      </c>
      <c r="DP41" s="327">
        <v>72405</v>
      </c>
      <c r="DQ41" s="327">
        <v>0</v>
      </c>
      <c r="DR41" s="328">
        <v>200561</v>
      </c>
      <c r="DS41" s="330">
        <v>200561</v>
      </c>
      <c r="DT41" s="326">
        <v>0</v>
      </c>
      <c r="DU41" s="327">
        <v>0</v>
      </c>
      <c r="DV41" s="328">
        <v>0</v>
      </c>
      <c r="DW41" s="326">
        <v>0</v>
      </c>
      <c r="DX41" s="327">
        <v>0</v>
      </c>
      <c r="DY41" s="327">
        <v>128156</v>
      </c>
      <c r="DZ41" s="327">
        <v>0</v>
      </c>
      <c r="EA41" s="327">
        <v>72405</v>
      </c>
      <c r="EB41" s="327">
        <v>0</v>
      </c>
      <c r="EC41" s="328">
        <v>200561</v>
      </c>
      <c r="ED41" s="330">
        <v>200561</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21350</v>
      </c>
      <c r="FN41" s="328">
        <v>21350</v>
      </c>
      <c r="FO41" s="326">
        <v>0</v>
      </c>
      <c r="FP41" s="327">
        <v>20720</v>
      </c>
      <c r="FQ41" s="327">
        <v>137606</v>
      </c>
      <c r="FR41" s="327">
        <v>35000</v>
      </c>
      <c r="FS41" s="327">
        <v>40810</v>
      </c>
      <c r="FT41" s="327">
        <v>0</v>
      </c>
      <c r="FU41" s="328">
        <v>234136</v>
      </c>
      <c r="FV41" s="330">
        <v>255486</v>
      </c>
      <c r="FW41" s="333">
        <v>0</v>
      </c>
      <c r="FX41" s="327">
        <v>21350</v>
      </c>
      <c r="FY41" s="331">
        <v>21350</v>
      </c>
      <c r="FZ41" s="332">
        <v>0</v>
      </c>
      <c r="GA41" s="327">
        <v>20720</v>
      </c>
      <c r="GB41" s="327">
        <v>137606</v>
      </c>
      <c r="GC41" s="327">
        <v>4200</v>
      </c>
      <c r="GD41" s="327">
        <v>40810</v>
      </c>
      <c r="GE41" s="327">
        <v>0</v>
      </c>
      <c r="GF41" s="328">
        <v>203336</v>
      </c>
      <c r="GG41" s="334">
        <v>224686</v>
      </c>
      <c r="GH41" s="333">
        <v>0</v>
      </c>
      <c r="GI41" s="327">
        <v>0</v>
      </c>
      <c r="GJ41" s="331">
        <v>0</v>
      </c>
      <c r="GK41" s="332">
        <v>0</v>
      </c>
      <c r="GL41" s="327">
        <v>0</v>
      </c>
      <c r="GM41" s="327">
        <v>0</v>
      </c>
      <c r="GN41" s="327">
        <v>30800</v>
      </c>
      <c r="GO41" s="327">
        <v>0</v>
      </c>
      <c r="GP41" s="327">
        <v>0</v>
      </c>
      <c r="GQ41" s="328">
        <v>30800</v>
      </c>
      <c r="GR41" s="330">
        <v>3080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275582</v>
      </c>
      <c r="HI41" s="327">
        <v>187754</v>
      </c>
      <c r="HJ41" s="327">
        <v>345317</v>
      </c>
      <c r="HK41" s="327">
        <v>356099</v>
      </c>
      <c r="HL41" s="327">
        <v>0</v>
      </c>
      <c r="HM41" s="328">
        <v>1164752</v>
      </c>
      <c r="HN41" s="329">
        <v>1164752</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7461</v>
      </c>
      <c r="IE41" s="339">
        <v>236419</v>
      </c>
      <c r="IF41" s="337">
        <v>573085</v>
      </c>
      <c r="IG41" s="336">
        <v>0</v>
      </c>
      <c r="IH41" s="337">
        <v>228008</v>
      </c>
      <c r="II41" s="340">
        <v>1044973</v>
      </c>
      <c r="IJ41" s="341">
        <v>1044973</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7461</v>
      </c>
      <c r="JL41" s="345">
        <v>15975</v>
      </c>
      <c r="JM41" s="345">
        <v>143964</v>
      </c>
      <c r="JN41" s="345">
        <v>0</v>
      </c>
      <c r="JO41" s="345">
        <v>0</v>
      </c>
      <c r="JP41" s="349">
        <v>167400</v>
      </c>
      <c r="JQ41" s="347">
        <v>167400</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202430</v>
      </c>
      <c r="KJ41" s="345">
        <v>0</v>
      </c>
      <c r="KK41" s="345">
        <v>0</v>
      </c>
      <c r="KL41" s="349">
        <v>202430</v>
      </c>
      <c r="KM41" s="354">
        <v>202430</v>
      </c>
      <c r="KN41" s="342">
        <v>0</v>
      </c>
      <c r="KO41" s="343">
        <v>0</v>
      </c>
      <c r="KP41" s="344">
        <v>0</v>
      </c>
      <c r="KQ41" s="404">
        <v>0</v>
      </c>
      <c r="KR41" s="345">
        <v>0</v>
      </c>
      <c r="KS41" s="345">
        <v>220444</v>
      </c>
      <c r="KT41" s="345">
        <v>226691</v>
      </c>
      <c r="KU41" s="345">
        <v>0</v>
      </c>
      <c r="KV41" s="345">
        <v>228008</v>
      </c>
      <c r="KW41" s="349">
        <v>675143</v>
      </c>
      <c r="KX41" s="347">
        <v>675143</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433932</v>
      </c>
      <c r="MM41" s="345">
        <v>0</v>
      </c>
      <c r="MN41" s="345">
        <v>240604</v>
      </c>
      <c r="MO41" s="349">
        <v>674536</v>
      </c>
      <c r="MP41" s="354">
        <v>674536</v>
      </c>
      <c r="MQ41" s="348">
        <v>0</v>
      </c>
      <c r="MR41" s="345">
        <v>0</v>
      </c>
      <c r="MS41" s="349">
        <v>0</v>
      </c>
      <c r="MT41" s="404">
        <v>0</v>
      </c>
      <c r="MU41" s="345">
        <v>0</v>
      </c>
      <c r="MV41" s="345">
        <v>0</v>
      </c>
      <c r="MW41" s="345">
        <v>204059</v>
      </c>
      <c r="MX41" s="345">
        <v>0</v>
      </c>
      <c r="MY41" s="345">
        <v>240604</v>
      </c>
      <c r="MZ41" s="349">
        <v>444663</v>
      </c>
      <c r="NA41" s="354">
        <v>444663</v>
      </c>
      <c r="NB41" s="348">
        <v>0</v>
      </c>
      <c r="NC41" s="345">
        <v>0</v>
      </c>
      <c r="ND41" s="349">
        <v>0</v>
      </c>
      <c r="NE41" s="404">
        <v>0</v>
      </c>
      <c r="NF41" s="345">
        <v>0</v>
      </c>
      <c r="NG41" s="345">
        <v>0</v>
      </c>
      <c r="NH41" s="345">
        <v>229873</v>
      </c>
      <c r="NI41" s="345">
        <v>0</v>
      </c>
      <c r="NJ41" s="345">
        <v>0</v>
      </c>
      <c r="NK41" s="349">
        <v>229873</v>
      </c>
      <c r="NL41" s="347">
        <v>229873</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24565</v>
      </c>
      <c r="OJ41" s="345">
        <v>53719</v>
      </c>
      <c r="OK41" s="346">
        <v>78284</v>
      </c>
      <c r="OL41" s="351">
        <v>0</v>
      </c>
      <c r="OM41" s="345">
        <v>444309</v>
      </c>
      <c r="ON41" s="345">
        <v>1198480</v>
      </c>
      <c r="OO41" s="345">
        <v>1503613</v>
      </c>
      <c r="OP41" s="345">
        <v>823875</v>
      </c>
      <c r="OQ41" s="345">
        <v>491908</v>
      </c>
      <c r="OR41" s="349">
        <v>4462185</v>
      </c>
      <c r="OS41" s="354">
        <v>4540469</v>
      </c>
    </row>
    <row r="42" spans="2:409" s="70" customFormat="1" ht="21" customHeight="1" thickBot="1" x14ac:dyDescent="0.25">
      <c r="B42" s="108" t="s">
        <v>37</v>
      </c>
      <c r="C42" s="371">
        <v>0</v>
      </c>
      <c r="D42" s="372">
        <v>0</v>
      </c>
      <c r="E42" s="373">
        <v>0</v>
      </c>
      <c r="F42" s="374">
        <v>0</v>
      </c>
      <c r="G42" s="372">
        <v>0</v>
      </c>
      <c r="H42" s="372">
        <v>0</v>
      </c>
      <c r="I42" s="372">
        <v>0</v>
      </c>
      <c r="J42" s="372">
        <v>83980</v>
      </c>
      <c r="K42" s="372">
        <v>151261</v>
      </c>
      <c r="L42" s="374">
        <v>235241</v>
      </c>
      <c r="M42" s="375">
        <v>235241</v>
      </c>
      <c r="N42" s="371">
        <v>0</v>
      </c>
      <c r="O42" s="372">
        <v>0</v>
      </c>
      <c r="P42" s="373">
        <v>0</v>
      </c>
      <c r="Q42" s="371">
        <v>0</v>
      </c>
      <c r="R42" s="372">
        <v>0</v>
      </c>
      <c r="S42" s="372">
        <v>0</v>
      </c>
      <c r="T42" s="372">
        <v>0</v>
      </c>
      <c r="U42" s="372">
        <v>48011</v>
      </c>
      <c r="V42" s="372">
        <v>91579</v>
      </c>
      <c r="W42" s="373">
        <v>139590</v>
      </c>
      <c r="X42" s="375">
        <v>139590</v>
      </c>
      <c r="Y42" s="371">
        <v>0</v>
      </c>
      <c r="Z42" s="372">
        <v>0</v>
      </c>
      <c r="AA42" s="373">
        <v>0</v>
      </c>
      <c r="AB42" s="371">
        <v>0</v>
      </c>
      <c r="AC42" s="372">
        <v>0</v>
      </c>
      <c r="AD42" s="372">
        <v>0</v>
      </c>
      <c r="AE42" s="372">
        <v>0</v>
      </c>
      <c r="AF42" s="372">
        <v>0</v>
      </c>
      <c r="AG42" s="372">
        <v>49944</v>
      </c>
      <c r="AH42" s="373">
        <v>49944</v>
      </c>
      <c r="AI42" s="375">
        <v>49944</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48011</v>
      </c>
      <c r="BC42" s="372">
        <v>30197</v>
      </c>
      <c r="BD42" s="373">
        <v>78208</v>
      </c>
      <c r="BE42" s="375">
        <v>78208</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38</v>
      </c>
      <c r="BZ42" s="373">
        <v>11438</v>
      </c>
      <c r="CA42" s="375">
        <v>11438</v>
      </c>
      <c r="CB42" s="371">
        <v>0</v>
      </c>
      <c r="CC42" s="372">
        <v>0</v>
      </c>
      <c r="CD42" s="373">
        <v>0</v>
      </c>
      <c r="CE42" s="371">
        <v>0</v>
      </c>
      <c r="CF42" s="372">
        <v>0</v>
      </c>
      <c r="CG42" s="372">
        <v>0</v>
      </c>
      <c r="CH42" s="372">
        <v>0</v>
      </c>
      <c r="CI42" s="372">
        <v>21843</v>
      </c>
      <c r="CJ42" s="372">
        <v>0</v>
      </c>
      <c r="CK42" s="373">
        <v>21843</v>
      </c>
      <c r="CL42" s="375">
        <v>21843</v>
      </c>
      <c r="CM42" s="371">
        <v>0</v>
      </c>
      <c r="CN42" s="372">
        <v>0</v>
      </c>
      <c r="CO42" s="373">
        <v>0</v>
      </c>
      <c r="CP42" s="377">
        <v>0</v>
      </c>
      <c r="CQ42" s="372">
        <v>0</v>
      </c>
      <c r="CR42" s="372">
        <v>0</v>
      </c>
      <c r="CS42" s="372">
        <v>0</v>
      </c>
      <c r="CT42" s="372">
        <v>21843</v>
      </c>
      <c r="CU42" s="372">
        <v>0</v>
      </c>
      <c r="CV42" s="373">
        <v>21843</v>
      </c>
      <c r="CW42" s="375">
        <v>21843</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23422</v>
      </c>
      <c r="DR42" s="373">
        <v>23422</v>
      </c>
      <c r="DS42" s="375">
        <v>23422</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23422</v>
      </c>
      <c r="EN42" s="376">
        <v>23422</v>
      </c>
      <c r="EO42" s="375">
        <v>23422</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0</v>
      </c>
      <c r="FR42" s="372">
        <v>0</v>
      </c>
      <c r="FS42" s="372">
        <v>14126</v>
      </c>
      <c r="FT42" s="372">
        <v>36260</v>
      </c>
      <c r="FU42" s="373">
        <v>50386</v>
      </c>
      <c r="FV42" s="375">
        <v>50386</v>
      </c>
      <c r="FW42" s="378">
        <v>0</v>
      </c>
      <c r="FX42" s="372">
        <v>0</v>
      </c>
      <c r="FY42" s="376">
        <v>0</v>
      </c>
      <c r="FZ42" s="377">
        <v>0</v>
      </c>
      <c r="GA42" s="372">
        <v>0</v>
      </c>
      <c r="GB42" s="372">
        <v>0</v>
      </c>
      <c r="GC42" s="372">
        <v>0</v>
      </c>
      <c r="GD42" s="372">
        <v>14126</v>
      </c>
      <c r="GE42" s="372">
        <v>36260</v>
      </c>
      <c r="GF42" s="373">
        <v>50386</v>
      </c>
      <c r="GG42" s="379">
        <v>50386</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147100</v>
      </c>
      <c r="II42" s="387">
        <v>147100</v>
      </c>
      <c r="IJ42" s="388">
        <v>14710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147100</v>
      </c>
      <c r="JP42" s="396">
        <v>147100</v>
      </c>
      <c r="JQ42" s="394">
        <v>14710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0</v>
      </c>
      <c r="OO42" s="392">
        <v>0</v>
      </c>
      <c r="OP42" s="392">
        <v>83980</v>
      </c>
      <c r="OQ42" s="392">
        <v>298361</v>
      </c>
      <c r="OR42" s="396">
        <v>382341</v>
      </c>
      <c r="OS42" s="401">
        <v>382341</v>
      </c>
    </row>
    <row r="43" spans="2:409" x14ac:dyDescent="0.2">
      <c r="B43" s="71"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8</v>
      </c>
      <c r="G1" s="572">
        <f>IF(F1&lt;3,F1-2+12,F1-2)</f>
        <v>6</v>
      </c>
      <c r="H1" s="572"/>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6"/>
      <c r="C3" s="424" t="s">
        <v>115</v>
      </c>
      <c r="D3" s="425"/>
      <c r="E3" s="425"/>
      <c r="F3" s="425"/>
      <c r="G3" s="425"/>
      <c r="H3" s="425"/>
      <c r="I3" s="425"/>
      <c r="J3" s="425"/>
      <c r="K3" s="425"/>
      <c r="L3" s="425"/>
      <c r="M3" s="425"/>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2"/>
      <c r="CX3" s="422"/>
      <c r="CY3" s="422"/>
      <c r="CZ3" s="422"/>
      <c r="DA3" s="422"/>
      <c r="DB3" s="422"/>
      <c r="DC3" s="422"/>
      <c r="DD3" s="422"/>
      <c r="DE3" s="422"/>
      <c r="DF3" s="422"/>
      <c r="DG3" s="422"/>
      <c r="DH3" s="423"/>
      <c r="DI3" s="424" t="s">
        <v>117</v>
      </c>
      <c r="DJ3" s="425"/>
      <c r="DK3" s="425"/>
      <c r="DL3" s="425"/>
      <c r="DM3" s="425"/>
      <c r="DN3" s="425"/>
      <c r="DO3" s="425"/>
      <c r="DP3" s="425"/>
      <c r="DQ3" s="425"/>
      <c r="DR3" s="425"/>
      <c r="DS3" s="425"/>
      <c r="DT3" s="425"/>
      <c r="DU3" s="425"/>
      <c r="DV3" s="425"/>
      <c r="DW3" s="425"/>
      <c r="DX3" s="425"/>
      <c r="DY3" s="425"/>
      <c r="DZ3" s="425"/>
      <c r="EA3" s="425"/>
      <c r="EB3" s="425"/>
      <c r="EC3" s="425"/>
      <c r="ED3" s="425"/>
      <c r="EE3" s="425"/>
      <c r="EF3" s="425"/>
      <c r="EG3" s="425"/>
      <c r="EH3" s="425"/>
      <c r="EI3" s="425"/>
      <c r="EJ3" s="425"/>
      <c r="EK3" s="425"/>
      <c r="EL3" s="425"/>
      <c r="EM3" s="425"/>
      <c r="EN3" s="425"/>
      <c r="EO3" s="425"/>
      <c r="EP3" s="425"/>
      <c r="EQ3" s="425"/>
      <c r="ER3" s="425"/>
      <c r="ES3" s="425"/>
      <c r="ET3" s="425"/>
      <c r="EU3" s="425"/>
      <c r="EV3" s="425"/>
      <c r="EW3" s="425"/>
      <c r="EX3" s="425"/>
      <c r="EY3" s="425"/>
      <c r="EZ3" s="425"/>
      <c r="FA3" s="425"/>
      <c r="FB3" s="425"/>
      <c r="FC3" s="425"/>
      <c r="FD3" s="425"/>
      <c r="FE3" s="425"/>
      <c r="FF3" s="425"/>
      <c r="FG3" s="425"/>
      <c r="FH3" s="425"/>
      <c r="FI3" s="425"/>
      <c r="FJ3" s="425"/>
      <c r="FK3" s="425"/>
      <c r="FL3" s="425"/>
      <c r="FM3" s="425"/>
      <c r="FN3" s="425"/>
      <c r="FO3" s="425"/>
      <c r="FP3" s="425"/>
      <c r="FQ3" s="425"/>
      <c r="FR3" s="425"/>
      <c r="FS3" s="425"/>
      <c r="FT3" s="425"/>
      <c r="FU3" s="425"/>
      <c r="FV3" s="425"/>
      <c r="FW3" s="425"/>
      <c r="FX3" s="425"/>
      <c r="FY3" s="425"/>
      <c r="FZ3" s="425"/>
      <c r="GA3" s="425"/>
      <c r="GB3" s="425"/>
      <c r="GC3" s="425"/>
      <c r="GD3" s="425"/>
      <c r="GE3" s="425"/>
      <c r="GF3" s="425"/>
      <c r="GG3" s="425"/>
      <c r="GH3" s="425"/>
      <c r="GI3" s="425"/>
      <c r="GJ3" s="425"/>
      <c r="GK3" s="425"/>
      <c r="GL3" s="425"/>
      <c r="GM3" s="425"/>
      <c r="GN3" s="425"/>
      <c r="GO3" s="425"/>
      <c r="GP3" s="425"/>
      <c r="GQ3" s="425"/>
      <c r="GR3" s="425"/>
      <c r="GS3" s="425"/>
      <c r="GT3" s="425"/>
      <c r="GU3" s="425"/>
      <c r="GV3" s="425"/>
      <c r="GW3" s="425"/>
      <c r="GX3" s="425"/>
      <c r="GY3" s="425"/>
      <c r="GZ3" s="425"/>
      <c r="HA3" s="425"/>
      <c r="HB3" s="425"/>
      <c r="HC3" s="425"/>
      <c r="HD3" s="425"/>
      <c r="HE3" s="425"/>
      <c r="HF3" s="425"/>
      <c r="HG3" s="425"/>
      <c r="HH3" s="425"/>
      <c r="HI3" s="425"/>
      <c r="HJ3" s="425"/>
      <c r="HK3" s="425"/>
      <c r="HL3" s="425"/>
      <c r="HM3" s="425"/>
      <c r="HN3" s="426"/>
      <c r="HO3" s="563" t="s">
        <v>60</v>
      </c>
      <c r="HP3" s="564"/>
      <c r="HQ3" s="564"/>
      <c r="HR3" s="564"/>
      <c r="HS3" s="564"/>
      <c r="HT3" s="564"/>
      <c r="HU3" s="564"/>
      <c r="HV3" s="564"/>
      <c r="HW3" s="564"/>
      <c r="HX3" s="564"/>
      <c r="HY3" s="565"/>
    </row>
    <row r="4" spans="2:233" ht="21" customHeight="1" thickBot="1" x14ac:dyDescent="0.25">
      <c r="B4" s="570"/>
      <c r="C4" s="518"/>
      <c r="D4" s="512"/>
      <c r="E4" s="512"/>
      <c r="F4" s="512"/>
      <c r="G4" s="512"/>
      <c r="H4" s="512"/>
      <c r="I4" s="512"/>
      <c r="J4" s="512"/>
      <c r="K4" s="512"/>
      <c r="L4" s="512"/>
      <c r="M4" s="578"/>
      <c r="N4" s="573" t="s">
        <v>57</v>
      </c>
      <c r="O4" s="574"/>
      <c r="P4" s="574"/>
      <c r="Q4" s="574"/>
      <c r="R4" s="574"/>
      <c r="S4" s="574"/>
      <c r="T4" s="574"/>
      <c r="U4" s="574"/>
      <c r="V4" s="574"/>
      <c r="W4" s="574"/>
      <c r="X4" s="575"/>
      <c r="Y4" s="573" t="s">
        <v>58</v>
      </c>
      <c r="Z4" s="574"/>
      <c r="AA4" s="574"/>
      <c r="AB4" s="574"/>
      <c r="AC4" s="574"/>
      <c r="AD4" s="574"/>
      <c r="AE4" s="574"/>
      <c r="AF4" s="574"/>
      <c r="AG4" s="574"/>
      <c r="AH4" s="574"/>
      <c r="AI4" s="575"/>
      <c r="AJ4" s="573" t="s">
        <v>59</v>
      </c>
      <c r="AK4" s="574"/>
      <c r="AL4" s="574"/>
      <c r="AM4" s="574"/>
      <c r="AN4" s="574"/>
      <c r="AO4" s="574"/>
      <c r="AP4" s="574"/>
      <c r="AQ4" s="574"/>
      <c r="AR4" s="574"/>
      <c r="AS4" s="574"/>
      <c r="AT4" s="575"/>
      <c r="AU4" s="573" t="s">
        <v>148</v>
      </c>
      <c r="AV4" s="574"/>
      <c r="AW4" s="574"/>
      <c r="AX4" s="574"/>
      <c r="AY4" s="574"/>
      <c r="AZ4" s="574"/>
      <c r="BA4" s="574"/>
      <c r="BB4" s="574"/>
      <c r="BC4" s="574"/>
      <c r="BD4" s="574"/>
      <c r="BE4" s="575"/>
      <c r="BF4" s="573" t="s">
        <v>116</v>
      </c>
      <c r="BG4" s="574"/>
      <c r="BH4" s="574"/>
      <c r="BI4" s="574"/>
      <c r="BJ4" s="574"/>
      <c r="BK4" s="574"/>
      <c r="BL4" s="574"/>
      <c r="BM4" s="574"/>
      <c r="BN4" s="574"/>
      <c r="BO4" s="574"/>
      <c r="BP4" s="575"/>
      <c r="BQ4" s="573" t="s">
        <v>77</v>
      </c>
      <c r="BR4" s="574"/>
      <c r="BS4" s="574"/>
      <c r="BT4" s="574"/>
      <c r="BU4" s="574"/>
      <c r="BV4" s="574"/>
      <c r="BW4" s="574"/>
      <c r="BX4" s="574"/>
      <c r="BY4" s="574"/>
      <c r="BZ4" s="574"/>
      <c r="CA4" s="575"/>
      <c r="CB4" s="573" t="s">
        <v>78</v>
      </c>
      <c r="CC4" s="574"/>
      <c r="CD4" s="574"/>
      <c r="CE4" s="574"/>
      <c r="CF4" s="574"/>
      <c r="CG4" s="574"/>
      <c r="CH4" s="574"/>
      <c r="CI4" s="574"/>
      <c r="CJ4" s="574"/>
      <c r="CK4" s="574"/>
      <c r="CL4" s="575"/>
      <c r="CM4" s="573" t="s">
        <v>79</v>
      </c>
      <c r="CN4" s="574"/>
      <c r="CO4" s="574"/>
      <c r="CP4" s="574"/>
      <c r="CQ4" s="574"/>
      <c r="CR4" s="574"/>
      <c r="CS4" s="574"/>
      <c r="CT4" s="574"/>
      <c r="CU4" s="574"/>
      <c r="CV4" s="574"/>
      <c r="CW4" s="575"/>
      <c r="CX4" s="573" t="s">
        <v>149</v>
      </c>
      <c r="CY4" s="574"/>
      <c r="CZ4" s="574"/>
      <c r="DA4" s="574"/>
      <c r="DB4" s="574"/>
      <c r="DC4" s="574"/>
      <c r="DD4" s="574"/>
      <c r="DE4" s="574"/>
      <c r="DF4" s="574"/>
      <c r="DG4" s="574"/>
      <c r="DH4" s="575"/>
      <c r="DI4" s="518"/>
      <c r="DJ4" s="512"/>
      <c r="DK4" s="512"/>
      <c r="DL4" s="512"/>
      <c r="DM4" s="512"/>
      <c r="DN4" s="512"/>
      <c r="DO4" s="512"/>
      <c r="DP4" s="512"/>
      <c r="DQ4" s="512"/>
      <c r="DR4" s="512"/>
      <c r="DS4" s="513"/>
      <c r="DT4" s="573" t="s">
        <v>57</v>
      </c>
      <c r="DU4" s="574"/>
      <c r="DV4" s="574"/>
      <c r="DW4" s="574"/>
      <c r="DX4" s="574"/>
      <c r="DY4" s="574"/>
      <c r="DZ4" s="574"/>
      <c r="EA4" s="574"/>
      <c r="EB4" s="574"/>
      <c r="EC4" s="574"/>
      <c r="ED4" s="575"/>
      <c r="EE4" s="573" t="s">
        <v>58</v>
      </c>
      <c r="EF4" s="574"/>
      <c r="EG4" s="574"/>
      <c r="EH4" s="574"/>
      <c r="EI4" s="574"/>
      <c r="EJ4" s="574"/>
      <c r="EK4" s="574"/>
      <c r="EL4" s="574"/>
      <c r="EM4" s="574"/>
      <c r="EN4" s="574"/>
      <c r="EO4" s="575"/>
      <c r="EP4" s="573" t="s">
        <v>59</v>
      </c>
      <c r="EQ4" s="574"/>
      <c r="ER4" s="574"/>
      <c r="ES4" s="574"/>
      <c r="ET4" s="574"/>
      <c r="EU4" s="574"/>
      <c r="EV4" s="574"/>
      <c r="EW4" s="574"/>
      <c r="EX4" s="574"/>
      <c r="EY4" s="574"/>
      <c r="EZ4" s="575"/>
      <c r="FA4" s="573" t="s">
        <v>148</v>
      </c>
      <c r="FB4" s="574"/>
      <c r="FC4" s="574"/>
      <c r="FD4" s="574"/>
      <c r="FE4" s="574"/>
      <c r="FF4" s="574"/>
      <c r="FG4" s="574"/>
      <c r="FH4" s="574"/>
      <c r="FI4" s="574"/>
      <c r="FJ4" s="574"/>
      <c r="FK4" s="575"/>
      <c r="FL4" s="573" t="s">
        <v>116</v>
      </c>
      <c r="FM4" s="574"/>
      <c r="FN4" s="574"/>
      <c r="FO4" s="574"/>
      <c r="FP4" s="574"/>
      <c r="FQ4" s="574"/>
      <c r="FR4" s="574"/>
      <c r="FS4" s="574"/>
      <c r="FT4" s="574"/>
      <c r="FU4" s="574"/>
      <c r="FV4" s="575"/>
      <c r="FW4" s="573" t="s">
        <v>77</v>
      </c>
      <c r="FX4" s="574"/>
      <c r="FY4" s="574"/>
      <c r="FZ4" s="574"/>
      <c r="GA4" s="574"/>
      <c r="GB4" s="574"/>
      <c r="GC4" s="574"/>
      <c r="GD4" s="574"/>
      <c r="GE4" s="574"/>
      <c r="GF4" s="574"/>
      <c r="GG4" s="575"/>
      <c r="GH4" s="573" t="s">
        <v>78</v>
      </c>
      <c r="GI4" s="574"/>
      <c r="GJ4" s="574"/>
      <c r="GK4" s="574"/>
      <c r="GL4" s="574"/>
      <c r="GM4" s="574"/>
      <c r="GN4" s="574"/>
      <c r="GO4" s="574"/>
      <c r="GP4" s="574"/>
      <c r="GQ4" s="574"/>
      <c r="GR4" s="575"/>
      <c r="GS4" s="573" t="s">
        <v>79</v>
      </c>
      <c r="GT4" s="574"/>
      <c r="GU4" s="574"/>
      <c r="GV4" s="574"/>
      <c r="GW4" s="574"/>
      <c r="GX4" s="574"/>
      <c r="GY4" s="574"/>
      <c r="GZ4" s="574"/>
      <c r="HA4" s="574"/>
      <c r="HB4" s="574"/>
      <c r="HC4" s="575"/>
      <c r="HD4" s="573" t="s">
        <v>149</v>
      </c>
      <c r="HE4" s="574"/>
      <c r="HF4" s="574"/>
      <c r="HG4" s="574"/>
      <c r="HH4" s="574"/>
      <c r="HI4" s="574"/>
      <c r="HJ4" s="574"/>
      <c r="HK4" s="574"/>
      <c r="HL4" s="574"/>
      <c r="HM4" s="574"/>
      <c r="HN4" s="575"/>
      <c r="HO4" s="566"/>
      <c r="HP4" s="567"/>
      <c r="HQ4" s="567"/>
      <c r="HR4" s="567"/>
      <c r="HS4" s="567"/>
      <c r="HT4" s="567"/>
      <c r="HU4" s="567"/>
      <c r="HV4" s="567"/>
      <c r="HW4" s="567"/>
      <c r="HX4" s="567"/>
      <c r="HY4" s="568"/>
    </row>
    <row r="5" spans="2:233" ht="21" customHeight="1" x14ac:dyDescent="0.2">
      <c r="B5" s="570"/>
      <c r="C5" s="502" t="s">
        <v>61</v>
      </c>
      <c r="D5" s="503"/>
      <c r="E5" s="504"/>
      <c r="F5" s="531" t="s">
        <v>62</v>
      </c>
      <c r="G5" s="503"/>
      <c r="H5" s="503"/>
      <c r="I5" s="503"/>
      <c r="J5" s="503"/>
      <c r="K5" s="503"/>
      <c r="L5" s="532"/>
      <c r="M5" s="571" t="s">
        <v>52</v>
      </c>
      <c r="N5" s="518" t="s">
        <v>61</v>
      </c>
      <c r="O5" s="512"/>
      <c r="P5" s="513"/>
      <c r="Q5" s="534" t="s">
        <v>62</v>
      </c>
      <c r="R5" s="512"/>
      <c r="S5" s="512"/>
      <c r="T5" s="512"/>
      <c r="U5" s="512"/>
      <c r="V5" s="512"/>
      <c r="W5" s="535"/>
      <c r="X5" s="435" t="s">
        <v>52</v>
      </c>
      <c r="Y5" s="518" t="s">
        <v>61</v>
      </c>
      <c r="Z5" s="512"/>
      <c r="AA5" s="513"/>
      <c r="AB5" s="534" t="s">
        <v>62</v>
      </c>
      <c r="AC5" s="512"/>
      <c r="AD5" s="512"/>
      <c r="AE5" s="512"/>
      <c r="AF5" s="512"/>
      <c r="AG5" s="512"/>
      <c r="AH5" s="535"/>
      <c r="AI5" s="435" t="s">
        <v>52</v>
      </c>
      <c r="AJ5" s="518" t="s">
        <v>61</v>
      </c>
      <c r="AK5" s="512"/>
      <c r="AL5" s="513"/>
      <c r="AM5" s="534" t="s">
        <v>62</v>
      </c>
      <c r="AN5" s="512"/>
      <c r="AO5" s="512"/>
      <c r="AP5" s="512"/>
      <c r="AQ5" s="512"/>
      <c r="AR5" s="512"/>
      <c r="AS5" s="535"/>
      <c r="AT5" s="435" t="s">
        <v>52</v>
      </c>
      <c r="AU5" s="518" t="s">
        <v>61</v>
      </c>
      <c r="AV5" s="512"/>
      <c r="AW5" s="513"/>
      <c r="AX5" s="534" t="s">
        <v>62</v>
      </c>
      <c r="AY5" s="512"/>
      <c r="AZ5" s="512"/>
      <c r="BA5" s="512"/>
      <c r="BB5" s="512"/>
      <c r="BC5" s="512"/>
      <c r="BD5" s="535"/>
      <c r="BE5" s="435" t="s">
        <v>52</v>
      </c>
      <c r="BF5" s="518" t="s">
        <v>61</v>
      </c>
      <c r="BG5" s="512"/>
      <c r="BH5" s="513"/>
      <c r="BI5" s="534" t="s">
        <v>62</v>
      </c>
      <c r="BJ5" s="512"/>
      <c r="BK5" s="512"/>
      <c r="BL5" s="512"/>
      <c r="BM5" s="512"/>
      <c r="BN5" s="512"/>
      <c r="BO5" s="535"/>
      <c r="BP5" s="435" t="s">
        <v>52</v>
      </c>
      <c r="BQ5" s="518" t="s">
        <v>61</v>
      </c>
      <c r="BR5" s="512"/>
      <c r="BS5" s="513"/>
      <c r="BT5" s="534" t="s">
        <v>62</v>
      </c>
      <c r="BU5" s="512"/>
      <c r="BV5" s="512"/>
      <c r="BW5" s="512"/>
      <c r="BX5" s="512"/>
      <c r="BY5" s="512"/>
      <c r="BZ5" s="535"/>
      <c r="CA5" s="435" t="s">
        <v>52</v>
      </c>
      <c r="CB5" s="518" t="s">
        <v>61</v>
      </c>
      <c r="CC5" s="512"/>
      <c r="CD5" s="513"/>
      <c r="CE5" s="534" t="s">
        <v>62</v>
      </c>
      <c r="CF5" s="512"/>
      <c r="CG5" s="512"/>
      <c r="CH5" s="512"/>
      <c r="CI5" s="512"/>
      <c r="CJ5" s="512"/>
      <c r="CK5" s="535"/>
      <c r="CL5" s="435" t="s">
        <v>52</v>
      </c>
      <c r="CM5" s="518" t="s">
        <v>61</v>
      </c>
      <c r="CN5" s="512"/>
      <c r="CO5" s="513"/>
      <c r="CP5" s="534" t="s">
        <v>62</v>
      </c>
      <c r="CQ5" s="512"/>
      <c r="CR5" s="512"/>
      <c r="CS5" s="512"/>
      <c r="CT5" s="512"/>
      <c r="CU5" s="512"/>
      <c r="CV5" s="535"/>
      <c r="CW5" s="435" t="s">
        <v>52</v>
      </c>
      <c r="CX5" s="518" t="s">
        <v>61</v>
      </c>
      <c r="CY5" s="512"/>
      <c r="CZ5" s="513"/>
      <c r="DA5" s="534" t="s">
        <v>62</v>
      </c>
      <c r="DB5" s="512"/>
      <c r="DC5" s="512"/>
      <c r="DD5" s="512"/>
      <c r="DE5" s="512"/>
      <c r="DF5" s="512"/>
      <c r="DG5" s="535"/>
      <c r="DH5" s="435" t="s">
        <v>52</v>
      </c>
      <c r="DI5" s="502" t="s">
        <v>61</v>
      </c>
      <c r="DJ5" s="503"/>
      <c r="DK5" s="504"/>
      <c r="DL5" s="531" t="s">
        <v>62</v>
      </c>
      <c r="DM5" s="503"/>
      <c r="DN5" s="503"/>
      <c r="DO5" s="503"/>
      <c r="DP5" s="503"/>
      <c r="DQ5" s="503"/>
      <c r="DR5" s="532"/>
      <c r="DS5" s="506" t="s">
        <v>52</v>
      </c>
      <c r="DT5" s="518" t="s">
        <v>61</v>
      </c>
      <c r="DU5" s="512"/>
      <c r="DV5" s="513"/>
      <c r="DW5" s="534" t="s">
        <v>62</v>
      </c>
      <c r="DX5" s="512"/>
      <c r="DY5" s="512"/>
      <c r="DZ5" s="512"/>
      <c r="EA5" s="512"/>
      <c r="EB5" s="512"/>
      <c r="EC5" s="535"/>
      <c r="ED5" s="435" t="s">
        <v>52</v>
      </c>
      <c r="EE5" s="518" t="s">
        <v>61</v>
      </c>
      <c r="EF5" s="512"/>
      <c r="EG5" s="513"/>
      <c r="EH5" s="534" t="s">
        <v>62</v>
      </c>
      <c r="EI5" s="512"/>
      <c r="EJ5" s="512"/>
      <c r="EK5" s="512"/>
      <c r="EL5" s="512"/>
      <c r="EM5" s="512"/>
      <c r="EN5" s="535"/>
      <c r="EO5" s="435" t="s">
        <v>52</v>
      </c>
      <c r="EP5" s="518" t="s">
        <v>61</v>
      </c>
      <c r="EQ5" s="512"/>
      <c r="ER5" s="513"/>
      <c r="ES5" s="534" t="s">
        <v>62</v>
      </c>
      <c r="ET5" s="512"/>
      <c r="EU5" s="512"/>
      <c r="EV5" s="512"/>
      <c r="EW5" s="512"/>
      <c r="EX5" s="512"/>
      <c r="EY5" s="535"/>
      <c r="EZ5" s="435" t="s">
        <v>52</v>
      </c>
      <c r="FA5" s="518" t="s">
        <v>61</v>
      </c>
      <c r="FB5" s="512"/>
      <c r="FC5" s="513"/>
      <c r="FD5" s="534" t="s">
        <v>62</v>
      </c>
      <c r="FE5" s="512"/>
      <c r="FF5" s="512"/>
      <c r="FG5" s="512"/>
      <c r="FH5" s="512"/>
      <c r="FI5" s="512"/>
      <c r="FJ5" s="535"/>
      <c r="FK5" s="435" t="s">
        <v>52</v>
      </c>
      <c r="FL5" s="518" t="s">
        <v>61</v>
      </c>
      <c r="FM5" s="512"/>
      <c r="FN5" s="513"/>
      <c r="FO5" s="534" t="s">
        <v>62</v>
      </c>
      <c r="FP5" s="512"/>
      <c r="FQ5" s="512"/>
      <c r="FR5" s="512"/>
      <c r="FS5" s="512"/>
      <c r="FT5" s="512"/>
      <c r="FU5" s="535"/>
      <c r="FV5" s="435" t="s">
        <v>52</v>
      </c>
      <c r="FW5" s="518" t="s">
        <v>61</v>
      </c>
      <c r="FX5" s="512"/>
      <c r="FY5" s="513"/>
      <c r="FZ5" s="534" t="s">
        <v>62</v>
      </c>
      <c r="GA5" s="512"/>
      <c r="GB5" s="512"/>
      <c r="GC5" s="512"/>
      <c r="GD5" s="512"/>
      <c r="GE5" s="512"/>
      <c r="GF5" s="535"/>
      <c r="GG5" s="435" t="s">
        <v>52</v>
      </c>
      <c r="GH5" s="518" t="s">
        <v>61</v>
      </c>
      <c r="GI5" s="512"/>
      <c r="GJ5" s="513"/>
      <c r="GK5" s="534" t="s">
        <v>62</v>
      </c>
      <c r="GL5" s="512"/>
      <c r="GM5" s="512"/>
      <c r="GN5" s="512"/>
      <c r="GO5" s="512"/>
      <c r="GP5" s="512"/>
      <c r="GQ5" s="535"/>
      <c r="GR5" s="435" t="s">
        <v>52</v>
      </c>
      <c r="GS5" s="518" t="s">
        <v>61</v>
      </c>
      <c r="GT5" s="512"/>
      <c r="GU5" s="513"/>
      <c r="GV5" s="534" t="s">
        <v>62</v>
      </c>
      <c r="GW5" s="512"/>
      <c r="GX5" s="512"/>
      <c r="GY5" s="512"/>
      <c r="GZ5" s="512"/>
      <c r="HA5" s="512"/>
      <c r="HB5" s="535"/>
      <c r="HC5" s="435" t="s">
        <v>52</v>
      </c>
      <c r="HD5" s="518" t="s">
        <v>61</v>
      </c>
      <c r="HE5" s="512"/>
      <c r="HF5" s="513"/>
      <c r="HG5" s="534" t="s">
        <v>62</v>
      </c>
      <c r="HH5" s="512"/>
      <c r="HI5" s="512"/>
      <c r="HJ5" s="512"/>
      <c r="HK5" s="512"/>
      <c r="HL5" s="512"/>
      <c r="HM5" s="535"/>
      <c r="HN5" s="435" t="s">
        <v>52</v>
      </c>
      <c r="HO5" s="518" t="s">
        <v>61</v>
      </c>
      <c r="HP5" s="512"/>
      <c r="HQ5" s="513"/>
      <c r="HR5" s="534" t="s">
        <v>62</v>
      </c>
      <c r="HS5" s="512"/>
      <c r="HT5" s="512"/>
      <c r="HU5" s="512"/>
      <c r="HV5" s="512"/>
      <c r="HW5" s="512"/>
      <c r="HX5" s="535"/>
      <c r="HY5" s="435" t="s">
        <v>52</v>
      </c>
    </row>
    <row r="6" spans="2:233" ht="30" customHeight="1" thickBot="1" x14ac:dyDescent="0.25">
      <c r="B6" s="577"/>
      <c r="C6" s="73" t="s">
        <v>118</v>
      </c>
      <c r="D6" s="74" t="s">
        <v>44</v>
      </c>
      <c r="E6" s="250" t="s">
        <v>45</v>
      </c>
      <c r="F6" s="76" t="s">
        <v>83</v>
      </c>
      <c r="G6" s="74" t="s">
        <v>47</v>
      </c>
      <c r="H6" s="74" t="s">
        <v>48</v>
      </c>
      <c r="I6" s="74" t="s">
        <v>49</v>
      </c>
      <c r="J6" s="74" t="s">
        <v>50</v>
      </c>
      <c r="K6" s="74" t="s">
        <v>51</v>
      </c>
      <c r="L6" s="75" t="s">
        <v>45</v>
      </c>
      <c r="M6" s="551"/>
      <c r="N6" s="73" t="s">
        <v>118</v>
      </c>
      <c r="O6" s="74" t="s">
        <v>44</v>
      </c>
      <c r="P6" s="250" t="s">
        <v>45</v>
      </c>
      <c r="Q6" s="76" t="s">
        <v>83</v>
      </c>
      <c r="R6" s="74" t="s">
        <v>47</v>
      </c>
      <c r="S6" s="74" t="s">
        <v>48</v>
      </c>
      <c r="T6" s="74" t="s">
        <v>49</v>
      </c>
      <c r="U6" s="74" t="s">
        <v>50</v>
      </c>
      <c r="V6" s="74" t="s">
        <v>51</v>
      </c>
      <c r="W6" s="75" t="s">
        <v>45</v>
      </c>
      <c r="X6" s="551"/>
      <c r="Y6" s="73" t="s">
        <v>118</v>
      </c>
      <c r="Z6" s="74" t="s">
        <v>44</v>
      </c>
      <c r="AA6" s="250" t="s">
        <v>45</v>
      </c>
      <c r="AB6" s="76" t="s">
        <v>83</v>
      </c>
      <c r="AC6" s="74" t="s">
        <v>47</v>
      </c>
      <c r="AD6" s="74" t="s">
        <v>48</v>
      </c>
      <c r="AE6" s="74" t="s">
        <v>49</v>
      </c>
      <c r="AF6" s="74" t="s">
        <v>50</v>
      </c>
      <c r="AG6" s="74" t="s">
        <v>51</v>
      </c>
      <c r="AH6" s="75" t="s">
        <v>45</v>
      </c>
      <c r="AI6" s="551"/>
      <c r="AJ6" s="73" t="s">
        <v>118</v>
      </c>
      <c r="AK6" s="74" t="s">
        <v>44</v>
      </c>
      <c r="AL6" s="250" t="s">
        <v>45</v>
      </c>
      <c r="AM6" s="76" t="s">
        <v>83</v>
      </c>
      <c r="AN6" s="74" t="s">
        <v>47</v>
      </c>
      <c r="AO6" s="74" t="s">
        <v>48</v>
      </c>
      <c r="AP6" s="74" t="s">
        <v>49</v>
      </c>
      <c r="AQ6" s="74" t="s">
        <v>50</v>
      </c>
      <c r="AR6" s="74" t="s">
        <v>51</v>
      </c>
      <c r="AS6" s="75" t="s">
        <v>45</v>
      </c>
      <c r="AT6" s="551"/>
      <c r="AU6" s="73" t="s">
        <v>118</v>
      </c>
      <c r="AV6" s="74" t="s">
        <v>44</v>
      </c>
      <c r="AW6" s="250" t="s">
        <v>45</v>
      </c>
      <c r="AX6" s="76" t="s">
        <v>83</v>
      </c>
      <c r="AY6" s="74" t="s">
        <v>47</v>
      </c>
      <c r="AZ6" s="74" t="s">
        <v>48</v>
      </c>
      <c r="BA6" s="74" t="s">
        <v>49</v>
      </c>
      <c r="BB6" s="74" t="s">
        <v>50</v>
      </c>
      <c r="BC6" s="74" t="s">
        <v>51</v>
      </c>
      <c r="BD6" s="75" t="s">
        <v>45</v>
      </c>
      <c r="BE6" s="551"/>
      <c r="BF6" s="73" t="s">
        <v>118</v>
      </c>
      <c r="BG6" s="74" t="s">
        <v>44</v>
      </c>
      <c r="BH6" s="250" t="s">
        <v>45</v>
      </c>
      <c r="BI6" s="76" t="s">
        <v>83</v>
      </c>
      <c r="BJ6" s="74" t="s">
        <v>47</v>
      </c>
      <c r="BK6" s="74" t="s">
        <v>48</v>
      </c>
      <c r="BL6" s="74" t="s">
        <v>49</v>
      </c>
      <c r="BM6" s="74" t="s">
        <v>50</v>
      </c>
      <c r="BN6" s="74" t="s">
        <v>51</v>
      </c>
      <c r="BO6" s="75" t="s">
        <v>45</v>
      </c>
      <c r="BP6" s="551"/>
      <c r="BQ6" s="73" t="s">
        <v>118</v>
      </c>
      <c r="BR6" s="74" t="s">
        <v>44</v>
      </c>
      <c r="BS6" s="250" t="s">
        <v>45</v>
      </c>
      <c r="BT6" s="76" t="s">
        <v>83</v>
      </c>
      <c r="BU6" s="74" t="s">
        <v>47</v>
      </c>
      <c r="BV6" s="74" t="s">
        <v>48</v>
      </c>
      <c r="BW6" s="74" t="s">
        <v>49</v>
      </c>
      <c r="BX6" s="74" t="s">
        <v>50</v>
      </c>
      <c r="BY6" s="74" t="s">
        <v>51</v>
      </c>
      <c r="BZ6" s="75" t="s">
        <v>45</v>
      </c>
      <c r="CA6" s="551"/>
      <c r="CB6" s="73" t="s">
        <v>118</v>
      </c>
      <c r="CC6" s="74" t="s">
        <v>44</v>
      </c>
      <c r="CD6" s="250" t="s">
        <v>45</v>
      </c>
      <c r="CE6" s="76" t="s">
        <v>83</v>
      </c>
      <c r="CF6" s="74" t="s">
        <v>47</v>
      </c>
      <c r="CG6" s="74" t="s">
        <v>48</v>
      </c>
      <c r="CH6" s="74" t="s">
        <v>49</v>
      </c>
      <c r="CI6" s="74" t="s">
        <v>50</v>
      </c>
      <c r="CJ6" s="74" t="s">
        <v>51</v>
      </c>
      <c r="CK6" s="75" t="s">
        <v>45</v>
      </c>
      <c r="CL6" s="551"/>
      <c r="CM6" s="73" t="s">
        <v>118</v>
      </c>
      <c r="CN6" s="74" t="s">
        <v>44</v>
      </c>
      <c r="CO6" s="250" t="s">
        <v>45</v>
      </c>
      <c r="CP6" s="76" t="s">
        <v>83</v>
      </c>
      <c r="CQ6" s="74" t="s">
        <v>47</v>
      </c>
      <c r="CR6" s="74" t="s">
        <v>48</v>
      </c>
      <c r="CS6" s="74" t="s">
        <v>49</v>
      </c>
      <c r="CT6" s="74" t="s">
        <v>50</v>
      </c>
      <c r="CU6" s="74" t="s">
        <v>51</v>
      </c>
      <c r="CV6" s="75" t="s">
        <v>45</v>
      </c>
      <c r="CW6" s="551"/>
      <c r="CX6" s="73" t="s">
        <v>118</v>
      </c>
      <c r="CY6" s="74" t="s">
        <v>44</v>
      </c>
      <c r="CZ6" s="250" t="s">
        <v>45</v>
      </c>
      <c r="DA6" s="76" t="s">
        <v>83</v>
      </c>
      <c r="DB6" s="74" t="s">
        <v>47</v>
      </c>
      <c r="DC6" s="74" t="s">
        <v>48</v>
      </c>
      <c r="DD6" s="74" t="s">
        <v>49</v>
      </c>
      <c r="DE6" s="74" t="s">
        <v>50</v>
      </c>
      <c r="DF6" s="74" t="s">
        <v>51</v>
      </c>
      <c r="DG6" s="75" t="s">
        <v>45</v>
      </c>
      <c r="DH6" s="551"/>
      <c r="DI6" s="73" t="s">
        <v>118</v>
      </c>
      <c r="DJ6" s="74" t="s">
        <v>44</v>
      </c>
      <c r="DK6" s="250" t="s">
        <v>45</v>
      </c>
      <c r="DL6" s="76" t="s">
        <v>83</v>
      </c>
      <c r="DM6" s="74" t="s">
        <v>47</v>
      </c>
      <c r="DN6" s="74" t="s">
        <v>48</v>
      </c>
      <c r="DO6" s="74" t="s">
        <v>49</v>
      </c>
      <c r="DP6" s="74" t="s">
        <v>50</v>
      </c>
      <c r="DQ6" s="74" t="s">
        <v>51</v>
      </c>
      <c r="DR6" s="75" t="s">
        <v>45</v>
      </c>
      <c r="DS6" s="549"/>
      <c r="DT6" s="73" t="s">
        <v>118</v>
      </c>
      <c r="DU6" s="74" t="s">
        <v>44</v>
      </c>
      <c r="DV6" s="250" t="s">
        <v>45</v>
      </c>
      <c r="DW6" s="76" t="s">
        <v>83</v>
      </c>
      <c r="DX6" s="74" t="s">
        <v>47</v>
      </c>
      <c r="DY6" s="74" t="s">
        <v>48</v>
      </c>
      <c r="DZ6" s="74" t="s">
        <v>49</v>
      </c>
      <c r="EA6" s="74" t="s">
        <v>50</v>
      </c>
      <c r="EB6" s="74" t="s">
        <v>51</v>
      </c>
      <c r="EC6" s="75" t="s">
        <v>45</v>
      </c>
      <c r="ED6" s="551"/>
      <c r="EE6" s="73" t="s">
        <v>118</v>
      </c>
      <c r="EF6" s="74" t="s">
        <v>44</v>
      </c>
      <c r="EG6" s="250" t="s">
        <v>45</v>
      </c>
      <c r="EH6" s="76" t="s">
        <v>83</v>
      </c>
      <c r="EI6" s="74" t="s">
        <v>47</v>
      </c>
      <c r="EJ6" s="74" t="s">
        <v>48</v>
      </c>
      <c r="EK6" s="74" t="s">
        <v>49</v>
      </c>
      <c r="EL6" s="74" t="s">
        <v>50</v>
      </c>
      <c r="EM6" s="74" t="s">
        <v>51</v>
      </c>
      <c r="EN6" s="75" t="s">
        <v>45</v>
      </c>
      <c r="EO6" s="551"/>
      <c r="EP6" s="73" t="s">
        <v>118</v>
      </c>
      <c r="EQ6" s="74" t="s">
        <v>44</v>
      </c>
      <c r="ER6" s="250" t="s">
        <v>45</v>
      </c>
      <c r="ES6" s="76" t="s">
        <v>83</v>
      </c>
      <c r="ET6" s="74" t="s">
        <v>47</v>
      </c>
      <c r="EU6" s="74" t="s">
        <v>48</v>
      </c>
      <c r="EV6" s="74" t="s">
        <v>49</v>
      </c>
      <c r="EW6" s="74" t="s">
        <v>50</v>
      </c>
      <c r="EX6" s="74" t="s">
        <v>51</v>
      </c>
      <c r="EY6" s="75" t="s">
        <v>45</v>
      </c>
      <c r="EZ6" s="551"/>
      <c r="FA6" s="73" t="s">
        <v>118</v>
      </c>
      <c r="FB6" s="74" t="s">
        <v>44</v>
      </c>
      <c r="FC6" s="250" t="s">
        <v>45</v>
      </c>
      <c r="FD6" s="76" t="s">
        <v>83</v>
      </c>
      <c r="FE6" s="74" t="s">
        <v>47</v>
      </c>
      <c r="FF6" s="74" t="s">
        <v>48</v>
      </c>
      <c r="FG6" s="74" t="s">
        <v>49</v>
      </c>
      <c r="FH6" s="74" t="s">
        <v>50</v>
      </c>
      <c r="FI6" s="74" t="s">
        <v>51</v>
      </c>
      <c r="FJ6" s="75" t="s">
        <v>45</v>
      </c>
      <c r="FK6" s="551"/>
      <c r="FL6" s="73" t="s">
        <v>118</v>
      </c>
      <c r="FM6" s="74" t="s">
        <v>44</v>
      </c>
      <c r="FN6" s="250" t="s">
        <v>45</v>
      </c>
      <c r="FO6" s="76" t="s">
        <v>83</v>
      </c>
      <c r="FP6" s="74" t="s">
        <v>47</v>
      </c>
      <c r="FQ6" s="74" t="s">
        <v>48</v>
      </c>
      <c r="FR6" s="74" t="s">
        <v>49</v>
      </c>
      <c r="FS6" s="74" t="s">
        <v>50</v>
      </c>
      <c r="FT6" s="74" t="s">
        <v>51</v>
      </c>
      <c r="FU6" s="75" t="s">
        <v>45</v>
      </c>
      <c r="FV6" s="551"/>
      <c r="FW6" s="73" t="s">
        <v>118</v>
      </c>
      <c r="FX6" s="74" t="s">
        <v>44</v>
      </c>
      <c r="FY6" s="250" t="s">
        <v>45</v>
      </c>
      <c r="FZ6" s="76" t="s">
        <v>83</v>
      </c>
      <c r="GA6" s="74" t="s">
        <v>47</v>
      </c>
      <c r="GB6" s="74" t="s">
        <v>48</v>
      </c>
      <c r="GC6" s="74" t="s">
        <v>49</v>
      </c>
      <c r="GD6" s="74" t="s">
        <v>50</v>
      </c>
      <c r="GE6" s="74" t="s">
        <v>51</v>
      </c>
      <c r="GF6" s="75" t="s">
        <v>45</v>
      </c>
      <c r="GG6" s="551"/>
      <c r="GH6" s="73" t="s">
        <v>118</v>
      </c>
      <c r="GI6" s="74" t="s">
        <v>44</v>
      </c>
      <c r="GJ6" s="250" t="s">
        <v>45</v>
      </c>
      <c r="GK6" s="76" t="s">
        <v>83</v>
      </c>
      <c r="GL6" s="74" t="s">
        <v>47</v>
      </c>
      <c r="GM6" s="74" t="s">
        <v>48</v>
      </c>
      <c r="GN6" s="74" t="s">
        <v>49</v>
      </c>
      <c r="GO6" s="74" t="s">
        <v>50</v>
      </c>
      <c r="GP6" s="74" t="s">
        <v>51</v>
      </c>
      <c r="GQ6" s="75" t="s">
        <v>45</v>
      </c>
      <c r="GR6" s="551"/>
      <c r="GS6" s="73" t="s">
        <v>118</v>
      </c>
      <c r="GT6" s="74" t="s">
        <v>44</v>
      </c>
      <c r="GU6" s="250" t="s">
        <v>45</v>
      </c>
      <c r="GV6" s="76" t="s">
        <v>83</v>
      </c>
      <c r="GW6" s="74" t="s">
        <v>47</v>
      </c>
      <c r="GX6" s="74" t="s">
        <v>48</v>
      </c>
      <c r="GY6" s="74" t="s">
        <v>49</v>
      </c>
      <c r="GZ6" s="74" t="s">
        <v>50</v>
      </c>
      <c r="HA6" s="74" t="s">
        <v>51</v>
      </c>
      <c r="HB6" s="75" t="s">
        <v>45</v>
      </c>
      <c r="HC6" s="551"/>
      <c r="HD6" s="73" t="s">
        <v>118</v>
      </c>
      <c r="HE6" s="74" t="s">
        <v>44</v>
      </c>
      <c r="HF6" s="250" t="s">
        <v>45</v>
      </c>
      <c r="HG6" s="76" t="s">
        <v>83</v>
      </c>
      <c r="HH6" s="74" t="s">
        <v>47</v>
      </c>
      <c r="HI6" s="74" t="s">
        <v>48</v>
      </c>
      <c r="HJ6" s="74" t="s">
        <v>49</v>
      </c>
      <c r="HK6" s="74" t="s">
        <v>50</v>
      </c>
      <c r="HL6" s="74" t="s">
        <v>51</v>
      </c>
      <c r="HM6" s="75" t="s">
        <v>45</v>
      </c>
      <c r="HN6" s="551"/>
      <c r="HO6" s="73" t="s">
        <v>118</v>
      </c>
      <c r="HP6" s="74" t="s">
        <v>44</v>
      </c>
      <c r="HQ6" s="250" t="s">
        <v>45</v>
      </c>
      <c r="HR6" s="76" t="s">
        <v>83</v>
      </c>
      <c r="HS6" s="74" t="s">
        <v>47</v>
      </c>
      <c r="HT6" s="74" t="s">
        <v>48</v>
      </c>
      <c r="HU6" s="74" t="s">
        <v>49</v>
      </c>
      <c r="HV6" s="74" t="s">
        <v>50</v>
      </c>
      <c r="HW6" s="74" t="s">
        <v>51</v>
      </c>
      <c r="HX6" s="75" t="s">
        <v>45</v>
      </c>
      <c r="HY6" s="551"/>
    </row>
    <row r="7" spans="2:233" s="294" customFormat="1" ht="21" customHeight="1" x14ac:dyDescent="0.2">
      <c r="B7" s="84" t="s">
        <v>4</v>
      </c>
      <c r="C7" s="49">
        <v>13710</v>
      </c>
      <c r="D7" s="50">
        <v>91570</v>
      </c>
      <c r="E7" s="51">
        <v>105280</v>
      </c>
      <c r="F7" s="52">
        <v>0</v>
      </c>
      <c r="G7" s="50">
        <v>16514717</v>
      </c>
      <c r="H7" s="50">
        <v>39417035</v>
      </c>
      <c r="I7" s="50">
        <v>114034839</v>
      </c>
      <c r="J7" s="50">
        <v>154045503</v>
      </c>
      <c r="K7" s="50">
        <v>93051685</v>
      </c>
      <c r="L7" s="53">
        <v>417063779</v>
      </c>
      <c r="M7" s="54">
        <v>417169059</v>
      </c>
      <c r="N7" s="49">
        <v>0</v>
      </c>
      <c r="O7" s="50">
        <v>0</v>
      </c>
      <c r="P7" s="51">
        <v>0</v>
      </c>
      <c r="Q7" s="402">
        <v>0</v>
      </c>
      <c r="R7" s="50">
        <v>4227945</v>
      </c>
      <c r="S7" s="50">
        <v>14934978</v>
      </c>
      <c r="T7" s="50">
        <v>78257433</v>
      </c>
      <c r="U7" s="50">
        <v>113267725</v>
      </c>
      <c r="V7" s="50">
        <v>71499506</v>
      </c>
      <c r="W7" s="53">
        <v>282187587</v>
      </c>
      <c r="X7" s="54">
        <v>282187587</v>
      </c>
      <c r="Y7" s="49">
        <v>0</v>
      </c>
      <c r="Z7" s="50">
        <v>0</v>
      </c>
      <c r="AA7" s="51">
        <v>0</v>
      </c>
      <c r="AB7" s="402">
        <v>0</v>
      </c>
      <c r="AC7" s="50">
        <v>10194033</v>
      </c>
      <c r="AD7" s="50">
        <v>20169951</v>
      </c>
      <c r="AE7" s="50">
        <v>26093616</v>
      </c>
      <c r="AF7" s="50">
        <v>30139375</v>
      </c>
      <c r="AG7" s="50">
        <v>14012006</v>
      </c>
      <c r="AH7" s="53">
        <v>100608981</v>
      </c>
      <c r="AI7" s="54">
        <v>100608981</v>
      </c>
      <c r="AJ7" s="49">
        <v>0</v>
      </c>
      <c r="AK7" s="50">
        <v>0</v>
      </c>
      <c r="AL7" s="51">
        <v>0</v>
      </c>
      <c r="AM7" s="402">
        <v>0</v>
      </c>
      <c r="AN7" s="50">
        <v>0</v>
      </c>
      <c r="AO7" s="50">
        <v>0</v>
      </c>
      <c r="AP7" s="50">
        <v>0</v>
      </c>
      <c r="AQ7" s="50">
        <v>0</v>
      </c>
      <c r="AR7" s="50">
        <v>0</v>
      </c>
      <c r="AS7" s="53">
        <v>0</v>
      </c>
      <c r="AT7" s="54">
        <v>0</v>
      </c>
      <c r="AU7" s="49">
        <v>0</v>
      </c>
      <c r="AV7" s="50">
        <v>0</v>
      </c>
      <c r="AW7" s="51">
        <v>0</v>
      </c>
      <c r="AX7" s="402">
        <v>0</v>
      </c>
      <c r="AY7" s="50">
        <v>274735</v>
      </c>
      <c r="AZ7" s="50">
        <v>194340</v>
      </c>
      <c r="BA7" s="50">
        <v>361875</v>
      </c>
      <c r="BB7" s="50">
        <v>1980045</v>
      </c>
      <c r="BC7" s="50">
        <v>2968555</v>
      </c>
      <c r="BD7" s="53">
        <v>5779550</v>
      </c>
      <c r="BE7" s="54">
        <v>5779550</v>
      </c>
      <c r="BF7" s="49">
        <v>0</v>
      </c>
      <c r="BG7" s="50">
        <v>0</v>
      </c>
      <c r="BH7" s="51">
        <v>0</v>
      </c>
      <c r="BI7" s="402">
        <v>0</v>
      </c>
      <c r="BJ7" s="50">
        <v>36750</v>
      </c>
      <c r="BK7" s="50">
        <v>289060</v>
      </c>
      <c r="BL7" s="50">
        <v>1520820</v>
      </c>
      <c r="BM7" s="50">
        <v>1906665</v>
      </c>
      <c r="BN7" s="50">
        <v>1211595</v>
      </c>
      <c r="BO7" s="53">
        <v>4964890</v>
      </c>
      <c r="BP7" s="54">
        <v>4964890</v>
      </c>
      <c r="BQ7" s="49">
        <v>13420</v>
      </c>
      <c r="BR7" s="50">
        <v>91280</v>
      </c>
      <c r="BS7" s="51">
        <v>104700</v>
      </c>
      <c r="BT7" s="52">
        <v>0</v>
      </c>
      <c r="BU7" s="50">
        <v>1650606</v>
      </c>
      <c r="BV7" s="50">
        <v>3598679</v>
      </c>
      <c r="BW7" s="50">
        <v>7527396</v>
      </c>
      <c r="BX7" s="50">
        <v>6465852</v>
      </c>
      <c r="BY7" s="50">
        <v>3114518</v>
      </c>
      <c r="BZ7" s="53">
        <v>22357051</v>
      </c>
      <c r="CA7" s="54">
        <v>22461751</v>
      </c>
      <c r="CB7" s="49">
        <v>290</v>
      </c>
      <c r="CC7" s="50">
        <v>290</v>
      </c>
      <c r="CD7" s="51">
        <v>580</v>
      </c>
      <c r="CE7" s="52">
        <v>0</v>
      </c>
      <c r="CF7" s="50">
        <v>130648</v>
      </c>
      <c r="CG7" s="50">
        <v>230027</v>
      </c>
      <c r="CH7" s="50">
        <v>273699</v>
      </c>
      <c r="CI7" s="50">
        <v>285841</v>
      </c>
      <c r="CJ7" s="50">
        <v>245505</v>
      </c>
      <c r="CK7" s="53">
        <v>1165720</v>
      </c>
      <c r="CL7" s="54">
        <v>1166300</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16937</v>
      </c>
      <c r="DJ7" s="50">
        <v>154351</v>
      </c>
      <c r="DK7" s="51">
        <v>171288</v>
      </c>
      <c r="DL7" s="52">
        <v>0</v>
      </c>
      <c r="DM7" s="50">
        <v>10658359</v>
      </c>
      <c r="DN7" s="50">
        <v>32506556</v>
      </c>
      <c r="DO7" s="50">
        <v>126891757</v>
      </c>
      <c r="DP7" s="50">
        <v>162691355</v>
      </c>
      <c r="DQ7" s="50">
        <v>98146389</v>
      </c>
      <c r="DR7" s="53">
        <v>430894416</v>
      </c>
      <c r="DS7" s="55">
        <v>431065704</v>
      </c>
      <c r="DT7" s="49">
        <v>0</v>
      </c>
      <c r="DU7" s="50">
        <v>0</v>
      </c>
      <c r="DV7" s="51">
        <v>0</v>
      </c>
      <c r="DW7" s="402">
        <v>0</v>
      </c>
      <c r="DX7" s="50">
        <v>5532800</v>
      </c>
      <c r="DY7" s="50">
        <v>20858131</v>
      </c>
      <c r="DZ7" s="50">
        <v>105270121</v>
      </c>
      <c r="EA7" s="50">
        <v>142188082</v>
      </c>
      <c r="EB7" s="50">
        <v>86627145</v>
      </c>
      <c r="EC7" s="53">
        <v>360476279</v>
      </c>
      <c r="ED7" s="54">
        <v>360476279</v>
      </c>
      <c r="EE7" s="49">
        <v>0</v>
      </c>
      <c r="EF7" s="50">
        <v>0</v>
      </c>
      <c r="EG7" s="51">
        <v>0</v>
      </c>
      <c r="EH7" s="402">
        <v>0</v>
      </c>
      <c r="EI7" s="50">
        <v>2379838</v>
      </c>
      <c r="EJ7" s="50">
        <v>5293761</v>
      </c>
      <c r="EK7" s="50">
        <v>6731433</v>
      </c>
      <c r="EL7" s="50">
        <v>6677621</v>
      </c>
      <c r="EM7" s="50">
        <v>3653051</v>
      </c>
      <c r="EN7" s="53">
        <v>24735704</v>
      </c>
      <c r="EO7" s="54">
        <v>24735704</v>
      </c>
      <c r="EP7" s="49">
        <v>0</v>
      </c>
      <c r="EQ7" s="50">
        <v>0</v>
      </c>
      <c r="ER7" s="51">
        <v>0</v>
      </c>
      <c r="ES7" s="402">
        <v>0</v>
      </c>
      <c r="ET7" s="50">
        <v>0</v>
      </c>
      <c r="EU7" s="50">
        <v>0</v>
      </c>
      <c r="EV7" s="50">
        <v>0</v>
      </c>
      <c r="EW7" s="50">
        <v>0</v>
      </c>
      <c r="EX7" s="50">
        <v>0</v>
      </c>
      <c r="EY7" s="53">
        <v>0</v>
      </c>
      <c r="EZ7" s="54">
        <v>0</v>
      </c>
      <c r="FA7" s="49">
        <v>0</v>
      </c>
      <c r="FB7" s="50">
        <v>0</v>
      </c>
      <c r="FC7" s="51">
        <v>0</v>
      </c>
      <c r="FD7" s="402">
        <v>0</v>
      </c>
      <c r="FE7" s="50">
        <v>54751</v>
      </c>
      <c r="FF7" s="50">
        <v>34501</v>
      </c>
      <c r="FG7" s="50">
        <v>62013</v>
      </c>
      <c r="FH7" s="50">
        <v>297361</v>
      </c>
      <c r="FI7" s="50">
        <v>575168</v>
      </c>
      <c r="FJ7" s="53">
        <v>1023794</v>
      </c>
      <c r="FK7" s="54">
        <v>1023794</v>
      </c>
      <c r="FL7" s="49">
        <v>0</v>
      </c>
      <c r="FM7" s="50">
        <v>0</v>
      </c>
      <c r="FN7" s="51">
        <v>0</v>
      </c>
      <c r="FO7" s="402">
        <v>0</v>
      </c>
      <c r="FP7" s="50">
        <v>77340</v>
      </c>
      <c r="FQ7" s="50">
        <v>394086</v>
      </c>
      <c r="FR7" s="50">
        <v>2558687</v>
      </c>
      <c r="FS7" s="50">
        <v>3240583</v>
      </c>
      <c r="FT7" s="50">
        <v>2061546</v>
      </c>
      <c r="FU7" s="53">
        <v>8332242</v>
      </c>
      <c r="FV7" s="54">
        <v>8332242</v>
      </c>
      <c r="FW7" s="49">
        <v>16909</v>
      </c>
      <c r="FX7" s="50">
        <v>154323</v>
      </c>
      <c r="FY7" s="51">
        <v>171232</v>
      </c>
      <c r="FZ7" s="52">
        <v>0</v>
      </c>
      <c r="GA7" s="50">
        <v>2565685</v>
      </c>
      <c r="GB7" s="50">
        <v>5798806</v>
      </c>
      <c r="GC7" s="50">
        <v>12065250</v>
      </c>
      <c r="GD7" s="50">
        <v>10119173</v>
      </c>
      <c r="GE7" s="50">
        <v>5044406</v>
      </c>
      <c r="GF7" s="53">
        <v>35593320</v>
      </c>
      <c r="GG7" s="54">
        <v>35764552</v>
      </c>
      <c r="GH7" s="49">
        <v>28</v>
      </c>
      <c r="GI7" s="50">
        <v>28</v>
      </c>
      <c r="GJ7" s="51">
        <v>56</v>
      </c>
      <c r="GK7" s="52">
        <v>0</v>
      </c>
      <c r="GL7" s="50">
        <v>47945</v>
      </c>
      <c r="GM7" s="50">
        <v>127271</v>
      </c>
      <c r="GN7" s="50">
        <v>204253</v>
      </c>
      <c r="GO7" s="50">
        <v>168535</v>
      </c>
      <c r="GP7" s="50">
        <v>185073</v>
      </c>
      <c r="GQ7" s="53">
        <v>733077</v>
      </c>
      <c r="GR7" s="54">
        <v>733133</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30647</v>
      </c>
      <c r="HP7" s="50">
        <v>245921</v>
      </c>
      <c r="HQ7" s="51">
        <v>276568</v>
      </c>
      <c r="HR7" s="52">
        <v>0</v>
      </c>
      <c r="HS7" s="50">
        <v>27173076</v>
      </c>
      <c r="HT7" s="50">
        <v>71923591</v>
      </c>
      <c r="HU7" s="50">
        <v>240926596</v>
      </c>
      <c r="HV7" s="50">
        <v>316736858</v>
      </c>
      <c r="HW7" s="50">
        <v>191198074</v>
      </c>
      <c r="HX7" s="53">
        <v>847958195</v>
      </c>
      <c r="HY7" s="54">
        <v>848234763</v>
      </c>
    </row>
    <row r="8" spans="2:233" s="294" customFormat="1" ht="21" customHeight="1" x14ac:dyDescent="0.2">
      <c r="B8" s="95" t="s">
        <v>5</v>
      </c>
      <c r="C8" s="56">
        <v>870</v>
      </c>
      <c r="D8" s="57">
        <v>33544</v>
      </c>
      <c r="E8" s="58">
        <v>34414</v>
      </c>
      <c r="F8" s="59">
        <v>0</v>
      </c>
      <c r="G8" s="57">
        <v>6494672</v>
      </c>
      <c r="H8" s="57">
        <v>20552194</v>
      </c>
      <c r="I8" s="57">
        <v>49116675</v>
      </c>
      <c r="J8" s="57">
        <v>65154563</v>
      </c>
      <c r="K8" s="57">
        <v>41156773</v>
      </c>
      <c r="L8" s="60">
        <v>182474877</v>
      </c>
      <c r="M8" s="61">
        <v>182509291</v>
      </c>
      <c r="N8" s="56">
        <v>0</v>
      </c>
      <c r="O8" s="57">
        <v>0</v>
      </c>
      <c r="P8" s="58">
        <v>0</v>
      </c>
      <c r="Q8" s="403">
        <v>0</v>
      </c>
      <c r="R8" s="57">
        <v>2126965</v>
      </c>
      <c r="S8" s="57">
        <v>10101283</v>
      </c>
      <c r="T8" s="57">
        <v>34645701</v>
      </c>
      <c r="U8" s="57">
        <v>48901309</v>
      </c>
      <c r="V8" s="57">
        <v>31988923</v>
      </c>
      <c r="W8" s="60">
        <v>127764181</v>
      </c>
      <c r="X8" s="61">
        <v>127764181</v>
      </c>
      <c r="Y8" s="56">
        <v>0</v>
      </c>
      <c r="Z8" s="57">
        <v>0</v>
      </c>
      <c r="AA8" s="58">
        <v>0</v>
      </c>
      <c r="AB8" s="403">
        <v>0</v>
      </c>
      <c r="AC8" s="57">
        <v>3795718</v>
      </c>
      <c r="AD8" s="57">
        <v>8775762</v>
      </c>
      <c r="AE8" s="57">
        <v>11176706</v>
      </c>
      <c r="AF8" s="57">
        <v>13470073</v>
      </c>
      <c r="AG8" s="57">
        <v>7016985</v>
      </c>
      <c r="AH8" s="60">
        <v>44235244</v>
      </c>
      <c r="AI8" s="61">
        <v>44235244</v>
      </c>
      <c r="AJ8" s="56">
        <v>0</v>
      </c>
      <c r="AK8" s="57">
        <v>0</v>
      </c>
      <c r="AL8" s="58">
        <v>0</v>
      </c>
      <c r="AM8" s="403">
        <v>0</v>
      </c>
      <c r="AN8" s="57">
        <v>0</v>
      </c>
      <c r="AO8" s="57">
        <v>0</v>
      </c>
      <c r="AP8" s="57">
        <v>0</v>
      </c>
      <c r="AQ8" s="57">
        <v>0</v>
      </c>
      <c r="AR8" s="57">
        <v>0</v>
      </c>
      <c r="AS8" s="60">
        <v>0</v>
      </c>
      <c r="AT8" s="61">
        <v>0</v>
      </c>
      <c r="AU8" s="56">
        <v>0</v>
      </c>
      <c r="AV8" s="57">
        <v>0</v>
      </c>
      <c r="AW8" s="58">
        <v>0</v>
      </c>
      <c r="AX8" s="403">
        <v>0</v>
      </c>
      <c r="AY8" s="57">
        <v>23850</v>
      </c>
      <c r="AZ8" s="57">
        <v>0</v>
      </c>
      <c r="BA8" s="57">
        <v>57900</v>
      </c>
      <c r="BB8" s="57">
        <v>489125</v>
      </c>
      <c r="BC8" s="57">
        <v>497990</v>
      </c>
      <c r="BD8" s="60">
        <v>1068865</v>
      </c>
      <c r="BE8" s="61">
        <v>1068865</v>
      </c>
      <c r="BF8" s="56">
        <v>0</v>
      </c>
      <c r="BG8" s="57">
        <v>0</v>
      </c>
      <c r="BH8" s="58">
        <v>0</v>
      </c>
      <c r="BI8" s="403">
        <v>0</v>
      </c>
      <c r="BJ8" s="57">
        <v>34200</v>
      </c>
      <c r="BK8" s="57">
        <v>134850</v>
      </c>
      <c r="BL8" s="57">
        <v>222280</v>
      </c>
      <c r="BM8" s="57">
        <v>145065</v>
      </c>
      <c r="BN8" s="57">
        <v>200185</v>
      </c>
      <c r="BO8" s="60">
        <v>736580</v>
      </c>
      <c r="BP8" s="61">
        <v>736580</v>
      </c>
      <c r="BQ8" s="56">
        <v>580</v>
      </c>
      <c r="BR8" s="57">
        <v>33544</v>
      </c>
      <c r="BS8" s="58">
        <v>34124</v>
      </c>
      <c r="BT8" s="59">
        <v>0</v>
      </c>
      <c r="BU8" s="57">
        <v>471614</v>
      </c>
      <c r="BV8" s="57">
        <v>1426863</v>
      </c>
      <c r="BW8" s="57">
        <v>2861208</v>
      </c>
      <c r="BX8" s="57">
        <v>1986045</v>
      </c>
      <c r="BY8" s="57">
        <v>1343017</v>
      </c>
      <c r="BZ8" s="60">
        <v>8088747</v>
      </c>
      <c r="CA8" s="61">
        <v>8122871</v>
      </c>
      <c r="CB8" s="56">
        <v>290</v>
      </c>
      <c r="CC8" s="57">
        <v>0</v>
      </c>
      <c r="CD8" s="58">
        <v>290</v>
      </c>
      <c r="CE8" s="59">
        <v>0</v>
      </c>
      <c r="CF8" s="57">
        <v>42325</v>
      </c>
      <c r="CG8" s="57">
        <v>113436</v>
      </c>
      <c r="CH8" s="57">
        <v>152880</v>
      </c>
      <c r="CI8" s="57">
        <v>162946</v>
      </c>
      <c r="CJ8" s="57">
        <v>109673</v>
      </c>
      <c r="CK8" s="60">
        <v>581260</v>
      </c>
      <c r="CL8" s="61">
        <v>581550</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5239</v>
      </c>
      <c r="DJ8" s="57">
        <v>68744</v>
      </c>
      <c r="DK8" s="58">
        <v>73983</v>
      </c>
      <c r="DL8" s="59">
        <v>0</v>
      </c>
      <c r="DM8" s="57">
        <v>5394278</v>
      </c>
      <c r="DN8" s="57">
        <v>20233780</v>
      </c>
      <c r="DO8" s="57">
        <v>57747248</v>
      </c>
      <c r="DP8" s="57">
        <v>70392762</v>
      </c>
      <c r="DQ8" s="57">
        <v>44417340</v>
      </c>
      <c r="DR8" s="60">
        <v>198185408</v>
      </c>
      <c r="DS8" s="62">
        <v>198259391</v>
      </c>
      <c r="DT8" s="56">
        <v>0</v>
      </c>
      <c r="DU8" s="57">
        <v>0</v>
      </c>
      <c r="DV8" s="58">
        <v>0</v>
      </c>
      <c r="DW8" s="403">
        <v>0</v>
      </c>
      <c r="DX8" s="57">
        <v>3281486</v>
      </c>
      <c r="DY8" s="57">
        <v>14416093</v>
      </c>
      <c r="DZ8" s="57">
        <v>48524448</v>
      </c>
      <c r="EA8" s="57">
        <v>62463623</v>
      </c>
      <c r="EB8" s="57">
        <v>39250123</v>
      </c>
      <c r="EC8" s="60">
        <v>167935773</v>
      </c>
      <c r="ED8" s="61">
        <v>167935773</v>
      </c>
      <c r="EE8" s="56">
        <v>0</v>
      </c>
      <c r="EF8" s="57">
        <v>0</v>
      </c>
      <c r="EG8" s="58">
        <v>0</v>
      </c>
      <c r="EH8" s="403">
        <v>0</v>
      </c>
      <c r="EI8" s="57">
        <v>1181234</v>
      </c>
      <c r="EJ8" s="57">
        <v>3299612</v>
      </c>
      <c r="EK8" s="57">
        <v>3830965</v>
      </c>
      <c r="EL8" s="57">
        <v>3990414</v>
      </c>
      <c r="EM8" s="57">
        <v>2406606</v>
      </c>
      <c r="EN8" s="60">
        <v>14708831</v>
      </c>
      <c r="EO8" s="61">
        <v>14708831</v>
      </c>
      <c r="EP8" s="56">
        <v>0</v>
      </c>
      <c r="EQ8" s="57">
        <v>0</v>
      </c>
      <c r="ER8" s="58">
        <v>0</v>
      </c>
      <c r="ES8" s="403">
        <v>0</v>
      </c>
      <c r="ET8" s="57">
        <v>0</v>
      </c>
      <c r="EU8" s="57">
        <v>0</v>
      </c>
      <c r="EV8" s="57">
        <v>0</v>
      </c>
      <c r="EW8" s="57">
        <v>0</v>
      </c>
      <c r="EX8" s="57">
        <v>0</v>
      </c>
      <c r="EY8" s="60">
        <v>0</v>
      </c>
      <c r="EZ8" s="61">
        <v>0</v>
      </c>
      <c r="FA8" s="56">
        <v>0</v>
      </c>
      <c r="FB8" s="57">
        <v>0</v>
      </c>
      <c r="FC8" s="58">
        <v>0</v>
      </c>
      <c r="FD8" s="403">
        <v>0</v>
      </c>
      <c r="FE8" s="57">
        <v>210</v>
      </c>
      <c r="FF8" s="57">
        <v>0</v>
      </c>
      <c r="FG8" s="57">
        <v>11790</v>
      </c>
      <c r="FH8" s="57">
        <v>80561</v>
      </c>
      <c r="FI8" s="57">
        <v>172179</v>
      </c>
      <c r="FJ8" s="60">
        <v>264740</v>
      </c>
      <c r="FK8" s="61">
        <v>264740</v>
      </c>
      <c r="FL8" s="56">
        <v>0</v>
      </c>
      <c r="FM8" s="57">
        <v>0</v>
      </c>
      <c r="FN8" s="58">
        <v>0</v>
      </c>
      <c r="FO8" s="403">
        <v>0</v>
      </c>
      <c r="FP8" s="57">
        <v>56460</v>
      </c>
      <c r="FQ8" s="57">
        <v>133800</v>
      </c>
      <c r="FR8" s="57">
        <v>361076</v>
      </c>
      <c r="FS8" s="57">
        <v>363564</v>
      </c>
      <c r="FT8" s="57">
        <v>351816</v>
      </c>
      <c r="FU8" s="60">
        <v>1266716</v>
      </c>
      <c r="FV8" s="61">
        <v>1266716</v>
      </c>
      <c r="FW8" s="56">
        <v>5211</v>
      </c>
      <c r="FX8" s="57">
        <v>68744</v>
      </c>
      <c r="FY8" s="58">
        <v>73955</v>
      </c>
      <c r="FZ8" s="59">
        <v>0</v>
      </c>
      <c r="GA8" s="57">
        <v>842624</v>
      </c>
      <c r="GB8" s="57">
        <v>2323994</v>
      </c>
      <c r="GC8" s="57">
        <v>4888786</v>
      </c>
      <c r="GD8" s="57">
        <v>3393577</v>
      </c>
      <c r="GE8" s="57">
        <v>2172571</v>
      </c>
      <c r="GF8" s="60">
        <v>13621552</v>
      </c>
      <c r="GG8" s="61">
        <v>13695507</v>
      </c>
      <c r="GH8" s="56">
        <v>28</v>
      </c>
      <c r="GI8" s="57">
        <v>0</v>
      </c>
      <c r="GJ8" s="58">
        <v>28</v>
      </c>
      <c r="GK8" s="59">
        <v>0</v>
      </c>
      <c r="GL8" s="57">
        <v>32264</v>
      </c>
      <c r="GM8" s="57">
        <v>60281</v>
      </c>
      <c r="GN8" s="57">
        <v>130183</v>
      </c>
      <c r="GO8" s="57">
        <v>101023</v>
      </c>
      <c r="GP8" s="57">
        <v>64045</v>
      </c>
      <c r="GQ8" s="60">
        <v>387796</v>
      </c>
      <c r="GR8" s="61">
        <v>387824</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6109</v>
      </c>
      <c r="HP8" s="57">
        <v>102288</v>
      </c>
      <c r="HQ8" s="58">
        <v>108397</v>
      </c>
      <c r="HR8" s="59">
        <v>0</v>
      </c>
      <c r="HS8" s="57">
        <v>11888950</v>
      </c>
      <c r="HT8" s="57">
        <v>40785974</v>
      </c>
      <c r="HU8" s="57">
        <v>106863923</v>
      </c>
      <c r="HV8" s="57">
        <v>135547325</v>
      </c>
      <c r="HW8" s="57">
        <v>85574113</v>
      </c>
      <c r="HX8" s="60">
        <v>380660285</v>
      </c>
      <c r="HY8" s="61">
        <v>380768682</v>
      </c>
    </row>
    <row r="9" spans="2:233" ht="21" customHeight="1" x14ac:dyDescent="0.2">
      <c r="B9" s="106" t="s">
        <v>6</v>
      </c>
      <c r="C9" s="24">
        <v>0</v>
      </c>
      <c r="D9" s="25">
        <v>12766</v>
      </c>
      <c r="E9" s="26">
        <v>12766</v>
      </c>
      <c r="F9" s="27">
        <v>0</v>
      </c>
      <c r="G9" s="25">
        <v>2474255</v>
      </c>
      <c r="H9" s="25">
        <v>4600510</v>
      </c>
      <c r="I9" s="25">
        <v>15704873</v>
      </c>
      <c r="J9" s="25">
        <v>21874106</v>
      </c>
      <c r="K9" s="25">
        <v>12537492</v>
      </c>
      <c r="L9" s="28">
        <v>57191236</v>
      </c>
      <c r="M9" s="29">
        <v>57204002</v>
      </c>
      <c r="N9" s="24">
        <v>0</v>
      </c>
      <c r="O9" s="25">
        <v>0</v>
      </c>
      <c r="P9" s="26">
        <v>0</v>
      </c>
      <c r="Q9" s="404">
        <v>0</v>
      </c>
      <c r="R9" s="25">
        <v>1054860</v>
      </c>
      <c r="S9" s="25">
        <v>1714935</v>
      </c>
      <c r="T9" s="25">
        <v>10673725</v>
      </c>
      <c r="U9" s="25">
        <v>16301941</v>
      </c>
      <c r="V9" s="25">
        <v>9518715</v>
      </c>
      <c r="W9" s="28">
        <v>39264176</v>
      </c>
      <c r="X9" s="29">
        <v>39264176</v>
      </c>
      <c r="Y9" s="24">
        <v>0</v>
      </c>
      <c r="Z9" s="25">
        <v>0</v>
      </c>
      <c r="AA9" s="26">
        <v>0</v>
      </c>
      <c r="AB9" s="404">
        <v>0</v>
      </c>
      <c r="AC9" s="25">
        <v>1208380</v>
      </c>
      <c r="AD9" s="25">
        <v>2383100</v>
      </c>
      <c r="AE9" s="25">
        <v>3400960</v>
      </c>
      <c r="AF9" s="25">
        <v>3946340</v>
      </c>
      <c r="AG9" s="25">
        <v>1957915</v>
      </c>
      <c r="AH9" s="28">
        <v>12896695</v>
      </c>
      <c r="AI9" s="29">
        <v>12896695</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1445</v>
      </c>
      <c r="BB9" s="25">
        <v>242250</v>
      </c>
      <c r="BC9" s="25">
        <v>335680</v>
      </c>
      <c r="BD9" s="28">
        <v>579375</v>
      </c>
      <c r="BE9" s="29">
        <v>579375</v>
      </c>
      <c r="BF9" s="24">
        <v>0</v>
      </c>
      <c r="BG9" s="25">
        <v>0</v>
      </c>
      <c r="BH9" s="26">
        <v>0</v>
      </c>
      <c r="BI9" s="404">
        <v>0</v>
      </c>
      <c r="BJ9" s="25">
        <v>2550</v>
      </c>
      <c r="BK9" s="25">
        <v>123900</v>
      </c>
      <c r="BL9" s="25">
        <v>471750</v>
      </c>
      <c r="BM9" s="25">
        <v>423450</v>
      </c>
      <c r="BN9" s="25">
        <v>313680</v>
      </c>
      <c r="BO9" s="28">
        <v>1335330</v>
      </c>
      <c r="BP9" s="29">
        <v>1335330</v>
      </c>
      <c r="BQ9" s="24">
        <v>0</v>
      </c>
      <c r="BR9" s="25">
        <v>12766</v>
      </c>
      <c r="BS9" s="26">
        <v>12766</v>
      </c>
      <c r="BT9" s="27">
        <v>0</v>
      </c>
      <c r="BU9" s="25">
        <v>205747</v>
      </c>
      <c r="BV9" s="25">
        <v>344034</v>
      </c>
      <c r="BW9" s="25">
        <v>1086320</v>
      </c>
      <c r="BX9" s="25">
        <v>921863</v>
      </c>
      <c r="BY9" s="25">
        <v>360463</v>
      </c>
      <c r="BZ9" s="28">
        <v>2918427</v>
      </c>
      <c r="CA9" s="29">
        <v>2931193</v>
      </c>
      <c r="CB9" s="24">
        <v>0</v>
      </c>
      <c r="CC9" s="25">
        <v>0</v>
      </c>
      <c r="CD9" s="26">
        <v>0</v>
      </c>
      <c r="CE9" s="27">
        <v>0</v>
      </c>
      <c r="CF9" s="25">
        <v>2718</v>
      </c>
      <c r="CG9" s="25">
        <v>34541</v>
      </c>
      <c r="CH9" s="25">
        <v>70673</v>
      </c>
      <c r="CI9" s="25">
        <v>38262</v>
      </c>
      <c r="CJ9" s="25">
        <v>51039</v>
      </c>
      <c r="CK9" s="28">
        <v>197233</v>
      </c>
      <c r="CL9" s="29">
        <v>197233</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0</v>
      </c>
      <c r="DJ9" s="25">
        <v>14007</v>
      </c>
      <c r="DK9" s="26">
        <v>14007</v>
      </c>
      <c r="DL9" s="27">
        <v>0</v>
      </c>
      <c r="DM9" s="25">
        <v>1500507</v>
      </c>
      <c r="DN9" s="25">
        <v>3305030</v>
      </c>
      <c r="DO9" s="25">
        <v>14133479</v>
      </c>
      <c r="DP9" s="25">
        <v>19898851</v>
      </c>
      <c r="DQ9" s="25">
        <v>12262537</v>
      </c>
      <c r="DR9" s="28">
        <v>51100404</v>
      </c>
      <c r="DS9" s="30">
        <v>51114411</v>
      </c>
      <c r="DT9" s="24">
        <v>0</v>
      </c>
      <c r="DU9" s="25">
        <v>0</v>
      </c>
      <c r="DV9" s="26">
        <v>0</v>
      </c>
      <c r="DW9" s="404">
        <v>0</v>
      </c>
      <c r="DX9" s="25">
        <v>947530</v>
      </c>
      <c r="DY9" s="25">
        <v>1954909</v>
      </c>
      <c r="DZ9" s="25">
        <v>11193422</v>
      </c>
      <c r="EA9" s="25">
        <v>16983405</v>
      </c>
      <c r="EB9" s="25">
        <v>10513934</v>
      </c>
      <c r="EC9" s="28">
        <v>41593200</v>
      </c>
      <c r="ED9" s="29">
        <v>41593200</v>
      </c>
      <c r="EE9" s="24">
        <v>0</v>
      </c>
      <c r="EF9" s="25">
        <v>0</v>
      </c>
      <c r="EG9" s="26">
        <v>0</v>
      </c>
      <c r="EH9" s="404">
        <v>0</v>
      </c>
      <c r="EI9" s="25">
        <v>231720</v>
      </c>
      <c r="EJ9" s="25">
        <v>574112</v>
      </c>
      <c r="EK9" s="25">
        <v>704287</v>
      </c>
      <c r="EL9" s="25">
        <v>778009</v>
      </c>
      <c r="EM9" s="25">
        <v>458812</v>
      </c>
      <c r="EN9" s="28">
        <v>2746940</v>
      </c>
      <c r="EO9" s="29">
        <v>2746940</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154</v>
      </c>
      <c r="FH9" s="25">
        <v>59070</v>
      </c>
      <c r="FI9" s="25">
        <v>37089</v>
      </c>
      <c r="FJ9" s="28">
        <v>96313</v>
      </c>
      <c r="FK9" s="29">
        <v>96313</v>
      </c>
      <c r="FL9" s="24">
        <v>0</v>
      </c>
      <c r="FM9" s="25">
        <v>0</v>
      </c>
      <c r="FN9" s="26">
        <v>0</v>
      </c>
      <c r="FO9" s="404">
        <v>0</v>
      </c>
      <c r="FP9" s="25">
        <v>20880</v>
      </c>
      <c r="FQ9" s="25">
        <v>186510</v>
      </c>
      <c r="FR9" s="25">
        <v>698970</v>
      </c>
      <c r="FS9" s="25">
        <v>800160</v>
      </c>
      <c r="FT9" s="25">
        <v>620610</v>
      </c>
      <c r="FU9" s="28">
        <v>2327130</v>
      </c>
      <c r="FV9" s="29">
        <v>2327130</v>
      </c>
      <c r="FW9" s="24">
        <v>0</v>
      </c>
      <c r="FX9" s="25">
        <v>14007</v>
      </c>
      <c r="FY9" s="26">
        <v>14007</v>
      </c>
      <c r="FZ9" s="27">
        <v>0</v>
      </c>
      <c r="GA9" s="25">
        <v>294845</v>
      </c>
      <c r="GB9" s="25">
        <v>543192</v>
      </c>
      <c r="GC9" s="25">
        <v>1494362</v>
      </c>
      <c r="GD9" s="25">
        <v>1228013</v>
      </c>
      <c r="GE9" s="25">
        <v>559681</v>
      </c>
      <c r="GF9" s="28">
        <v>4120093</v>
      </c>
      <c r="GG9" s="29">
        <v>4134100</v>
      </c>
      <c r="GH9" s="24">
        <v>0</v>
      </c>
      <c r="GI9" s="25">
        <v>0</v>
      </c>
      <c r="GJ9" s="26">
        <v>0</v>
      </c>
      <c r="GK9" s="27">
        <v>0</v>
      </c>
      <c r="GL9" s="25">
        <v>5532</v>
      </c>
      <c r="GM9" s="25">
        <v>46307</v>
      </c>
      <c r="GN9" s="25">
        <v>42284</v>
      </c>
      <c r="GO9" s="25">
        <v>50194</v>
      </c>
      <c r="GP9" s="25">
        <v>72411</v>
      </c>
      <c r="GQ9" s="28">
        <v>216728</v>
      </c>
      <c r="GR9" s="29">
        <v>216728</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0</v>
      </c>
      <c r="HP9" s="25">
        <v>26773</v>
      </c>
      <c r="HQ9" s="26">
        <v>26773</v>
      </c>
      <c r="HR9" s="27">
        <v>0</v>
      </c>
      <c r="HS9" s="25">
        <v>3974762</v>
      </c>
      <c r="HT9" s="25">
        <v>7905540</v>
      </c>
      <c r="HU9" s="25">
        <v>29838352</v>
      </c>
      <c r="HV9" s="25">
        <v>41772957</v>
      </c>
      <c r="HW9" s="25">
        <v>24800029</v>
      </c>
      <c r="HX9" s="28">
        <v>108291640</v>
      </c>
      <c r="HY9" s="29">
        <v>108318413</v>
      </c>
    </row>
    <row r="10" spans="2:233" ht="21" customHeight="1" x14ac:dyDescent="0.2">
      <c r="B10" s="106" t="s">
        <v>14</v>
      </c>
      <c r="C10" s="24">
        <v>0</v>
      </c>
      <c r="D10" s="25">
        <v>4495</v>
      </c>
      <c r="E10" s="26">
        <v>4495</v>
      </c>
      <c r="F10" s="27">
        <v>0</v>
      </c>
      <c r="G10" s="25">
        <v>527686</v>
      </c>
      <c r="H10" s="25">
        <v>1840723</v>
      </c>
      <c r="I10" s="25">
        <v>8349816</v>
      </c>
      <c r="J10" s="25">
        <v>11938415</v>
      </c>
      <c r="K10" s="25">
        <v>7548973</v>
      </c>
      <c r="L10" s="28">
        <v>30205613</v>
      </c>
      <c r="M10" s="29">
        <v>30210108</v>
      </c>
      <c r="N10" s="24">
        <v>0</v>
      </c>
      <c r="O10" s="25">
        <v>0</v>
      </c>
      <c r="P10" s="26">
        <v>0</v>
      </c>
      <c r="Q10" s="404">
        <v>0</v>
      </c>
      <c r="R10" s="25">
        <v>97950</v>
      </c>
      <c r="S10" s="25">
        <v>275720</v>
      </c>
      <c r="T10" s="25">
        <v>5992164</v>
      </c>
      <c r="U10" s="25">
        <v>8681132</v>
      </c>
      <c r="V10" s="25">
        <v>5873185</v>
      </c>
      <c r="W10" s="28">
        <v>20920151</v>
      </c>
      <c r="X10" s="29">
        <v>20920151</v>
      </c>
      <c r="Y10" s="24">
        <v>0</v>
      </c>
      <c r="Z10" s="25">
        <v>0</v>
      </c>
      <c r="AA10" s="26">
        <v>0</v>
      </c>
      <c r="AB10" s="404">
        <v>0</v>
      </c>
      <c r="AC10" s="25">
        <v>286186</v>
      </c>
      <c r="AD10" s="25">
        <v>1274192</v>
      </c>
      <c r="AE10" s="25">
        <v>1575780</v>
      </c>
      <c r="AF10" s="25">
        <v>1843437</v>
      </c>
      <c r="AG10" s="25">
        <v>593495</v>
      </c>
      <c r="AH10" s="28">
        <v>5573090</v>
      </c>
      <c r="AI10" s="29">
        <v>5573090</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50380</v>
      </c>
      <c r="AZ10" s="25">
        <v>0</v>
      </c>
      <c r="BA10" s="25">
        <v>7565</v>
      </c>
      <c r="BB10" s="25">
        <v>667145</v>
      </c>
      <c r="BC10" s="25">
        <v>773360</v>
      </c>
      <c r="BD10" s="28">
        <v>1498450</v>
      </c>
      <c r="BE10" s="29">
        <v>1498450</v>
      </c>
      <c r="BF10" s="24">
        <v>0</v>
      </c>
      <c r="BG10" s="25">
        <v>0</v>
      </c>
      <c r="BH10" s="26">
        <v>0</v>
      </c>
      <c r="BI10" s="404">
        <v>0</v>
      </c>
      <c r="BJ10" s="25">
        <v>0</v>
      </c>
      <c r="BK10" s="25">
        <v>0</v>
      </c>
      <c r="BL10" s="25">
        <v>62980</v>
      </c>
      <c r="BM10" s="25">
        <v>76750</v>
      </c>
      <c r="BN10" s="25">
        <v>58050</v>
      </c>
      <c r="BO10" s="28">
        <v>197780</v>
      </c>
      <c r="BP10" s="29">
        <v>197780</v>
      </c>
      <c r="BQ10" s="24">
        <v>0</v>
      </c>
      <c r="BR10" s="25">
        <v>4205</v>
      </c>
      <c r="BS10" s="26">
        <v>4205</v>
      </c>
      <c r="BT10" s="27">
        <v>0</v>
      </c>
      <c r="BU10" s="25">
        <v>74850</v>
      </c>
      <c r="BV10" s="25">
        <v>290811</v>
      </c>
      <c r="BW10" s="25">
        <v>708222</v>
      </c>
      <c r="BX10" s="25">
        <v>668057</v>
      </c>
      <c r="BY10" s="25">
        <v>247189</v>
      </c>
      <c r="BZ10" s="28">
        <v>1989129</v>
      </c>
      <c r="CA10" s="29">
        <v>1993334</v>
      </c>
      <c r="CB10" s="24">
        <v>0</v>
      </c>
      <c r="CC10" s="25">
        <v>290</v>
      </c>
      <c r="CD10" s="26">
        <v>290</v>
      </c>
      <c r="CE10" s="27">
        <v>0</v>
      </c>
      <c r="CF10" s="25">
        <v>18320</v>
      </c>
      <c r="CG10" s="25">
        <v>0</v>
      </c>
      <c r="CH10" s="25">
        <v>3105</v>
      </c>
      <c r="CI10" s="25">
        <v>1894</v>
      </c>
      <c r="CJ10" s="25">
        <v>3694</v>
      </c>
      <c r="CK10" s="28">
        <v>27013</v>
      </c>
      <c r="CL10" s="29">
        <v>27303</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8224</v>
      </c>
      <c r="DK10" s="26">
        <v>8224</v>
      </c>
      <c r="DL10" s="27">
        <v>0</v>
      </c>
      <c r="DM10" s="25">
        <v>334641</v>
      </c>
      <c r="DN10" s="25">
        <v>1350284</v>
      </c>
      <c r="DO10" s="25">
        <v>10502198</v>
      </c>
      <c r="DP10" s="25">
        <v>13281051</v>
      </c>
      <c r="DQ10" s="25">
        <v>7626056</v>
      </c>
      <c r="DR10" s="28">
        <v>33094230</v>
      </c>
      <c r="DS10" s="30">
        <v>33102454</v>
      </c>
      <c r="DT10" s="24">
        <v>0</v>
      </c>
      <c r="DU10" s="25">
        <v>0</v>
      </c>
      <c r="DV10" s="26">
        <v>0</v>
      </c>
      <c r="DW10" s="404">
        <v>0</v>
      </c>
      <c r="DX10" s="25">
        <v>91740</v>
      </c>
      <c r="DY10" s="25">
        <v>580170</v>
      </c>
      <c r="DZ10" s="25">
        <v>9132264</v>
      </c>
      <c r="EA10" s="25">
        <v>11745446</v>
      </c>
      <c r="EB10" s="25">
        <v>6738354</v>
      </c>
      <c r="EC10" s="28">
        <v>28287974</v>
      </c>
      <c r="ED10" s="29">
        <v>28287974</v>
      </c>
      <c r="EE10" s="24">
        <v>0</v>
      </c>
      <c r="EF10" s="25">
        <v>0</v>
      </c>
      <c r="EG10" s="26">
        <v>0</v>
      </c>
      <c r="EH10" s="404">
        <v>0</v>
      </c>
      <c r="EI10" s="25">
        <v>82204</v>
      </c>
      <c r="EJ10" s="25">
        <v>294735</v>
      </c>
      <c r="EK10" s="25">
        <v>205498</v>
      </c>
      <c r="EL10" s="25">
        <v>253784</v>
      </c>
      <c r="EM10" s="25">
        <v>90382</v>
      </c>
      <c r="EN10" s="28">
        <v>926603</v>
      </c>
      <c r="EO10" s="29">
        <v>926603</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16588</v>
      </c>
      <c r="FF10" s="25">
        <v>0</v>
      </c>
      <c r="FG10" s="25">
        <v>413</v>
      </c>
      <c r="FH10" s="25">
        <v>94946</v>
      </c>
      <c r="FI10" s="25">
        <v>184034</v>
      </c>
      <c r="FJ10" s="28">
        <v>295981</v>
      </c>
      <c r="FK10" s="29">
        <v>295981</v>
      </c>
      <c r="FL10" s="24">
        <v>0</v>
      </c>
      <c r="FM10" s="25">
        <v>0</v>
      </c>
      <c r="FN10" s="26">
        <v>0</v>
      </c>
      <c r="FO10" s="404">
        <v>0</v>
      </c>
      <c r="FP10" s="25">
        <v>0</v>
      </c>
      <c r="FQ10" s="25">
        <v>0</v>
      </c>
      <c r="FR10" s="25">
        <v>119100</v>
      </c>
      <c r="FS10" s="25">
        <v>198162</v>
      </c>
      <c r="FT10" s="25">
        <v>77340</v>
      </c>
      <c r="FU10" s="28">
        <v>394602</v>
      </c>
      <c r="FV10" s="29">
        <v>394602</v>
      </c>
      <c r="FW10" s="24">
        <v>0</v>
      </c>
      <c r="FX10" s="25">
        <v>8196</v>
      </c>
      <c r="FY10" s="26">
        <v>8196</v>
      </c>
      <c r="FZ10" s="27">
        <v>0</v>
      </c>
      <c r="GA10" s="25">
        <v>144109</v>
      </c>
      <c r="GB10" s="25">
        <v>475379</v>
      </c>
      <c r="GC10" s="25">
        <v>1035973</v>
      </c>
      <c r="GD10" s="25">
        <v>988678</v>
      </c>
      <c r="GE10" s="25">
        <v>535883</v>
      </c>
      <c r="GF10" s="28">
        <v>3180022</v>
      </c>
      <c r="GG10" s="29">
        <v>3188218</v>
      </c>
      <c r="GH10" s="24">
        <v>0</v>
      </c>
      <c r="GI10" s="25">
        <v>28</v>
      </c>
      <c r="GJ10" s="26">
        <v>28</v>
      </c>
      <c r="GK10" s="27">
        <v>0</v>
      </c>
      <c r="GL10" s="25">
        <v>0</v>
      </c>
      <c r="GM10" s="25">
        <v>0</v>
      </c>
      <c r="GN10" s="25">
        <v>8950</v>
      </c>
      <c r="GO10" s="25">
        <v>35</v>
      </c>
      <c r="GP10" s="25">
        <v>63</v>
      </c>
      <c r="GQ10" s="28">
        <v>9048</v>
      </c>
      <c r="GR10" s="29">
        <v>9076</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12719</v>
      </c>
      <c r="HQ10" s="26">
        <v>12719</v>
      </c>
      <c r="HR10" s="27">
        <v>0</v>
      </c>
      <c r="HS10" s="25">
        <v>862327</v>
      </c>
      <c r="HT10" s="25">
        <v>3191007</v>
      </c>
      <c r="HU10" s="25">
        <v>18852014</v>
      </c>
      <c r="HV10" s="25">
        <v>25219466</v>
      </c>
      <c r="HW10" s="25">
        <v>15175029</v>
      </c>
      <c r="HX10" s="28">
        <v>63299843</v>
      </c>
      <c r="HY10" s="29">
        <v>63312562</v>
      </c>
    </row>
    <row r="11" spans="2:233" ht="21" customHeight="1" x14ac:dyDescent="0.2">
      <c r="B11" s="106" t="s">
        <v>7</v>
      </c>
      <c r="C11" s="24">
        <v>0</v>
      </c>
      <c r="D11" s="25">
        <v>4195</v>
      </c>
      <c r="E11" s="26">
        <v>4195</v>
      </c>
      <c r="F11" s="27">
        <v>0</v>
      </c>
      <c r="G11" s="25">
        <v>1918675</v>
      </c>
      <c r="H11" s="25">
        <v>2210421</v>
      </c>
      <c r="I11" s="25">
        <v>6858271</v>
      </c>
      <c r="J11" s="25">
        <v>8537025</v>
      </c>
      <c r="K11" s="25">
        <v>3898495</v>
      </c>
      <c r="L11" s="28">
        <v>23422887</v>
      </c>
      <c r="M11" s="29">
        <v>23427082</v>
      </c>
      <c r="N11" s="24">
        <v>0</v>
      </c>
      <c r="O11" s="25">
        <v>0</v>
      </c>
      <c r="P11" s="26">
        <v>0</v>
      </c>
      <c r="Q11" s="404">
        <v>0</v>
      </c>
      <c r="R11" s="25">
        <v>221650</v>
      </c>
      <c r="S11" s="25">
        <v>567915</v>
      </c>
      <c r="T11" s="25">
        <v>5042283</v>
      </c>
      <c r="U11" s="25">
        <v>6652884</v>
      </c>
      <c r="V11" s="25">
        <v>3264635</v>
      </c>
      <c r="W11" s="28">
        <v>15749367</v>
      </c>
      <c r="X11" s="29">
        <v>15749367</v>
      </c>
      <c r="Y11" s="24">
        <v>0</v>
      </c>
      <c r="Z11" s="25">
        <v>0</v>
      </c>
      <c r="AA11" s="26">
        <v>0</v>
      </c>
      <c r="AB11" s="404">
        <v>0</v>
      </c>
      <c r="AC11" s="25">
        <v>1483997</v>
      </c>
      <c r="AD11" s="25">
        <v>1366790</v>
      </c>
      <c r="AE11" s="25">
        <v>1464076</v>
      </c>
      <c r="AF11" s="25">
        <v>1470633</v>
      </c>
      <c r="AG11" s="25">
        <v>480305</v>
      </c>
      <c r="AH11" s="28">
        <v>6265801</v>
      </c>
      <c r="AI11" s="29">
        <v>6265801</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1650</v>
      </c>
      <c r="BC11" s="25">
        <v>37750</v>
      </c>
      <c r="BD11" s="28">
        <v>69400</v>
      </c>
      <c r="BE11" s="29">
        <v>69400</v>
      </c>
      <c r="BF11" s="24">
        <v>0</v>
      </c>
      <c r="BG11" s="25">
        <v>0</v>
      </c>
      <c r="BH11" s="26">
        <v>0</v>
      </c>
      <c r="BI11" s="404">
        <v>0</v>
      </c>
      <c r="BJ11" s="25">
        <v>0</v>
      </c>
      <c r="BK11" s="25">
        <v>0</v>
      </c>
      <c r="BL11" s="25">
        <v>0</v>
      </c>
      <c r="BM11" s="25">
        <v>0</v>
      </c>
      <c r="BN11" s="25">
        <v>0</v>
      </c>
      <c r="BO11" s="28">
        <v>0</v>
      </c>
      <c r="BP11" s="29">
        <v>0</v>
      </c>
      <c r="BQ11" s="24">
        <v>0</v>
      </c>
      <c r="BR11" s="25">
        <v>4195</v>
      </c>
      <c r="BS11" s="26">
        <v>4195</v>
      </c>
      <c r="BT11" s="27">
        <v>0</v>
      </c>
      <c r="BU11" s="25">
        <v>200203</v>
      </c>
      <c r="BV11" s="25">
        <v>255896</v>
      </c>
      <c r="BW11" s="25">
        <v>343607</v>
      </c>
      <c r="BX11" s="25">
        <v>375248</v>
      </c>
      <c r="BY11" s="25">
        <v>104075</v>
      </c>
      <c r="BZ11" s="28">
        <v>1279029</v>
      </c>
      <c r="CA11" s="29">
        <v>1283224</v>
      </c>
      <c r="CB11" s="24">
        <v>0</v>
      </c>
      <c r="CC11" s="25">
        <v>0</v>
      </c>
      <c r="CD11" s="26">
        <v>0</v>
      </c>
      <c r="CE11" s="27">
        <v>0</v>
      </c>
      <c r="CF11" s="25">
        <v>12825</v>
      </c>
      <c r="CG11" s="25">
        <v>19820</v>
      </c>
      <c r="CH11" s="25">
        <v>8305</v>
      </c>
      <c r="CI11" s="25">
        <v>6610</v>
      </c>
      <c r="CJ11" s="25">
        <v>11730</v>
      </c>
      <c r="CK11" s="28">
        <v>59290</v>
      </c>
      <c r="CL11" s="29">
        <v>59290</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5843</v>
      </c>
      <c r="DK11" s="26">
        <v>5843</v>
      </c>
      <c r="DL11" s="27">
        <v>0</v>
      </c>
      <c r="DM11" s="25">
        <v>797171</v>
      </c>
      <c r="DN11" s="25">
        <v>1095873</v>
      </c>
      <c r="DO11" s="25">
        <v>7237616</v>
      </c>
      <c r="DP11" s="25">
        <v>8697187</v>
      </c>
      <c r="DQ11" s="25">
        <v>4455380</v>
      </c>
      <c r="DR11" s="28">
        <v>22283227</v>
      </c>
      <c r="DS11" s="30">
        <v>22289070</v>
      </c>
      <c r="DT11" s="24">
        <v>0</v>
      </c>
      <c r="DU11" s="25">
        <v>0</v>
      </c>
      <c r="DV11" s="26">
        <v>0</v>
      </c>
      <c r="DW11" s="404">
        <v>0</v>
      </c>
      <c r="DX11" s="25">
        <v>261165</v>
      </c>
      <c r="DY11" s="25">
        <v>533225</v>
      </c>
      <c r="DZ11" s="25">
        <v>6311958</v>
      </c>
      <c r="EA11" s="25">
        <v>7899384</v>
      </c>
      <c r="EB11" s="25">
        <v>4280601</v>
      </c>
      <c r="EC11" s="28">
        <v>19286333</v>
      </c>
      <c r="ED11" s="29">
        <v>19286333</v>
      </c>
      <c r="EE11" s="24">
        <v>0</v>
      </c>
      <c r="EF11" s="25">
        <v>0</v>
      </c>
      <c r="EG11" s="26">
        <v>0</v>
      </c>
      <c r="EH11" s="404">
        <v>0</v>
      </c>
      <c r="EI11" s="25">
        <v>244400</v>
      </c>
      <c r="EJ11" s="25">
        <v>140709</v>
      </c>
      <c r="EK11" s="25">
        <v>331787</v>
      </c>
      <c r="EL11" s="25">
        <v>243159</v>
      </c>
      <c r="EM11" s="25">
        <v>43399</v>
      </c>
      <c r="EN11" s="28">
        <v>1003454</v>
      </c>
      <c r="EO11" s="29">
        <v>1003454</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210</v>
      </c>
      <c r="FI11" s="25">
        <v>11590</v>
      </c>
      <c r="FJ11" s="28">
        <v>11800</v>
      </c>
      <c r="FK11" s="29">
        <v>11800</v>
      </c>
      <c r="FL11" s="24">
        <v>0</v>
      </c>
      <c r="FM11" s="25">
        <v>0</v>
      </c>
      <c r="FN11" s="26">
        <v>0</v>
      </c>
      <c r="FO11" s="404">
        <v>0</v>
      </c>
      <c r="FP11" s="25">
        <v>0</v>
      </c>
      <c r="FQ11" s="25">
        <v>0</v>
      </c>
      <c r="FR11" s="25">
        <v>0</v>
      </c>
      <c r="FS11" s="25">
        <v>0</v>
      </c>
      <c r="FT11" s="25">
        <v>0</v>
      </c>
      <c r="FU11" s="28">
        <v>0</v>
      </c>
      <c r="FV11" s="29">
        <v>0</v>
      </c>
      <c r="FW11" s="24">
        <v>0</v>
      </c>
      <c r="FX11" s="25">
        <v>5843</v>
      </c>
      <c r="FY11" s="26">
        <v>5843</v>
      </c>
      <c r="FZ11" s="27">
        <v>0</v>
      </c>
      <c r="GA11" s="25">
        <v>289967</v>
      </c>
      <c r="GB11" s="25">
        <v>416738</v>
      </c>
      <c r="GC11" s="25">
        <v>590158</v>
      </c>
      <c r="GD11" s="25">
        <v>554259</v>
      </c>
      <c r="GE11" s="25">
        <v>119727</v>
      </c>
      <c r="GF11" s="28">
        <v>1970849</v>
      </c>
      <c r="GG11" s="29">
        <v>1976692</v>
      </c>
      <c r="GH11" s="24">
        <v>0</v>
      </c>
      <c r="GI11" s="25">
        <v>0</v>
      </c>
      <c r="GJ11" s="26">
        <v>0</v>
      </c>
      <c r="GK11" s="27">
        <v>0</v>
      </c>
      <c r="GL11" s="25">
        <v>1639</v>
      </c>
      <c r="GM11" s="25">
        <v>5201</v>
      </c>
      <c r="GN11" s="25">
        <v>3713</v>
      </c>
      <c r="GO11" s="25">
        <v>175</v>
      </c>
      <c r="GP11" s="25">
        <v>63</v>
      </c>
      <c r="GQ11" s="28">
        <v>10791</v>
      </c>
      <c r="GR11" s="29">
        <v>10791</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10038</v>
      </c>
      <c r="HQ11" s="26">
        <v>10038</v>
      </c>
      <c r="HR11" s="27">
        <v>0</v>
      </c>
      <c r="HS11" s="25">
        <v>2715846</v>
      </c>
      <c r="HT11" s="25">
        <v>3306294</v>
      </c>
      <c r="HU11" s="25">
        <v>14095887</v>
      </c>
      <c r="HV11" s="25">
        <v>17234212</v>
      </c>
      <c r="HW11" s="25">
        <v>8353875</v>
      </c>
      <c r="HX11" s="28">
        <v>45706114</v>
      </c>
      <c r="HY11" s="29">
        <v>45716152</v>
      </c>
    </row>
    <row r="12" spans="2:233" ht="21" customHeight="1" x14ac:dyDescent="0.2">
      <c r="B12" s="106" t="s">
        <v>8</v>
      </c>
      <c r="C12" s="24">
        <v>0</v>
      </c>
      <c r="D12" s="25">
        <v>725</v>
      </c>
      <c r="E12" s="26">
        <v>725</v>
      </c>
      <c r="F12" s="27">
        <v>0</v>
      </c>
      <c r="G12" s="25">
        <v>507603</v>
      </c>
      <c r="H12" s="25">
        <v>1184619</v>
      </c>
      <c r="I12" s="25">
        <v>4097047</v>
      </c>
      <c r="J12" s="25">
        <v>4646075</v>
      </c>
      <c r="K12" s="25">
        <v>2407478</v>
      </c>
      <c r="L12" s="28">
        <v>12842822</v>
      </c>
      <c r="M12" s="29">
        <v>12843547</v>
      </c>
      <c r="N12" s="24">
        <v>0</v>
      </c>
      <c r="O12" s="25">
        <v>0</v>
      </c>
      <c r="P12" s="26">
        <v>0</v>
      </c>
      <c r="Q12" s="404">
        <v>0</v>
      </c>
      <c r="R12" s="25">
        <v>171210</v>
      </c>
      <c r="S12" s="25">
        <v>382650</v>
      </c>
      <c r="T12" s="25">
        <v>2727295</v>
      </c>
      <c r="U12" s="25">
        <v>3064624</v>
      </c>
      <c r="V12" s="25">
        <v>1818459</v>
      </c>
      <c r="W12" s="28">
        <v>8164238</v>
      </c>
      <c r="X12" s="29">
        <v>8164238</v>
      </c>
      <c r="Y12" s="24">
        <v>0</v>
      </c>
      <c r="Z12" s="25">
        <v>0</v>
      </c>
      <c r="AA12" s="26">
        <v>0</v>
      </c>
      <c r="AB12" s="404">
        <v>0</v>
      </c>
      <c r="AC12" s="25">
        <v>219380</v>
      </c>
      <c r="AD12" s="25">
        <v>592715</v>
      </c>
      <c r="AE12" s="25">
        <v>812620</v>
      </c>
      <c r="AF12" s="25">
        <v>890650</v>
      </c>
      <c r="AG12" s="25">
        <v>368315</v>
      </c>
      <c r="AH12" s="28">
        <v>2883680</v>
      </c>
      <c r="AI12" s="29">
        <v>2883680</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1650</v>
      </c>
      <c r="BB12" s="25">
        <v>0</v>
      </c>
      <c r="BC12" s="25">
        <v>39450</v>
      </c>
      <c r="BD12" s="28">
        <v>71100</v>
      </c>
      <c r="BE12" s="29">
        <v>71100</v>
      </c>
      <c r="BF12" s="24">
        <v>0</v>
      </c>
      <c r="BG12" s="25">
        <v>0</v>
      </c>
      <c r="BH12" s="26">
        <v>0</v>
      </c>
      <c r="BI12" s="404">
        <v>0</v>
      </c>
      <c r="BJ12" s="25">
        <v>0</v>
      </c>
      <c r="BK12" s="25">
        <v>2550</v>
      </c>
      <c r="BL12" s="25">
        <v>71310</v>
      </c>
      <c r="BM12" s="25">
        <v>331440</v>
      </c>
      <c r="BN12" s="25">
        <v>35895</v>
      </c>
      <c r="BO12" s="28">
        <v>441195</v>
      </c>
      <c r="BP12" s="29">
        <v>441195</v>
      </c>
      <c r="BQ12" s="24">
        <v>0</v>
      </c>
      <c r="BR12" s="25">
        <v>725</v>
      </c>
      <c r="BS12" s="26">
        <v>725</v>
      </c>
      <c r="BT12" s="27">
        <v>0</v>
      </c>
      <c r="BU12" s="25">
        <v>106878</v>
      </c>
      <c r="BV12" s="25">
        <v>183969</v>
      </c>
      <c r="BW12" s="25">
        <v>453307</v>
      </c>
      <c r="BX12" s="25">
        <v>351661</v>
      </c>
      <c r="BY12" s="25">
        <v>138653</v>
      </c>
      <c r="BZ12" s="28">
        <v>1234468</v>
      </c>
      <c r="CA12" s="29">
        <v>1235193</v>
      </c>
      <c r="CB12" s="24">
        <v>0</v>
      </c>
      <c r="CC12" s="25">
        <v>0</v>
      </c>
      <c r="CD12" s="26">
        <v>0</v>
      </c>
      <c r="CE12" s="27">
        <v>0</v>
      </c>
      <c r="CF12" s="25">
        <v>10135</v>
      </c>
      <c r="CG12" s="25">
        <v>22735</v>
      </c>
      <c r="CH12" s="25">
        <v>865</v>
      </c>
      <c r="CI12" s="25">
        <v>7700</v>
      </c>
      <c r="CJ12" s="25">
        <v>6706</v>
      </c>
      <c r="CK12" s="28">
        <v>48141</v>
      </c>
      <c r="CL12" s="29">
        <v>48141</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400</v>
      </c>
      <c r="DJ12" s="25">
        <v>6264</v>
      </c>
      <c r="DK12" s="26">
        <v>6664</v>
      </c>
      <c r="DL12" s="27">
        <v>0</v>
      </c>
      <c r="DM12" s="25">
        <v>452338</v>
      </c>
      <c r="DN12" s="25">
        <v>1133348</v>
      </c>
      <c r="DO12" s="25">
        <v>5414267</v>
      </c>
      <c r="DP12" s="25">
        <v>5431277</v>
      </c>
      <c r="DQ12" s="25">
        <v>2859524</v>
      </c>
      <c r="DR12" s="28">
        <v>15290754</v>
      </c>
      <c r="DS12" s="30">
        <v>15297418</v>
      </c>
      <c r="DT12" s="24">
        <v>0</v>
      </c>
      <c r="DU12" s="25">
        <v>0</v>
      </c>
      <c r="DV12" s="26">
        <v>0</v>
      </c>
      <c r="DW12" s="404">
        <v>0</v>
      </c>
      <c r="DX12" s="25">
        <v>249348</v>
      </c>
      <c r="DY12" s="25">
        <v>747750</v>
      </c>
      <c r="DZ12" s="25">
        <v>4398759</v>
      </c>
      <c r="EA12" s="25">
        <v>4171020</v>
      </c>
      <c r="EB12" s="25">
        <v>2566397</v>
      </c>
      <c r="EC12" s="28">
        <v>12133274</v>
      </c>
      <c r="ED12" s="29">
        <v>12133274</v>
      </c>
      <c r="EE12" s="24">
        <v>0</v>
      </c>
      <c r="EF12" s="25">
        <v>0</v>
      </c>
      <c r="EG12" s="26">
        <v>0</v>
      </c>
      <c r="EH12" s="404">
        <v>0</v>
      </c>
      <c r="EI12" s="25">
        <v>37917</v>
      </c>
      <c r="EJ12" s="25">
        <v>60374</v>
      </c>
      <c r="EK12" s="25">
        <v>104197</v>
      </c>
      <c r="EL12" s="25">
        <v>130345</v>
      </c>
      <c r="EM12" s="25">
        <v>10174</v>
      </c>
      <c r="EN12" s="28">
        <v>343007</v>
      </c>
      <c r="EO12" s="29">
        <v>343007</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0</v>
      </c>
      <c r="FH12" s="25">
        <v>0</v>
      </c>
      <c r="FI12" s="25">
        <v>11730</v>
      </c>
      <c r="FJ12" s="28">
        <v>11940</v>
      </c>
      <c r="FK12" s="29">
        <v>11940</v>
      </c>
      <c r="FL12" s="24">
        <v>0</v>
      </c>
      <c r="FM12" s="25">
        <v>0</v>
      </c>
      <c r="FN12" s="26">
        <v>0</v>
      </c>
      <c r="FO12" s="404">
        <v>0</v>
      </c>
      <c r="FP12" s="25">
        <v>0</v>
      </c>
      <c r="FQ12" s="25">
        <v>20880</v>
      </c>
      <c r="FR12" s="25">
        <v>185916</v>
      </c>
      <c r="FS12" s="25">
        <v>434808</v>
      </c>
      <c r="FT12" s="25">
        <v>52434</v>
      </c>
      <c r="FU12" s="28">
        <v>694038</v>
      </c>
      <c r="FV12" s="29">
        <v>694038</v>
      </c>
      <c r="FW12" s="24">
        <v>400</v>
      </c>
      <c r="FX12" s="25">
        <v>6264</v>
      </c>
      <c r="FY12" s="26">
        <v>6664</v>
      </c>
      <c r="FZ12" s="27">
        <v>0</v>
      </c>
      <c r="GA12" s="25">
        <v>164982</v>
      </c>
      <c r="GB12" s="25">
        <v>304148</v>
      </c>
      <c r="GC12" s="25">
        <v>723732</v>
      </c>
      <c r="GD12" s="25">
        <v>695034</v>
      </c>
      <c r="GE12" s="25">
        <v>216889</v>
      </c>
      <c r="GF12" s="28">
        <v>2104785</v>
      </c>
      <c r="GG12" s="29">
        <v>2111449</v>
      </c>
      <c r="GH12" s="24">
        <v>0</v>
      </c>
      <c r="GI12" s="25">
        <v>0</v>
      </c>
      <c r="GJ12" s="26">
        <v>0</v>
      </c>
      <c r="GK12" s="27">
        <v>0</v>
      </c>
      <c r="GL12" s="25">
        <v>91</v>
      </c>
      <c r="GM12" s="25">
        <v>196</v>
      </c>
      <c r="GN12" s="25">
        <v>1453</v>
      </c>
      <c r="GO12" s="25">
        <v>70</v>
      </c>
      <c r="GP12" s="25">
        <v>1900</v>
      </c>
      <c r="GQ12" s="28">
        <v>3710</v>
      </c>
      <c r="GR12" s="29">
        <v>3710</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400</v>
      </c>
      <c r="HP12" s="25">
        <v>6989</v>
      </c>
      <c r="HQ12" s="26">
        <v>7389</v>
      </c>
      <c r="HR12" s="27">
        <v>0</v>
      </c>
      <c r="HS12" s="25">
        <v>959941</v>
      </c>
      <c r="HT12" s="25">
        <v>2317967</v>
      </c>
      <c r="HU12" s="25">
        <v>9511314</v>
      </c>
      <c r="HV12" s="25">
        <v>10077352</v>
      </c>
      <c r="HW12" s="25">
        <v>5267002</v>
      </c>
      <c r="HX12" s="28">
        <v>28133576</v>
      </c>
      <c r="HY12" s="29">
        <v>28140965</v>
      </c>
    </row>
    <row r="13" spans="2:233" ht="21" customHeight="1" x14ac:dyDescent="0.2">
      <c r="B13" s="106" t="s">
        <v>9</v>
      </c>
      <c r="C13" s="24">
        <v>0</v>
      </c>
      <c r="D13" s="25">
        <v>0</v>
      </c>
      <c r="E13" s="26">
        <v>0</v>
      </c>
      <c r="F13" s="27">
        <v>0</v>
      </c>
      <c r="G13" s="25">
        <v>212665</v>
      </c>
      <c r="H13" s="25">
        <v>226892</v>
      </c>
      <c r="I13" s="25">
        <v>1882888</v>
      </c>
      <c r="J13" s="25">
        <v>1848442</v>
      </c>
      <c r="K13" s="25">
        <v>1637936</v>
      </c>
      <c r="L13" s="28">
        <v>5808823</v>
      </c>
      <c r="M13" s="29">
        <v>5808823</v>
      </c>
      <c r="N13" s="24">
        <v>0</v>
      </c>
      <c r="O13" s="25">
        <v>0</v>
      </c>
      <c r="P13" s="26">
        <v>0</v>
      </c>
      <c r="Q13" s="404">
        <v>0</v>
      </c>
      <c r="R13" s="25">
        <v>48345</v>
      </c>
      <c r="S13" s="25">
        <v>41850</v>
      </c>
      <c r="T13" s="25">
        <v>1366260</v>
      </c>
      <c r="U13" s="25">
        <v>1487340</v>
      </c>
      <c r="V13" s="25">
        <v>1248424</v>
      </c>
      <c r="W13" s="28">
        <v>4192219</v>
      </c>
      <c r="X13" s="29">
        <v>4192219</v>
      </c>
      <c r="Y13" s="24">
        <v>0</v>
      </c>
      <c r="Z13" s="25">
        <v>0</v>
      </c>
      <c r="AA13" s="26">
        <v>0</v>
      </c>
      <c r="AB13" s="404">
        <v>0</v>
      </c>
      <c r="AC13" s="25">
        <v>111915</v>
      </c>
      <c r="AD13" s="25">
        <v>97360</v>
      </c>
      <c r="AE13" s="25">
        <v>373395</v>
      </c>
      <c r="AF13" s="25">
        <v>286520</v>
      </c>
      <c r="AG13" s="25">
        <v>287525</v>
      </c>
      <c r="AH13" s="28">
        <v>1156715</v>
      </c>
      <c r="AI13" s="29">
        <v>1156715</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6885</v>
      </c>
      <c r="BD13" s="28">
        <v>6885</v>
      </c>
      <c r="BE13" s="29">
        <v>6885</v>
      </c>
      <c r="BF13" s="24">
        <v>0</v>
      </c>
      <c r="BG13" s="25">
        <v>0</v>
      </c>
      <c r="BH13" s="26">
        <v>0</v>
      </c>
      <c r="BI13" s="404">
        <v>0</v>
      </c>
      <c r="BJ13" s="25">
        <v>0</v>
      </c>
      <c r="BK13" s="25">
        <v>0</v>
      </c>
      <c r="BL13" s="25">
        <v>0</v>
      </c>
      <c r="BM13" s="25">
        <v>0</v>
      </c>
      <c r="BN13" s="25">
        <v>23850</v>
      </c>
      <c r="BO13" s="28">
        <v>23850</v>
      </c>
      <c r="BP13" s="29">
        <v>23850</v>
      </c>
      <c r="BQ13" s="24">
        <v>0</v>
      </c>
      <c r="BR13" s="25">
        <v>0</v>
      </c>
      <c r="BS13" s="26">
        <v>0</v>
      </c>
      <c r="BT13" s="27">
        <v>0</v>
      </c>
      <c r="BU13" s="25">
        <v>49020</v>
      </c>
      <c r="BV13" s="25">
        <v>86302</v>
      </c>
      <c r="BW13" s="25">
        <v>128145</v>
      </c>
      <c r="BX13" s="25">
        <v>71472</v>
      </c>
      <c r="BY13" s="25">
        <v>67310</v>
      </c>
      <c r="BZ13" s="28">
        <v>402249</v>
      </c>
      <c r="CA13" s="29">
        <v>402249</v>
      </c>
      <c r="CB13" s="24">
        <v>0</v>
      </c>
      <c r="CC13" s="25">
        <v>0</v>
      </c>
      <c r="CD13" s="26">
        <v>0</v>
      </c>
      <c r="CE13" s="27">
        <v>0</v>
      </c>
      <c r="CF13" s="25">
        <v>3385</v>
      </c>
      <c r="CG13" s="25">
        <v>1380</v>
      </c>
      <c r="CH13" s="25">
        <v>15088</v>
      </c>
      <c r="CI13" s="25">
        <v>3110</v>
      </c>
      <c r="CJ13" s="25">
        <v>3942</v>
      </c>
      <c r="CK13" s="28">
        <v>26905</v>
      </c>
      <c r="CL13" s="29">
        <v>26905</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122222</v>
      </c>
      <c r="DN13" s="25">
        <v>275800</v>
      </c>
      <c r="DO13" s="25">
        <v>2221115</v>
      </c>
      <c r="DP13" s="25">
        <v>2217407</v>
      </c>
      <c r="DQ13" s="25">
        <v>1934574</v>
      </c>
      <c r="DR13" s="28">
        <v>6771118</v>
      </c>
      <c r="DS13" s="30">
        <v>6771118</v>
      </c>
      <c r="DT13" s="24">
        <v>0</v>
      </c>
      <c r="DU13" s="25">
        <v>0</v>
      </c>
      <c r="DV13" s="26">
        <v>0</v>
      </c>
      <c r="DW13" s="404">
        <v>0</v>
      </c>
      <c r="DX13" s="25">
        <v>50196</v>
      </c>
      <c r="DY13" s="25">
        <v>112770</v>
      </c>
      <c r="DZ13" s="25">
        <v>1960690</v>
      </c>
      <c r="EA13" s="25">
        <v>2042302</v>
      </c>
      <c r="EB13" s="25">
        <v>1706286</v>
      </c>
      <c r="EC13" s="28">
        <v>5872244</v>
      </c>
      <c r="ED13" s="29">
        <v>5872244</v>
      </c>
      <c r="EE13" s="24">
        <v>0</v>
      </c>
      <c r="EF13" s="25">
        <v>0</v>
      </c>
      <c r="EG13" s="26">
        <v>0</v>
      </c>
      <c r="EH13" s="404">
        <v>0</v>
      </c>
      <c r="EI13" s="25">
        <v>1855</v>
      </c>
      <c r="EJ13" s="25">
        <v>34318</v>
      </c>
      <c r="EK13" s="25">
        <v>49149</v>
      </c>
      <c r="EL13" s="25">
        <v>19966</v>
      </c>
      <c r="EM13" s="25">
        <v>90803</v>
      </c>
      <c r="EN13" s="28">
        <v>196091</v>
      </c>
      <c r="EO13" s="29">
        <v>196091</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30</v>
      </c>
      <c r="FJ13" s="28">
        <v>630</v>
      </c>
      <c r="FK13" s="29">
        <v>630</v>
      </c>
      <c r="FL13" s="24">
        <v>0</v>
      </c>
      <c r="FM13" s="25">
        <v>0</v>
      </c>
      <c r="FN13" s="26">
        <v>0</v>
      </c>
      <c r="FO13" s="404">
        <v>0</v>
      </c>
      <c r="FP13" s="25">
        <v>0</v>
      </c>
      <c r="FQ13" s="25">
        <v>0</v>
      </c>
      <c r="FR13" s="25">
        <v>0</v>
      </c>
      <c r="FS13" s="25">
        <v>0</v>
      </c>
      <c r="FT13" s="25">
        <v>20880</v>
      </c>
      <c r="FU13" s="28">
        <v>20880</v>
      </c>
      <c r="FV13" s="29">
        <v>20880</v>
      </c>
      <c r="FW13" s="24">
        <v>0</v>
      </c>
      <c r="FX13" s="25">
        <v>0</v>
      </c>
      <c r="FY13" s="26">
        <v>0</v>
      </c>
      <c r="FZ13" s="27">
        <v>0</v>
      </c>
      <c r="GA13" s="25">
        <v>66591</v>
      </c>
      <c r="GB13" s="25">
        <v>128663</v>
      </c>
      <c r="GC13" s="25">
        <v>201807</v>
      </c>
      <c r="GD13" s="25">
        <v>155090</v>
      </c>
      <c r="GE13" s="25">
        <v>115793</v>
      </c>
      <c r="GF13" s="28">
        <v>667944</v>
      </c>
      <c r="GG13" s="29">
        <v>667944</v>
      </c>
      <c r="GH13" s="24">
        <v>0</v>
      </c>
      <c r="GI13" s="25">
        <v>0</v>
      </c>
      <c r="GJ13" s="26">
        <v>0</v>
      </c>
      <c r="GK13" s="27">
        <v>0</v>
      </c>
      <c r="GL13" s="25">
        <v>3580</v>
      </c>
      <c r="GM13" s="25">
        <v>49</v>
      </c>
      <c r="GN13" s="25">
        <v>9469</v>
      </c>
      <c r="GO13" s="25">
        <v>49</v>
      </c>
      <c r="GP13" s="25">
        <v>182</v>
      </c>
      <c r="GQ13" s="28">
        <v>13329</v>
      </c>
      <c r="GR13" s="29">
        <v>13329</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334887</v>
      </c>
      <c r="HT13" s="25">
        <v>502692</v>
      </c>
      <c r="HU13" s="25">
        <v>4104003</v>
      </c>
      <c r="HV13" s="25">
        <v>4065849</v>
      </c>
      <c r="HW13" s="25">
        <v>3572510</v>
      </c>
      <c r="HX13" s="28">
        <v>12579941</v>
      </c>
      <c r="HY13" s="29">
        <v>12579941</v>
      </c>
    </row>
    <row r="14" spans="2:233" ht="21" customHeight="1" x14ac:dyDescent="0.2">
      <c r="B14" s="106" t="s">
        <v>10</v>
      </c>
      <c r="C14" s="24">
        <v>0</v>
      </c>
      <c r="D14" s="25">
        <v>12735</v>
      </c>
      <c r="E14" s="26">
        <v>12735</v>
      </c>
      <c r="F14" s="27">
        <v>0</v>
      </c>
      <c r="G14" s="25">
        <v>697348</v>
      </c>
      <c r="H14" s="25">
        <v>1041902</v>
      </c>
      <c r="I14" s="25">
        <v>2781118</v>
      </c>
      <c r="J14" s="25">
        <v>5105209</v>
      </c>
      <c r="K14" s="25">
        <v>3375031</v>
      </c>
      <c r="L14" s="28">
        <v>13000608</v>
      </c>
      <c r="M14" s="29">
        <v>13013343</v>
      </c>
      <c r="N14" s="24">
        <v>0</v>
      </c>
      <c r="O14" s="25">
        <v>0</v>
      </c>
      <c r="P14" s="26">
        <v>0</v>
      </c>
      <c r="Q14" s="404">
        <v>0</v>
      </c>
      <c r="R14" s="25">
        <v>78750</v>
      </c>
      <c r="S14" s="25">
        <v>335650</v>
      </c>
      <c r="T14" s="25">
        <v>1727400</v>
      </c>
      <c r="U14" s="25">
        <v>3621854</v>
      </c>
      <c r="V14" s="25">
        <v>2578447</v>
      </c>
      <c r="W14" s="28">
        <v>8342101</v>
      </c>
      <c r="X14" s="29">
        <v>8342101</v>
      </c>
      <c r="Y14" s="24">
        <v>0</v>
      </c>
      <c r="Z14" s="25">
        <v>0</v>
      </c>
      <c r="AA14" s="26">
        <v>0</v>
      </c>
      <c r="AB14" s="404">
        <v>0</v>
      </c>
      <c r="AC14" s="25">
        <v>499899</v>
      </c>
      <c r="AD14" s="25">
        <v>487625</v>
      </c>
      <c r="AE14" s="25">
        <v>816390</v>
      </c>
      <c r="AF14" s="25">
        <v>1077682</v>
      </c>
      <c r="AG14" s="25">
        <v>472028</v>
      </c>
      <c r="AH14" s="28">
        <v>3353624</v>
      </c>
      <c r="AI14" s="29">
        <v>3353624</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0</v>
      </c>
      <c r="BB14" s="25">
        <v>55500</v>
      </c>
      <c r="BC14" s="25">
        <v>193300</v>
      </c>
      <c r="BD14" s="28">
        <v>248800</v>
      </c>
      <c r="BE14" s="29">
        <v>248800</v>
      </c>
      <c r="BF14" s="24">
        <v>0</v>
      </c>
      <c r="BG14" s="25">
        <v>0</v>
      </c>
      <c r="BH14" s="26">
        <v>0</v>
      </c>
      <c r="BI14" s="404">
        <v>0</v>
      </c>
      <c r="BJ14" s="25">
        <v>0</v>
      </c>
      <c r="BK14" s="25">
        <v>0</v>
      </c>
      <c r="BL14" s="25">
        <v>0</v>
      </c>
      <c r="BM14" s="25">
        <v>31650</v>
      </c>
      <c r="BN14" s="25">
        <v>39300</v>
      </c>
      <c r="BO14" s="28">
        <v>70950</v>
      </c>
      <c r="BP14" s="29">
        <v>70950</v>
      </c>
      <c r="BQ14" s="24">
        <v>0</v>
      </c>
      <c r="BR14" s="25">
        <v>12735</v>
      </c>
      <c r="BS14" s="26">
        <v>12735</v>
      </c>
      <c r="BT14" s="27">
        <v>0</v>
      </c>
      <c r="BU14" s="25">
        <v>118699</v>
      </c>
      <c r="BV14" s="25">
        <v>212553</v>
      </c>
      <c r="BW14" s="25">
        <v>237328</v>
      </c>
      <c r="BX14" s="25">
        <v>308232</v>
      </c>
      <c r="BY14" s="25">
        <v>86600</v>
      </c>
      <c r="BZ14" s="28">
        <v>963412</v>
      </c>
      <c r="CA14" s="29">
        <v>976147</v>
      </c>
      <c r="CB14" s="24">
        <v>0</v>
      </c>
      <c r="CC14" s="25">
        <v>0</v>
      </c>
      <c r="CD14" s="26">
        <v>0</v>
      </c>
      <c r="CE14" s="27">
        <v>0</v>
      </c>
      <c r="CF14" s="25">
        <v>0</v>
      </c>
      <c r="CG14" s="25">
        <v>6074</v>
      </c>
      <c r="CH14" s="25">
        <v>0</v>
      </c>
      <c r="CI14" s="25">
        <v>10291</v>
      </c>
      <c r="CJ14" s="25">
        <v>5356</v>
      </c>
      <c r="CK14" s="28">
        <v>21721</v>
      </c>
      <c r="CL14" s="29">
        <v>21721</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0</v>
      </c>
      <c r="DJ14" s="25">
        <v>13836</v>
      </c>
      <c r="DK14" s="26">
        <v>13836</v>
      </c>
      <c r="DL14" s="27">
        <v>0</v>
      </c>
      <c r="DM14" s="25">
        <v>383165</v>
      </c>
      <c r="DN14" s="25">
        <v>1074886</v>
      </c>
      <c r="DO14" s="25">
        <v>3263736</v>
      </c>
      <c r="DP14" s="25">
        <v>5671867</v>
      </c>
      <c r="DQ14" s="25">
        <v>3624822</v>
      </c>
      <c r="DR14" s="28">
        <v>14018476</v>
      </c>
      <c r="DS14" s="30">
        <v>14032312</v>
      </c>
      <c r="DT14" s="24">
        <v>0</v>
      </c>
      <c r="DU14" s="25">
        <v>0</v>
      </c>
      <c r="DV14" s="26">
        <v>0</v>
      </c>
      <c r="DW14" s="404">
        <v>0</v>
      </c>
      <c r="DX14" s="25">
        <v>174480</v>
      </c>
      <c r="DY14" s="25">
        <v>559620</v>
      </c>
      <c r="DZ14" s="25">
        <v>2603653</v>
      </c>
      <c r="EA14" s="25">
        <v>5044389</v>
      </c>
      <c r="EB14" s="25">
        <v>3301548</v>
      </c>
      <c r="EC14" s="28">
        <v>11683690</v>
      </c>
      <c r="ED14" s="29">
        <v>11683690</v>
      </c>
      <c r="EE14" s="24">
        <v>0</v>
      </c>
      <c r="EF14" s="25">
        <v>0</v>
      </c>
      <c r="EG14" s="26">
        <v>0</v>
      </c>
      <c r="EH14" s="404">
        <v>0</v>
      </c>
      <c r="EI14" s="25">
        <v>37769</v>
      </c>
      <c r="EJ14" s="25">
        <v>167173</v>
      </c>
      <c r="EK14" s="25">
        <v>210757</v>
      </c>
      <c r="EL14" s="25">
        <v>165514</v>
      </c>
      <c r="EM14" s="25">
        <v>62956</v>
      </c>
      <c r="EN14" s="28">
        <v>644169</v>
      </c>
      <c r="EO14" s="29">
        <v>644169</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0</v>
      </c>
      <c r="FH14" s="25">
        <v>420</v>
      </c>
      <c r="FI14" s="25">
        <v>2499</v>
      </c>
      <c r="FJ14" s="28">
        <v>2919</v>
      </c>
      <c r="FK14" s="29">
        <v>2919</v>
      </c>
      <c r="FL14" s="24">
        <v>0</v>
      </c>
      <c r="FM14" s="25">
        <v>0</v>
      </c>
      <c r="FN14" s="26">
        <v>0</v>
      </c>
      <c r="FO14" s="404">
        <v>0</v>
      </c>
      <c r="FP14" s="25">
        <v>0</v>
      </c>
      <c r="FQ14" s="25">
        <v>0</v>
      </c>
      <c r="FR14" s="25">
        <v>0</v>
      </c>
      <c r="FS14" s="25">
        <v>35580</v>
      </c>
      <c r="FT14" s="25">
        <v>98220</v>
      </c>
      <c r="FU14" s="28">
        <v>133800</v>
      </c>
      <c r="FV14" s="29">
        <v>133800</v>
      </c>
      <c r="FW14" s="24">
        <v>0</v>
      </c>
      <c r="FX14" s="25">
        <v>13836</v>
      </c>
      <c r="FY14" s="26">
        <v>13836</v>
      </c>
      <c r="FZ14" s="27">
        <v>0</v>
      </c>
      <c r="GA14" s="25">
        <v>170916</v>
      </c>
      <c r="GB14" s="25">
        <v>347981</v>
      </c>
      <c r="GC14" s="25">
        <v>449326</v>
      </c>
      <c r="GD14" s="25">
        <v>423576</v>
      </c>
      <c r="GE14" s="25">
        <v>158391</v>
      </c>
      <c r="GF14" s="28">
        <v>1550190</v>
      </c>
      <c r="GG14" s="29">
        <v>1564026</v>
      </c>
      <c r="GH14" s="24">
        <v>0</v>
      </c>
      <c r="GI14" s="25">
        <v>0</v>
      </c>
      <c r="GJ14" s="26">
        <v>0</v>
      </c>
      <c r="GK14" s="27">
        <v>0</v>
      </c>
      <c r="GL14" s="25">
        <v>0</v>
      </c>
      <c r="GM14" s="25">
        <v>112</v>
      </c>
      <c r="GN14" s="25">
        <v>0</v>
      </c>
      <c r="GO14" s="25">
        <v>2388</v>
      </c>
      <c r="GP14" s="25">
        <v>1208</v>
      </c>
      <c r="GQ14" s="28">
        <v>3708</v>
      </c>
      <c r="GR14" s="29">
        <v>3708</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0</v>
      </c>
      <c r="HP14" s="25">
        <v>26571</v>
      </c>
      <c r="HQ14" s="26">
        <v>26571</v>
      </c>
      <c r="HR14" s="27">
        <v>0</v>
      </c>
      <c r="HS14" s="25">
        <v>1080513</v>
      </c>
      <c r="HT14" s="25">
        <v>2116788</v>
      </c>
      <c r="HU14" s="25">
        <v>6044854</v>
      </c>
      <c r="HV14" s="25">
        <v>10777076</v>
      </c>
      <c r="HW14" s="25">
        <v>6999853</v>
      </c>
      <c r="HX14" s="28">
        <v>27019084</v>
      </c>
      <c r="HY14" s="29">
        <v>27045655</v>
      </c>
    </row>
    <row r="15" spans="2:233" ht="21" customHeight="1" x14ac:dyDescent="0.2">
      <c r="B15" s="106" t="s">
        <v>11</v>
      </c>
      <c r="C15" s="24">
        <v>1535</v>
      </c>
      <c r="D15" s="25">
        <v>3920</v>
      </c>
      <c r="E15" s="26">
        <v>5455</v>
      </c>
      <c r="F15" s="27">
        <v>0</v>
      </c>
      <c r="G15" s="25">
        <v>767405</v>
      </c>
      <c r="H15" s="25">
        <v>986405</v>
      </c>
      <c r="I15" s="25">
        <v>2622681</v>
      </c>
      <c r="J15" s="25">
        <v>4207079</v>
      </c>
      <c r="K15" s="25">
        <v>2607788</v>
      </c>
      <c r="L15" s="28">
        <v>11191358</v>
      </c>
      <c r="M15" s="29">
        <v>11196813</v>
      </c>
      <c r="N15" s="24">
        <v>0</v>
      </c>
      <c r="O15" s="25">
        <v>0</v>
      </c>
      <c r="P15" s="26">
        <v>0</v>
      </c>
      <c r="Q15" s="404">
        <v>0</v>
      </c>
      <c r="R15" s="25">
        <v>2550</v>
      </c>
      <c r="S15" s="25">
        <v>97155</v>
      </c>
      <c r="T15" s="25">
        <v>1871970</v>
      </c>
      <c r="U15" s="25">
        <v>2717961</v>
      </c>
      <c r="V15" s="25">
        <v>1736615</v>
      </c>
      <c r="W15" s="28">
        <v>6426251</v>
      </c>
      <c r="X15" s="29">
        <v>6426251</v>
      </c>
      <c r="Y15" s="24">
        <v>0</v>
      </c>
      <c r="Z15" s="25">
        <v>0</v>
      </c>
      <c r="AA15" s="26">
        <v>0</v>
      </c>
      <c r="AB15" s="404">
        <v>0</v>
      </c>
      <c r="AC15" s="25">
        <v>520570</v>
      </c>
      <c r="AD15" s="25">
        <v>685350</v>
      </c>
      <c r="AE15" s="25">
        <v>532146</v>
      </c>
      <c r="AF15" s="25">
        <v>1206465</v>
      </c>
      <c r="AG15" s="25">
        <v>343170</v>
      </c>
      <c r="AH15" s="28">
        <v>3287701</v>
      </c>
      <c r="AI15" s="29">
        <v>3287701</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134505</v>
      </c>
      <c r="AZ15" s="25">
        <v>89850</v>
      </c>
      <c r="BA15" s="25">
        <v>58050</v>
      </c>
      <c r="BB15" s="25">
        <v>113720</v>
      </c>
      <c r="BC15" s="25">
        <v>429355</v>
      </c>
      <c r="BD15" s="28">
        <v>825480</v>
      </c>
      <c r="BE15" s="29">
        <v>825480</v>
      </c>
      <c r="BF15" s="24">
        <v>0</v>
      </c>
      <c r="BG15" s="25">
        <v>0</v>
      </c>
      <c r="BH15" s="26">
        <v>0</v>
      </c>
      <c r="BI15" s="404">
        <v>0</v>
      </c>
      <c r="BJ15" s="25">
        <v>0</v>
      </c>
      <c r="BK15" s="25">
        <v>0</v>
      </c>
      <c r="BL15" s="25">
        <v>0</v>
      </c>
      <c r="BM15" s="25">
        <v>0</v>
      </c>
      <c r="BN15" s="25">
        <v>0</v>
      </c>
      <c r="BO15" s="28">
        <v>0</v>
      </c>
      <c r="BP15" s="29">
        <v>0</v>
      </c>
      <c r="BQ15" s="24">
        <v>1535</v>
      </c>
      <c r="BR15" s="25">
        <v>3920</v>
      </c>
      <c r="BS15" s="26">
        <v>5455</v>
      </c>
      <c r="BT15" s="27">
        <v>0</v>
      </c>
      <c r="BU15" s="25">
        <v>106644</v>
      </c>
      <c r="BV15" s="25">
        <v>114050</v>
      </c>
      <c r="BW15" s="25">
        <v>156460</v>
      </c>
      <c r="BX15" s="25">
        <v>168933</v>
      </c>
      <c r="BY15" s="25">
        <v>96223</v>
      </c>
      <c r="BZ15" s="28">
        <v>642310</v>
      </c>
      <c r="CA15" s="29">
        <v>647765</v>
      </c>
      <c r="CB15" s="24">
        <v>0</v>
      </c>
      <c r="CC15" s="25">
        <v>0</v>
      </c>
      <c r="CD15" s="26">
        <v>0</v>
      </c>
      <c r="CE15" s="27">
        <v>0</v>
      </c>
      <c r="CF15" s="25">
        <v>3136</v>
      </c>
      <c r="CG15" s="25">
        <v>0</v>
      </c>
      <c r="CH15" s="25">
        <v>4055</v>
      </c>
      <c r="CI15" s="25">
        <v>0</v>
      </c>
      <c r="CJ15" s="25">
        <v>2425</v>
      </c>
      <c r="CK15" s="28">
        <v>9616</v>
      </c>
      <c r="CL15" s="29">
        <v>9616</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6978</v>
      </c>
      <c r="DK15" s="26">
        <v>8733</v>
      </c>
      <c r="DL15" s="27">
        <v>0</v>
      </c>
      <c r="DM15" s="25">
        <v>263759</v>
      </c>
      <c r="DN15" s="25">
        <v>321036</v>
      </c>
      <c r="DO15" s="25">
        <v>2465753</v>
      </c>
      <c r="DP15" s="25">
        <v>3966689</v>
      </c>
      <c r="DQ15" s="25">
        <v>2133704</v>
      </c>
      <c r="DR15" s="28">
        <v>9150941</v>
      </c>
      <c r="DS15" s="30">
        <v>9159674</v>
      </c>
      <c r="DT15" s="24">
        <v>0</v>
      </c>
      <c r="DU15" s="25">
        <v>0</v>
      </c>
      <c r="DV15" s="26">
        <v>0</v>
      </c>
      <c r="DW15" s="404">
        <v>0</v>
      </c>
      <c r="DX15" s="25">
        <v>14100</v>
      </c>
      <c r="DY15" s="25">
        <v>79080</v>
      </c>
      <c r="DZ15" s="25">
        <v>2163319</v>
      </c>
      <c r="EA15" s="25">
        <v>3558558</v>
      </c>
      <c r="EB15" s="25">
        <v>1882931</v>
      </c>
      <c r="EC15" s="28">
        <v>7697988</v>
      </c>
      <c r="ED15" s="29">
        <v>7697988</v>
      </c>
      <c r="EE15" s="24">
        <v>0</v>
      </c>
      <c r="EF15" s="25">
        <v>0</v>
      </c>
      <c r="EG15" s="26">
        <v>0</v>
      </c>
      <c r="EH15" s="404">
        <v>0</v>
      </c>
      <c r="EI15" s="25">
        <v>106705</v>
      </c>
      <c r="EJ15" s="25">
        <v>81284</v>
      </c>
      <c r="EK15" s="25">
        <v>125526</v>
      </c>
      <c r="EL15" s="25">
        <v>214755</v>
      </c>
      <c r="EM15" s="25">
        <v>76288</v>
      </c>
      <c r="EN15" s="28">
        <v>604558</v>
      </c>
      <c r="EO15" s="29">
        <v>604558</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26433</v>
      </c>
      <c r="FF15" s="25">
        <v>22260</v>
      </c>
      <c r="FG15" s="25">
        <v>2736</v>
      </c>
      <c r="FH15" s="25">
        <v>1064</v>
      </c>
      <c r="FI15" s="25">
        <v>69013</v>
      </c>
      <c r="FJ15" s="28">
        <v>121506</v>
      </c>
      <c r="FK15" s="29">
        <v>121506</v>
      </c>
      <c r="FL15" s="24">
        <v>0</v>
      </c>
      <c r="FM15" s="25">
        <v>0</v>
      </c>
      <c r="FN15" s="26">
        <v>0</v>
      </c>
      <c r="FO15" s="404">
        <v>0</v>
      </c>
      <c r="FP15" s="25">
        <v>0</v>
      </c>
      <c r="FQ15" s="25">
        <v>0</v>
      </c>
      <c r="FR15" s="25">
        <v>0</v>
      </c>
      <c r="FS15" s="25">
        <v>0</v>
      </c>
      <c r="FT15" s="25">
        <v>0</v>
      </c>
      <c r="FU15" s="28">
        <v>0</v>
      </c>
      <c r="FV15" s="29">
        <v>0</v>
      </c>
      <c r="FW15" s="24">
        <v>1755</v>
      </c>
      <c r="FX15" s="25">
        <v>6978</v>
      </c>
      <c r="FY15" s="26">
        <v>8733</v>
      </c>
      <c r="FZ15" s="27">
        <v>0</v>
      </c>
      <c r="GA15" s="25">
        <v>116465</v>
      </c>
      <c r="GB15" s="25">
        <v>138412</v>
      </c>
      <c r="GC15" s="25">
        <v>174137</v>
      </c>
      <c r="GD15" s="25">
        <v>192312</v>
      </c>
      <c r="GE15" s="25">
        <v>102250</v>
      </c>
      <c r="GF15" s="28">
        <v>723576</v>
      </c>
      <c r="GG15" s="29">
        <v>732309</v>
      </c>
      <c r="GH15" s="24">
        <v>0</v>
      </c>
      <c r="GI15" s="25">
        <v>0</v>
      </c>
      <c r="GJ15" s="26">
        <v>0</v>
      </c>
      <c r="GK15" s="27">
        <v>0</v>
      </c>
      <c r="GL15" s="25">
        <v>56</v>
      </c>
      <c r="GM15" s="25">
        <v>0</v>
      </c>
      <c r="GN15" s="25">
        <v>35</v>
      </c>
      <c r="GO15" s="25">
        <v>0</v>
      </c>
      <c r="GP15" s="25">
        <v>3222</v>
      </c>
      <c r="GQ15" s="28">
        <v>3313</v>
      </c>
      <c r="GR15" s="29">
        <v>3313</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10898</v>
      </c>
      <c r="HQ15" s="26">
        <v>14188</v>
      </c>
      <c r="HR15" s="27">
        <v>0</v>
      </c>
      <c r="HS15" s="25">
        <v>1031164</v>
      </c>
      <c r="HT15" s="25">
        <v>1307441</v>
      </c>
      <c r="HU15" s="25">
        <v>5088434</v>
      </c>
      <c r="HV15" s="25">
        <v>8173768</v>
      </c>
      <c r="HW15" s="25">
        <v>4741492</v>
      </c>
      <c r="HX15" s="28">
        <v>20342299</v>
      </c>
      <c r="HY15" s="29">
        <v>20356487</v>
      </c>
    </row>
    <row r="16" spans="2:233" ht="21" customHeight="1" x14ac:dyDescent="0.2">
      <c r="B16" s="106" t="s">
        <v>12</v>
      </c>
      <c r="C16" s="24">
        <v>8015</v>
      </c>
      <c r="D16" s="25">
        <v>725</v>
      </c>
      <c r="E16" s="26">
        <v>8740</v>
      </c>
      <c r="F16" s="27">
        <v>0</v>
      </c>
      <c r="G16" s="25">
        <v>145495</v>
      </c>
      <c r="H16" s="25">
        <v>702840</v>
      </c>
      <c r="I16" s="25">
        <v>2385058</v>
      </c>
      <c r="J16" s="25">
        <v>3550999</v>
      </c>
      <c r="K16" s="25">
        <v>1702098</v>
      </c>
      <c r="L16" s="28">
        <v>8486490</v>
      </c>
      <c r="M16" s="29">
        <v>8495230</v>
      </c>
      <c r="N16" s="24">
        <v>0</v>
      </c>
      <c r="O16" s="25">
        <v>0</v>
      </c>
      <c r="P16" s="26">
        <v>0</v>
      </c>
      <c r="Q16" s="404">
        <v>0</v>
      </c>
      <c r="R16" s="25">
        <v>2550</v>
      </c>
      <c r="S16" s="25">
        <v>70140</v>
      </c>
      <c r="T16" s="25">
        <v>1404817</v>
      </c>
      <c r="U16" s="25">
        <v>2424418</v>
      </c>
      <c r="V16" s="25">
        <v>1049335</v>
      </c>
      <c r="W16" s="28">
        <v>4951260</v>
      </c>
      <c r="X16" s="29">
        <v>4951260</v>
      </c>
      <c r="Y16" s="24">
        <v>0</v>
      </c>
      <c r="Z16" s="25">
        <v>0</v>
      </c>
      <c r="AA16" s="26">
        <v>0</v>
      </c>
      <c r="AB16" s="404">
        <v>0</v>
      </c>
      <c r="AC16" s="25">
        <v>89514</v>
      </c>
      <c r="AD16" s="25">
        <v>587370</v>
      </c>
      <c r="AE16" s="25">
        <v>740415</v>
      </c>
      <c r="AF16" s="25">
        <v>771900</v>
      </c>
      <c r="AG16" s="25">
        <v>494710</v>
      </c>
      <c r="AH16" s="28">
        <v>2683909</v>
      </c>
      <c r="AI16" s="29">
        <v>2683909</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3850</v>
      </c>
      <c r="BB16" s="25">
        <v>74860</v>
      </c>
      <c r="BC16" s="25">
        <v>47100</v>
      </c>
      <c r="BD16" s="28">
        <v>145810</v>
      </c>
      <c r="BE16" s="29">
        <v>145810</v>
      </c>
      <c r="BF16" s="24">
        <v>0</v>
      </c>
      <c r="BG16" s="25">
        <v>0</v>
      </c>
      <c r="BH16" s="26">
        <v>0</v>
      </c>
      <c r="BI16" s="404">
        <v>0</v>
      </c>
      <c r="BJ16" s="25">
        <v>0</v>
      </c>
      <c r="BK16" s="25">
        <v>0</v>
      </c>
      <c r="BL16" s="25">
        <v>60535</v>
      </c>
      <c r="BM16" s="25">
        <v>129000</v>
      </c>
      <c r="BN16" s="25">
        <v>31650</v>
      </c>
      <c r="BO16" s="28">
        <v>221185</v>
      </c>
      <c r="BP16" s="29">
        <v>221185</v>
      </c>
      <c r="BQ16" s="24">
        <v>8015</v>
      </c>
      <c r="BR16" s="25">
        <v>725</v>
      </c>
      <c r="BS16" s="26">
        <v>8740</v>
      </c>
      <c r="BT16" s="27">
        <v>0</v>
      </c>
      <c r="BU16" s="25">
        <v>52173</v>
      </c>
      <c r="BV16" s="25">
        <v>42340</v>
      </c>
      <c r="BW16" s="25">
        <v>152326</v>
      </c>
      <c r="BX16" s="25">
        <v>148341</v>
      </c>
      <c r="BY16" s="25">
        <v>68868</v>
      </c>
      <c r="BZ16" s="28">
        <v>464048</v>
      </c>
      <c r="CA16" s="29">
        <v>472788</v>
      </c>
      <c r="CB16" s="24">
        <v>0</v>
      </c>
      <c r="CC16" s="25">
        <v>0</v>
      </c>
      <c r="CD16" s="26">
        <v>0</v>
      </c>
      <c r="CE16" s="27">
        <v>0</v>
      </c>
      <c r="CF16" s="25">
        <v>1258</v>
      </c>
      <c r="CG16" s="25">
        <v>2990</v>
      </c>
      <c r="CH16" s="25">
        <v>3115</v>
      </c>
      <c r="CI16" s="25">
        <v>2480</v>
      </c>
      <c r="CJ16" s="25">
        <v>10435</v>
      </c>
      <c r="CK16" s="28">
        <v>20278</v>
      </c>
      <c r="CL16" s="29">
        <v>20278</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5985</v>
      </c>
      <c r="DJ16" s="25">
        <v>4176</v>
      </c>
      <c r="DK16" s="26">
        <v>10161</v>
      </c>
      <c r="DL16" s="27">
        <v>0</v>
      </c>
      <c r="DM16" s="25">
        <v>141379</v>
      </c>
      <c r="DN16" s="25">
        <v>420339</v>
      </c>
      <c r="DO16" s="25">
        <v>2473775</v>
      </c>
      <c r="DP16" s="25">
        <v>3510981</v>
      </c>
      <c r="DQ16" s="25">
        <v>1748893</v>
      </c>
      <c r="DR16" s="28">
        <v>8295367</v>
      </c>
      <c r="DS16" s="30">
        <v>8305528</v>
      </c>
      <c r="DT16" s="24">
        <v>0</v>
      </c>
      <c r="DU16" s="25">
        <v>0</v>
      </c>
      <c r="DV16" s="26">
        <v>0</v>
      </c>
      <c r="DW16" s="404">
        <v>0</v>
      </c>
      <c r="DX16" s="25">
        <v>20880</v>
      </c>
      <c r="DY16" s="25">
        <v>238050</v>
      </c>
      <c r="DZ16" s="25">
        <v>1903346</v>
      </c>
      <c r="EA16" s="25">
        <v>3001614</v>
      </c>
      <c r="EB16" s="25">
        <v>1463602</v>
      </c>
      <c r="EC16" s="28">
        <v>6627492</v>
      </c>
      <c r="ED16" s="29">
        <v>6627492</v>
      </c>
      <c r="EE16" s="24">
        <v>0</v>
      </c>
      <c r="EF16" s="25">
        <v>0</v>
      </c>
      <c r="EG16" s="26">
        <v>0</v>
      </c>
      <c r="EH16" s="404">
        <v>0</v>
      </c>
      <c r="EI16" s="25">
        <v>47497</v>
      </c>
      <c r="EJ16" s="25">
        <v>84294</v>
      </c>
      <c r="EK16" s="25">
        <v>150921</v>
      </c>
      <c r="EL16" s="25">
        <v>95440</v>
      </c>
      <c r="EM16" s="25">
        <v>59217</v>
      </c>
      <c r="EN16" s="28">
        <v>437369</v>
      </c>
      <c r="EO16" s="29">
        <v>437369</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0</v>
      </c>
      <c r="FH16" s="25">
        <v>1386</v>
      </c>
      <c r="FI16" s="25">
        <v>12360</v>
      </c>
      <c r="FJ16" s="28">
        <v>13956</v>
      </c>
      <c r="FK16" s="29">
        <v>13956</v>
      </c>
      <c r="FL16" s="24">
        <v>0</v>
      </c>
      <c r="FM16" s="25">
        <v>0</v>
      </c>
      <c r="FN16" s="26">
        <v>0</v>
      </c>
      <c r="FO16" s="404">
        <v>0</v>
      </c>
      <c r="FP16" s="25">
        <v>0</v>
      </c>
      <c r="FQ16" s="25">
        <v>0</v>
      </c>
      <c r="FR16" s="25">
        <v>151032</v>
      </c>
      <c r="FS16" s="25">
        <v>211140</v>
      </c>
      <c r="FT16" s="25">
        <v>35580</v>
      </c>
      <c r="FU16" s="28">
        <v>397752</v>
      </c>
      <c r="FV16" s="29">
        <v>397752</v>
      </c>
      <c r="FW16" s="24">
        <v>5985</v>
      </c>
      <c r="FX16" s="25">
        <v>4176</v>
      </c>
      <c r="FY16" s="26">
        <v>10161</v>
      </c>
      <c r="FZ16" s="27">
        <v>0</v>
      </c>
      <c r="GA16" s="25">
        <v>72932</v>
      </c>
      <c r="GB16" s="25">
        <v>97827</v>
      </c>
      <c r="GC16" s="25">
        <v>268266</v>
      </c>
      <c r="GD16" s="25">
        <v>201380</v>
      </c>
      <c r="GE16" s="25">
        <v>166188</v>
      </c>
      <c r="GF16" s="28">
        <v>806593</v>
      </c>
      <c r="GG16" s="29">
        <v>816754</v>
      </c>
      <c r="GH16" s="24">
        <v>0</v>
      </c>
      <c r="GI16" s="25">
        <v>0</v>
      </c>
      <c r="GJ16" s="26">
        <v>0</v>
      </c>
      <c r="GK16" s="27">
        <v>0</v>
      </c>
      <c r="GL16" s="25">
        <v>70</v>
      </c>
      <c r="GM16" s="25">
        <v>168</v>
      </c>
      <c r="GN16" s="25">
        <v>0</v>
      </c>
      <c r="GO16" s="25">
        <v>21</v>
      </c>
      <c r="GP16" s="25">
        <v>11946</v>
      </c>
      <c r="GQ16" s="28">
        <v>12205</v>
      </c>
      <c r="GR16" s="29">
        <v>12205</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4000</v>
      </c>
      <c r="HP16" s="25">
        <v>4901</v>
      </c>
      <c r="HQ16" s="26">
        <v>18901</v>
      </c>
      <c r="HR16" s="27">
        <v>0</v>
      </c>
      <c r="HS16" s="25">
        <v>286874</v>
      </c>
      <c r="HT16" s="25">
        <v>1123179</v>
      </c>
      <c r="HU16" s="25">
        <v>4858833</v>
      </c>
      <c r="HV16" s="25">
        <v>7061980</v>
      </c>
      <c r="HW16" s="25">
        <v>3450991</v>
      </c>
      <c r="HX16" s="28">
        <v>16781857</v>
      </c>
      <c r="HY16" s="29">
        <v>16800758</v>
      </c>
    </row>
    <row r="17" spans="2:233" ht="21" customHeight="1" x14ac:dyDescent="0.2">
      <c r="B17" s="106" t="s">
        <v>13</v>
      </c>
      <c r="C17" s="24">
        <v>0</v>
      </c>
      <c r="D17" s="25">
        <v>0</v>
      </c>
      <c r="E17" s="26">
        <v>0</v>
      </c>
      <c r="F17" s="27">
        <v>0</v>
      </c>
      <c r="G17" s="25">
        <v>50590</v>
      </c>
      <c r="H17" s="25">
        <v>137295</v>
      </c>
      <c r="I17" s="25">
        <v>307075</v>
      </c>
      <c r="J17" s="25">
        <v>823505</v>
      </c>
      <c r="K17" s="25">
        <v>601220</v>
      </c>
      <c r="L17" s="28">
        <v>1919685</v>
      </c>
      <c r="M17" s="29">
        <v>1919685</v>
      </c>
      <c r="N17" s="24">
        <v>0</v>
      </c>
      <c r="O17" s="25">
        <v>0</v>
      </c>
      <c r="P17" s="26">
        <v>0</v>
      </c>
      <c r="Q17" s="404">
        <v>0</v>
      </c>
      <c r="R17" s="25">
        <v>2550</v>
      </c>
      <c r="S17" s="25">
        <v>36750</v>
      </c>
      <c r="T17" s="25">
        <v>256910</v>
      </c>
      <c r="U17" s="25">
        <v>792745</v>
      </c>
      <c r="V17" s="25">
        <v>491860</v>
      </c>
      <c r="W17" s="28">
        <v>1580815</v>
      </c>
      <c r="X17" s="29">
        <v>1580815</v>
      </c>
      <c r="Y17" s="24">
        <v>0</v>
      </c>
      <c r="Z17" s="25">
        <v>0</v>
      </c>
      <c r="AA17" s="26">
        <v>0</v>
      </c>
      <c r="AB17" s="404">
        <v>0</v>
      </c>
      <c r="AC17" s="25">
        <v>40855</v>
      </c>
      <c r="AD17" s="25">
        <v>84450</v>
      </c>
      <c r="AE17" s="25">
        <v>15665</v>
      </c>
      <c r="AF17" s="25">
        <v>15070</v>
      </c>
      <c r="AG17" s="25">
        <v>72650</v>
      </c>
      <c r="AH17" s="28">
        <v>228690</v>
      </c>
      <c r="AI17" s="29">
        <v>228690</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7185</v>
      </c>
      <c r="BV17" s="25">
        <v>16095</v>
      </c>
      <c r="BW17" s="25">
        <v>31455</v>
      </c>
      <c r="BX17" s="25">
        <v>15690</v>
      </c>
      <c r="BY17" s="25">
        <v>35840</v>
      </c>
      <c r="BZ17" s="28">
        <v>106265</v>
      </c>
      <c r="CA17" s="29">
        <v>106265</v>
      </c>
      <c r="CB17" s="24">
        <v>0</v>
      </c>
      <c r="CC17" s="25">
        <v>0</v>
      </c>
      <c r="CD17" s="26">
        <v>0</v>
      </c>
      <c r="CE17" s="27">
        <v>0</v>
      </c>
      <c r="CF17" s="25">
        <v>0</v>
      </c>
      <c r="CG17" s="25">
        <v>0</v>
      </c>
      <c r="CH17" s="25">
        <v>3045</v>
      </c>
      <c r="CI17" s="25">
        <v>0</v>
      </c>
      <c r="CJ17" s="25">
        <v>870</v>
      </c>
      <c r="CK17" s="28">
        <v>3915</v>
      </c>
      <c r="CL17" s="29">
        <v>3915</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49066</v>
      </c>
      <c r="DN17" s="25">
        <v>78227</v>
      </c>
      <c r="DO17" s="25">
        <v>486963</v>
      </c>
      <c r="DP17" s="25">
        <v>960571</v>
      </c>
      <c r="DQ17" s="25">
        <v>714199</v>
      </c>
      <c r="DR17" s="28">
        <v>2289026</v>
      </c>
      <c r="DS17" s="30">
        <v>2289026</v>
      </c>
      <c r="DT17" s="24">
        <v>0</v>
      </c>
      <c r="DU17" s="25">
        <v>0</v>
      </c>
      <c r="DV17" s="26">
        <v>0</v>
      </c>
      <c r="DW17" s="404">
        <v>0</v>
      </c>
      <c r="DX17" s="25">
        <v>20880</v>
      </c>
      <c r="DY17" s="25">
        <v>57960</v>
      </c>
      <c r="DZ17" s="25">
        <v>402243</v>
      </c>
      <c r="EA17" s="25">
        <v>909104</v>
      </c>
      <c r="EB17" s="25">
        <v>661780</v>
      </c>
      <c r="EC17" s="28">
        <v>2051967</v>
      </c>
      <c r="ED17" s="29">
        <v>2051967</v>
      </c>
      <c r="EE17" s="24">
        <v>0</v>
      </c>
      <c r="EF17" s="25">
        <v>0</v>
      </c>
      <c r="EG17" s="26">
        <v>0</v>
      </c>
      <c r="EH17" s="404">
        <v>0</v>
      </c>
      <c r="EI17" s="25">
        <v>21868</v>
      </c>
      <c r="EJ17" s="25">
        <v>840</v>
      </c>
      <c r="EK17" s="25">
        <v>1218</v>
      </c>
      <c r="EL17" s="25">
        <v>1379</v>
      </c>
      <c r="EM17" s="25">
        <v>1050</v>
      </c>
      <c r="EN17" s="28">
        <v>26355</v>
      </c>
      <c r="EO17" s="29">
        <v>26355</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6318</v>
      </c>
      <c r="GB17" s="25">
        <v>19427</v>
      </c>
      <c r="GC17" s="25">
        <v>83502</v>
      </c>
      <c r="GD17" s="25">
        <v>50088</v>
      </c>
      <c r="GE17" s="25">
        <v>51369</v>
      </c>
      <c r="GF17" s="28">
        <v>210704</v>
      </c>
      <c r="GG17" s="29">
        <v>210704</v>
      </c>
      <c r="GH17" s="24">
        <v>0</v>
      </c>
      <c r="GI17" s="25">
        <v>0</v>
      </c>
      <c r="GJ17" s="26">
        <v>0</v>
      </c>
      <c r="GK17" s="27">
        <v>0</v>
      </c>
      <c r="GL17" s="25">
        <v>0</v>
      </c>
      <c r="GM17" s="25">
        <v>0</v>
      </c>
      <c r="GN17" s="25">
        <v>0</v>
      </c>
      <c r="GO17" s="25">
        <v>0</v>
      </c>
      <c r="GP17" s="25">
        <v>0</v>
      </c>
      <c r="GQ17" s="28">
        <v>0</v>
      </c>
      <c r="GR17" s="29">
        <v>0</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99656</v>
      </c>
      <c r="HT17" s="25">
        <v>215522</v>
      </c>
      <c r="HU17" s="25">
        <v>794038</v>
      </c>
      <c r="HV17" s="25">
        <v>1784076</v>
      </c>
      <c r="HW17" s="25">
        <v>1315419</v>
      </c>
      <c r="HX17" s="28">
        <v>4208711</v>
      </c>
      <c r="HY17" s="29">
        <v>4208711</v>
      </c>
    </row>
    <row r="18" spans="2:233" ht="21" customHeight="1" x14ac:dyDescent="0.2">
      <c r="B18" s="106" t="s">
        <v>15</v>
      </c>
      <c r="C18" s="24">
        <v>0</v>
      </c>
      <c r="D18" s="25">
        <v>0</v>
      </c>
      <c r="E18" s="26">
        <v>0</v>
      </c>
      <c r="F18" s="27">
        <v>0</v>
      </c>
      <c r="G18" s="25">
        <v>227159</v>
      </c>
      <c r="H18" s="25">
        <v>222120</v>
      </c>
      <c r="I18" s="25">
        <v>1730590</v>
      </c>
      <c r="J18" s="25">
        <v>2253826</v>
      </c>
      <c r="K18" s="25">
        <v>1109924</v>
      </c>
      <c r="L18" s="28">
        <v>5543619</v>
      </c>
      <c r="M18" s="29">
        <v>5543619</v>
      </c>
      <c r="N18" s="24">
        <v>0</v>
      </c>
      <c r="O18" s="25">
        <v>0</v>
      </c>
      <c r="P18" s="26">
        <v>0</v>
      </c>
      <c r="Q18" s="404">
        <v>0</v>
      </c>
      <c r="R18" s="25">
        <v>22155</v>
      </c>
      <c r="S18" s="25">
        <v>2550</v>
      </c>
      <c r="T18" s="25">
        <v>1156745</v>
      </c>
      <c r="U18" s="25">
        <v>1325495</v>
      </c>
      <c r="V18" s="25">
        <v>744880</v>
      </c>
      <c r="W18" s="28">
        <v>3251825</v>
      </c>
      <c r="X18" s="29">
        <v>3251825</v>
      </c>
      <c r="Y18" s="24">
        <v>0</v>
      </c>
      <c r="Z18" s="25">
        <v>0</v>
      </c>
      <c r="AA18" s="26">
        <v>0</v>
      </c>
      <c r="AB18" s="404">
        <v>0</v>
      </c>
      <c r="AC18" s="25">
        <v>179828</v>
      </c>
      <c r="AD18" s="25">
        <v>206273</v>
      </c>
      <c r="AE18" s="25">
        <v>280469</v>
      </c>
      <c r="AF18" s="25">
        <v>579746</v>
      </c>
      <c r="AG18" s="25">
        <v>221400</v>
      </c>
      <c r="AH18" s="28">
        <v>1467716</v>
      </c>
      <c r="AI18" s="29">
        <v>1467716</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5700</v>
      </c>
      <c r="BM18" s="25">
        <v>153000</v>
      </c>
      <c r="BN18" s="25">
        <v>100985</v>
      </c>
      <c r="BO18" s="28">
        <v>319685</v>
      </c>
      <c r="BP18" s="29">
        <v>319685</v>
      </c>
      <c r="BQ18" s="24">
        <v>0</v>
      </c>
      <c r="BR18" s="25">
        <v>0</v>
      </c>
      <c r="BS18" s="26">
        <v>0</v>
      </c>
      <c r="BT18" s="27">
        <v>0</v>
      </c>
      <c r="BU18" s="25">
        <v>11580</v>
      </c>
      <c r="BV18" s="25">
        <v>3627</v>
      </c>
      <c r="BW18" s="25">
        <v>227083</v>
      </c>
      <c r="BX18" s="25">
        <v>192192</v>
      </c>
      <c r="BY18" s="25">
        <v>42659</v>
      </c>
      <c r="BZ18" s="28">
        <v>477141</v>
      </c>
      <c r="CA18" s="29">
        <v>477141</v>
      </c>
      <c r="CB18" s="24">
        <v>0</v>
      </c>
      <c r="CC18" s="25">
        <v>0</v>
      </c>
      <c r="CD18" s="26">
        <v>0</v>
      </c>
      <c r="CE18" s="27">
        <v>0</v>
      </c>
      <c r="CF18" s="25">
        <v>13596</v>
      </c>
      <c r="CG18" s="25">
        <v>9670</v>
      </c>
      <c r="CH18" s="25">
        <v>593</v>
      </c>
      <c r="CI18" s="25">
        <v>3393</v>
      </c>
      <c r="CJ18" s="25">
        <v>0</v>
      </c>
      <c r="CK18" s="28">
        <v>27252</v>
      </c>
      <c r="CL18" s="29">
        <v>27252</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55930</v>
      </c>
      <c r="DN18" s="25">
        <v>64112</v>
      </c>
      <c r="DO18" s="25">
        <v>1566136</v>
      </c>
      <c r="DP18" s="25">
        <v>2212185</v>
      </c>
      <c r="DQ18" s="25">
        <v>1098242</v>
      </c>
      <c r="DR18" s="28">
        <v>4996605</v>
      </c>
      <c r="DS18" s="30">
        <v>4996605</v>
      </c>
      <c r="DT18" s="24">
        <v>0</v>
      </c>
      <c r="DU18" s="25">
        <v>0</v>
      </c>
      <c r="DV18" s="26">
        <v>0</v>
      </c>
      <c r="DW18" s="404">
        <v>0</v>
      </c>
      <c r="DX18" s="25">
        <v>10185</v>
      </c>
      <c r="DY18" s="25">
        <v>10530</v>
      </c>
      <c r="DZ18" s="25">
        <v>1110206</v>
      </c>
      <c r="EA18" s="25">
        <v>1675154</v>
      </c>
      <c r="EB18" s="25">
        <v>846504</v>
      </c>
      <c r="EC18" s="28">
        <v>3652579</v>
      </c>
      <c r="ED18" s="29">
        <v>3652579</v>
      </c>
      <c r="EE18" s="24">
        <v>0</v>
      </c>
      <c r="EF18" s="25">
        <v>0</v>
      </c>
      <c r="EG18" s="26">
        <v>0</v>
      </c>
      <c r="EH18" s="404">
        <v>0</v>
      </c>
      <c r="EI18" s="25">
        <v>34987</v>
      </c>
      <c r="EJ18" s="25">
        <v>35960</v>
      </c>
      <c r="EK18" s="25">
        <v>4200</v>
      </c>
      <c r="EL18" s="25">
        <v>50609</v>
      </c>
      <c r="EM18" s="25">
        <v>30425</v>
      </c>
      <c r="EN18" s="28">
        <v>156181</v>
      </c>
      <c r="EO18" s="29">
        <v>156181</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39980</v>
      </c>
      <c r="FS18" s="25">
        <v>184080</v>
      </c>
      <c r="FT18" s="25">
        <v>156156</v>
      </c>
      <c r="FU18" s="28">
        <v>480216</v>
      </c>
      <c r="FV18" s="29">
        <v>480216</v>
      </c>
      <c r="FW18" s="24">
        <v>0</v>
      </c>
      <c r="FX18" s="25">
        <v>0</v>
      </c>
      <c r="FY18" s="26">
        <v>0</v>
      </c>
      <c r="FZ18" s="27">
        <v>0</v>
      </c>
      <c r="GA18" s="25">
        <v>10569</v>
      </c>
      <c r="GB18" s="25">
        <v>10736</v>
      </c>
      <c r="GC18" s="25">
        <v>309960</v>
      </c>
      <c r="GD18" s="25">
        <v>301956</v>
      </c>
      <c r="GE18" s="25">
        <v>65157</v>
      </c>
      <c r="GF18" s="28">
        <v>698378</v>
      </c>
      <c r="GG18" s="29">
        <v>698378</v>
      </c>
      <c r="GH18" s="24">
        <v>0</v>
      </c>
      <c r="GI18" s="25">
        <v>0</v>
      </c>
      <c r="GJ18" s="26">
        <v>0</v>
      </c>
      <c r="GK18" s="27">
        <v>0</v>
      </c>
      <c r="GL18" s="25">
        <v>189</v>
      </c>
      <c r="GM18" s="25">
        <v>6886</v>
      </c>
      <c r="GN18" s="25">
        <v>1790</v>
      </c>
      <c r="GO18" s="25">
        <v>386</v>
      </c>
      <c r="GP18" s="25">
        <v>0</v>
      </c>
      <c r="GQ18" s="28">
        <v>9251</v>
      </c>
      <c r="GR18" s="29">
        <v>9251</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283089</v>
      </c>
      <c r="HT18" s="25">
        <v>286232</v>
      </c>
      <c r="HU18" s="25">
        <v>3296726</v>
      </c>
      <c r="HV18" s="25">
        <v>4466011</v>
      </c>
      <c r="HW18" s="25">
        <v>2208166</v>
      </c>
      <c r="HX18" s="28">
        <v>10540224</v>
      </c>
      <c r="HY18" s="29">
        <v>10540224</v>
      </c>
    </row>
    <row r="19" spans="2:233" ht="21" customHeight="1" x14ac:dyDescent="0.2">
      <c r="B19" s="106" t="s">
        <v>16</v>
      </c>
      <c r="C19" s="24">
        <v>0</v>
      </c>
      <c r="D19" s="25">
        <v>0</v>
      </c>
      <c r="E19" s="26">
        <v>0</v>
      </c>
      <c r="F19" s="27">
        <v>0</v>
      </c>
      <c r="G19" s="25">
        <v>424193</v>
      </c>
      <c r="H19" s="25">
        <v>612045</v>
      </c>
      <c r="I19" s="25">
        <v>2366214</v>
      </c>
      <c r="J19" s="25">
        <v>3102346</v>
      </c>
      <c r="K19" s="25">
        <v>1589948</v>
      </c>
      <c r="L19" s="28">
        <v>8094746</v>
      </c>
      <c r="M19" s="29">
        <v>8094746</v>
      </c>
      <c r="N19" s="24">
        <v>0</v>
      </c>
      <c r="O19" s="25">
        <v>0</v>
      </c>
      <c r="P19" s="26">
        <v>0</v>
      </c>
      <c r="Q19" s="404">
        <v>0</v>
      </c>
      <c r="R19" s="25">
        <v>63150</v>
      </c>
      <c r="S19" s="25">
        <v>44850</v>
      </c>
      <c r="T19" s="25">
        <v>1332695</v>
      </c>
      <c r="U19" s="25">
        <v>2284445</v>
      </c>
      <c r="V19" s="25">
        <v>1246090</v>
      </c>
      <c r="W19" s="28">
        <v>4971230</v>
      </c>
      <c r="X19" s="29">
        <v>4971230</v>
      </c>
      <c r="Y19" s="24">
        <v>0</v>
      </c>
      <c r="Z19" s="25">
        <v>0</v>
      </c>
      <c r="AA19" s="26">
        <v>0</v>
      </c>
      <c r="AB19" s="404">
        <v>0</v>
      </c>
      <c r="AC19" s="25">
        <v>324150</v>
      </c>
      <c r="AD19" s="25">
        <v>440362</v>
      </c>
      <c r="AE19" s="25">
        <v>906894</v>
      </c>
      <c r="AF19" s="25">
        <v>651095</v>
      </c>
      <c r="AG19" s="25">
        <v>207493</v>
      </c>
      <c r="AH19" s="28">
        <v>2529994</v>
      </c>
      <c r="AI19" s="29">
        <v>2529994</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550</v>
      </c>
      <c r="BB19" s="25">
        <v>45810</v>
      </c>
      <c r="BC19" s="25">
        <v>28950</v>
      </c>
      <c r="BD19" s="28">
        <v>77310</v>
      </c>
      <c r="BE19" s="29">
        <v>77310</v>
      </c>
      <c r="BF19" s="24">
        <v>0</v>
      </c>
      <c r="BG19" s="25">
        <v>0</v>
      </c>
      <c r="BH19" s="26">
        <v>0</v>
      </c>
      <c r="BI19" s="404">
        <v>0</v>
      </c>
      <c r="BJ19" s="25">
        <v>0</v>
      </c>
      <c r="BK19" s="25">
        <v>25210</v>
      </c>
      <c r="BL19" s="25">
        <v>52800</v>
      </c>
      <c r="BM19" s="25">
        <v>36750</v>
      </c>
      <c r="BN19" s="25">
        <v>63150</v>
      </c>
      <c r="BO19" s="28">
        <v>177910</v>
      </c>
      <c r="BP19" s="29">
        <v>177910</v>
      </c>
      <c r="BQ19" s="24">
        <v>0</v>
      </c>
      <c r="BR19" s="25">
        <v>0</v>
      </c>
      <c r="BS19" s="26">
        <v>0</v>
      </c>
      <c r="BT19" s="27">
        <v>0</v>
      </c>
      <c r="BU19" s="25">
        <v>36893</v>
      </c>
      <c r="BV19" s="25">
        <v>100860</v>
      </c>
      <c r="BW19" s="25">
        <v>71275</v>
      </c>
      <c r="BX19" s="25">
        <v>83521</v>
      </c>
      <c r="BY19" s="25">
        <v>44265</v>
      </c>
      <c r="BZ19" s="28">
        <v>336814</v>
      </c>
      <c r="CA19" s="29">
        <v>336814</v>
      </c>
      <c r="CB19" s="24">
        <v>0</v>
      </c>
      <c r="CC19" s="25">
        <v>0</v>
      </c>
      <c r="CD19" s="26">
        <v>0</v>
      </c>
      <c r="CE19" s="27">
        <v>0</v>
      </c>
      <c r="CF19" s="25">
        <v>0</v>
      </c>
      <c r="CG19" s="25">
        <v>763</v>
      </c>
      <c r="CH19" s="25">
        <v>0</v>
      </c>
      <c r="CI19" s="25">
        <v>725</v>
      </c>
      <c r="CJ19" s="25">
        <v>0</v>
      </c>
      <c r="CK19" s="28">
        <v>1488</v>
      </c>
      <c r="CL19" s="29">
        <v>1488</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255743</v>
      </c>
      <c r="DN19" s="25">
        <v>551098</v>
      </c>
      <c r="DO19" s="25">
        <v>2520243</v>
      </c>
      <c r="DP19" s="25">
        <v>3090634</v>
      </c>
      <c r="DQ19" s="25">
        <v>1625770</v>
      </c>
      <c r="DR19" s="28">
        <v>8043488</v>
      </c>
      <c r="DS19" s="30">
        <v>8043488</v>
      </c>
      <c r="DT19" s="24">
        <v>0</v>
      </c>
      <c r="DU19" s="25">
        <v>0</v>
      </c>
      <c r="DV19" s="26">
        <v>0</v>
      </c>
      <c r="DW19" s="404">
        <v>0</v>
      </c>
      <c r="DX19" s="25">
        <v>67680</v>
      </c>
      <c r="DY19" s="25">
        <v>155400</v>
      </c>
      <c r="DZ19" s="25">
        <v>1917982</v>
      </c>
      <c r="EA19" s="25">
        <v>2642360</v>
      </c>
      <c r="EB19" s="25">
        <v>1418609</v>
      </c>
      <c r="EC19" s="28">
        <v>6202031</v>
      </c>
      <c r="ED19" s="29">
        <v>6202031</v>
      </c>
      <c r="EE19" s="24">
        <v>0</v>
      </c>
      <c r="EF19" s="25">
        <v>0</v>
      </c>
      <c r="EG19" s="26">
        <v>0</v>
      </c>
      <c r="EH19" s="404">
        <v>0</v>
      </c>
      <c r="EI19" s="25">
        <v>133980</v>
      </c>
      <c r="EJ19" s="25">
        <v>234718</v>
      </c>
      <c r="EK19" s="25">
        <v>373950</v>
      </c>
      <c r="EL19" s="25">
        <v>233023</v>
      </c>
      <c r="EM19" s="25">
        <v>45961</v>
      </c>
      <c r="EN19" s="28">
        <v>1021632</v>
      </c>
      <c r="EO19" s="29">
        <v>1021632</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0</v>
      </c>
      <c r="FH19" s="25">
        <v>12094</v>
      </c>
      <c r="FI19" s="25">
        <v>630</v>
      </c>
      <c r="FJ19" s="28">
        <v>12934</v>
      </c>
      <c r="FK19" s="29">
        <v>12934</v>
      </c>
      <c r="FL19" s="24">
        <v>0</v>
      </c>
      <c r="FM19" s="25">
        <v>0</v>
      </c>
      <c r="FN19" s="26">
        <v>0</v>
      </c>
      <c r="FO19" s="404">
        <v>0</v>
      </c>
      <c r="FP19" s="25">
        <v>0</v>
      </c>
      <c r="FQ19" s="25">
        <v>32016</v>
      </c>
      <c r="FR19" s="25">
        <v>83520</v>
      </c>
      <c r="FS19" s="25">
        <v>77340</v>
      </c>
      <c r="FT19" s="25">
        <v>119100</v>
      </c>
      <c r="FU19" s="28">
        <v>311976</v>
      </c>
      <c r="FV19" s="29">
        <v>311976</v>
      </c>
      <c r="FW19" s="24">
        <v>0</v>
      </c>
      <c r="FX19" s="25">
        <v>0</v>
      </c>
      <c r="FY19" s="26">
        <v>0</v>
      </c>
      <c r="FZ19" s="27">
        <v>0</v>
      </c>
      <c r="GA19" s="25">
        <v>54083</v>
      </c>
      <c r="GB19" s="25">
        <v>128915</v>
      </c>
      <c r="GC19" s="25">
        <v>144581</v>
      </c>
      <c r="GD19" s="25">
        <v>125782</v>
      </c>
      <c r="GE19" s="25">
        <v>41470</v>
      </c>
      <c r="GF19" s="28">
        <v>494831</v>
      </c>
      <c r="GG19" s="29">
        <v>494831</v>
      </c>
      <c r="GH19" s="24">
        <v>0</v>
      </c>
      <c r="GI19" s="25">
        <v>0</v>
      </c>
      <c r="GJ19" s="26">
        <v>0</v>
      </c>
      <c r="GK19" s="27">
        <v>0</v>
      </c>
      <c r="GL19" s="25">
        <v>0</v>
      </c>
      <c r="GM19" s="25">
        <v>49</v>
      </c>
      <c r="GN19" s="25">
        <v>0</v>
      </c>
      <c r="GO19" s="25">
        <v>35</v>
      </c>
      <c r="GP19" s="25">
        <v>0</v>
      </c>
      <c r="GQ19" s="28">
        <v>84</v>
      </c>
      <c r="GR19" s="29">
        <v>84</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679936</v>
      </c>
      <c r="HT19" s="25">
        <v>1163143</v>
      </c>
      <c r="HU19" s="25">
        <v>4886457</v>
      </c>
      <c r="HV19" s="25">
        <v>6192980</v>
      </c>
      <c r="HW19" s="25">
        <v>3215718</v>
      </c>
      <c r="HX19" s="28">
        <v>16138234</v>
      </c>
      <c r="HY19" s="29">
        <v>16138234</v>
      </c>
    </row>
    <row r="20" spans="2:233" ht="21" customHeight="1" x14ac:dyDescent="0.2">
      <c r="B20" s="106" t="s">
        <v>17</v>
      </c>
      <c r="C20" s="24">
        <v>3290</v>
      </c>
      <c r="D20" s="25">
        <v>0</v>
      </c>
      <c r="E20" s="26">
        <v>3290</v>
      </c>
      <c r="F20" s="27">
        <v>0</v>
      </c>
      <c r="G20" s="25">
        <v>238385</v>
      </c>
      <c r="H20" s="25">
        <v>1065030</v>
      </c>
      <c r="I20" s="25">
        <v>2658563</v>
      </c>
      <c r="J20" s="25">
        <v>3396500</v>
      </c>
      <c r="K20" s="25">
        <v>2375785</v>
      </c>
      <c r="L20" s="28">
        <v>9734263</v>
      </c>
      <c r="M20" s="29">
        <v>9737553</v>
      </c>
      <c r="N20" s="24">
        <v>0</v>
      </c>
      <c r="O20" s="25">
        <v>0</v>
      </c>
      <c r="P20" s="26">
        <v>0</v>
      </c>
      <c r="Q20" s="404">
        <v>0</v>
      </c>
      <c r="R20" s="25">
        <v>80610</v>
      </c>
      <c r="S20" s="25">
        <v>177990</v>
      </c>
      <c r="T20" s="25">
        <v>1436500</v>
      </c>
      <c r="U20" s="25">
        <v>2238150</v>
      </c>
      <c r="V20" s="25">
        <v>1787305</v>
      </c>
      <c r="W20" s="28">
        <v>5720555</v>
      </c>
      <c r="X20" s="29">
        <v>5720555</v>
      </c>
      <c r="Y20" s="24">
        <v>0</v>
      </c>
      <c r="Z20" s="25">
        <v>0</v>
      </c>
      <c r="AA20" s="26">
        <v>0</v>
      </c>
      <c r="AB20" s="404">
        <v>0</v>
      </c>
      <c r="AC20" s="25">
        <v>115095</v>
      </c>
      <c r="AD20" s="25">
        <v>802660</v>
      </c>
      <c r="AE20" s="25">
        <v>816253</v>
      </c>
      <c r="AF20" s="25">
        <v>611470</v>
      </c>
      <c r="AG20" s="25">
        <v>209625</v>
      </c>
      <c r="AH20" s="28">
        <v>2555103</v>
      </c>
      <c r="AI20" s="29">
        <v>2555103</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5100</v>
      </c>
      <c r="BC20" s="25">
        <v>65850</v>
      </c>
      <c r="BD20" s="28">
        <v>70950</v>
      </c>
      <c r="BE20" s="29">
        <v>70950</v>
      </c>
      <c r="BF20" s="24">
        <v>0</v>
      </c>
      <c r="BG20" s="25">
        <v>0</v>
      </c>
      <c r="BH20" s="26">
        <v>0</v>
      </c>
      <c r="BI20" s="404">
        <v>0</v>
      </c>
      <c r="BJ20" s="25">
        <v>0</v>
      </c>
      <c r="BK20" s="25">
        <v>0</v>
      </c>
      <c r="BL20" s="25">
        <v>199965</v>
      </c>
      <c r="BM20" s="25">
        <v>217650</v>
      </c>
      <c r="BN20" s="25">
        <v>186900</v>
      </c>
      <c r="BO20" s="28">
        <v>604515</v>
      </c>
      <c r="BP20" s="29">
        <v>604515</v>
      </c>
      <c r="BQ20" s="24">
        <v>3290</v>
      </c>
      <c r="BR20" s="25">
        <v>0</v>
      </c>
      <c r="BS20" s="26">
        <v>3290</v>
      </c>
      <c r="BT20" s="27">
        <v>0</v>
      </c>
      <c r="BU20" s="25">
        <v>42680</v>
      </c>
      <c r="BV20" s="25">
        <v>78590</v>
      </c>
      <c r="BW20" s="25">
        <v>203525</v>
      </c>
      <c r="BX20" s="25">
        <v>303910</v>
      </c>
      <c r="BY20" s="25">
        <v>109440</v>
      </c>
      <c r="BZ20" s="28">
        <v>738145</v>
      </c>
      <c r="CA20" s="29">
        <v>741435</v>
      </c>
      <c r="CB20" s="24">
        <v>0</v>
      </c>
      <c r="CC20" s="25">
        <v>0</v>
      </c>
      <c r="CD20" s="26">
        <v>0</v>
      </c>
      <c r="CE20" s="27">
        <v>0</v>
      </c>
      <c r="CF20" s="25">
        <v>0</v>
      </c>
      <c r="CG20" s="25">
        <v>5790</v>
      </c>
      <c r="CH20" s="25">
        <v>2320</v>
      </c>
      <c r="CI20" s="25">
        <v>20220</v>
      </c>
      <c r="CJ20" s="25">
        <v>16665</v>
      </c>
      <c r="CK20" s="28">
        <v>44995</v>
      </c>
      <c r="CL20" s="29">
        <v>44995</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3558</v>
      </c>
      <c r="DJ20" s="25">
        <v>0</v>
      </c>
      <c r="DK20" s="26">
        <v>3558</v>
      </c>
      <c r="DL20" s="27">
        <v>0</v>
      </c>
      <c r="DM20" s="25">
        <v>115023</v>
      </c>
      <c r="DN20" s="25">
        <v>367328</v>
      </c>
      <c r="DO20" s="25">
        <v>2801312</v>
      </c>
      <c r="DP20" s="25">
        <v>3795186</v>
      </c>
      <c r="DQ20" s="25">
        <v>2513137</v>
      </c>
      <c r="DR20" s="28">
        <v>9591986</v>
      </c>
      <c r="DS20" s="30">
        <v>9595544</v>
      </c>
      <c r="DT20" s="24">
        <v>0</v>
      </c>
      <c r="DU20" s="25">
        <v>0</v>
      </c>
      <c r="DV20" s="26">
        <v>0</v>
      </c>
      <c r="DW20" s="404">
        <v>0</v>
      </c>
      <c r="DX20" s="25">
        <v>64080</v>
      </c>
      <c r="DY20" s="25">
        <v>233370</v>
      </c>
      <c r="DZ20" s="25">
        <v>2058858</v>
      </c>
      <c r="EA20" s="25">
        <v>2984486</v>
      </c>
      <c r="EB20" s="25">
        <v>2034596</v>
      </c>
      <c r="EC20" s="28">
        <v>7375390</v>
      </c>
      <c r="ED20" s="29">
        <v>7375390</v>
      </c>
      <c r="EE20" s="24">
        <v>0</v>
      </c>
      <c r="EF20" s="25">
        <v>0</v>
      </c>
      <c r="EG20" s="26">
        <v>0</v>
      </c>
      <c r="EH20" s="404">
        <v>0</v>
      </c>
      <c r="EI20" s="25">
        <v>2765</v>
      </c>
      <c r="EJ20" s="25">
        <v>19168</v>
      </c>
      <c r="EK20" s="25">
        <v>112088</v>
      </c>
      <c r="EL20" s="25">
        <v>49931</v>
      </c>
      <c r="EM20" s="25">
        <v>21156</v>
      </c>
      <c r="EN20" s="28">
        <v>205108</v>
      </c>
      <c r="EO20" s="29">
        <v>205108</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420</v>
      </c>
      <c r="FI20" s="25">
        <v>420</v>
      </c>
      <c r="FJ20" s="28">
        <v>840</v>
      </c>
      <c r="FK20" s="29">
        <v>840</v>
      </c>
      <c r="FL20" s="24">
        <v>0</v>
      </c>
      <c r="FM20" s="25">
        <v>0</v>
      </c>
      <c r="FN20" s="26">
        <v>0</v>
      </c>
      <c r="FO20" s="404">
        <v>0</v>
      </c>
      <c r="FP20" s="25">
        <v>0</v>
      </c>
      <c r="FQ20" s="25">
        <v>0</v>
      </c>
      <c r="FR20" s="25">
        <v>379143</v>
      </c>
      <c r="FS20" s="25">
        <v>368182</v>
      </c>
      <c r="FT20" s="25">
        <v>297750</v>
      </c>
      <c r="FU20" s="28">
        <v>1045075</v>
      </c>
      <c r="FV20" s="29">
        <v>1045075</v>
      </c>
      <c r="FW20" s="24">
        <v>3558</v>
      </c>
      <c r="FX20" s="25">
        <v>0</v>
      </c>
      <c r="FY20" s="26">
        <v>3558</v>
      </c>
      <c r="FZ20" s="27">
        <v>0</v>
      </c>
      <c r="GA20" s="25">
        <v>48178</v>
      </c>
      <c r="GB20" s="25">
        <v>114587</v>
      </c>
      <c r="GC20" s="25">
        <v>251090</v>
      </c>
      <c r="GD20" s="25">
        <v>390051</v>
      </c>
      <c r="GE20" s="25">
        <v>151054</v>
      </c>
      <c r="GF20" s="28">
        <v>954960</v>
      </c>
      <c r="GG20" s="29">
        <v>958518</v>
      </c>
      <c r="GH20" s="24">
        <v>0</v>
      </c>
      <c r="GI20" s="25">
        <v>0</v>
      </c>
      <c r="GJ20" s="26">
        <v>0</v>
      </c>
      <c r="GK20" s="27">
        <v>0</v>
      </c>
      <c r="GL20" s="25">
        <v>0</v>
      </c>
      <c r="GM20" s="25">
        <v>203</v>
      </c>
      <c r="GN20" s="25">
        <v>133</v>
      </c>
      <c r="GO20" s="25">
        <v>2116</v>
      </c>
      <c r="GP20" s="25">
        <v>8161</v>
      </c>
      <c r="GQ20" s="28">
        <v>10613</v>
      </c>
      <c r="GR20" s="29">
        <v>10613</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6848</v>
      </c>
      <c r="HP20" s="25">
        <v>0</v>
      </c>
      <c r="HQ20" s="26">
        <v>6848</v>
      </c>
      <c r="HR20" s="27">
        <v>0</v>
      </c>
      <c r="HS20" s="25">
        <v>353408</v>
      </c>
      <c r="HT20" s="25">
        <v>1432358</v>
      </c>
      <c r="HU20" s="25">
        <v>5459875</v>
      </c>
      <c r="HV20" s="25">
        <v>7191686</v>
      </c>
      <c r="HW20" s="25">
        <v>4888922</v>
      </c>
      <c r="HX20" s="28">
        <v>19326249</v>
      </c>
      <c r="HY20" s="29">
        <v>19333097</v>
      </c>
    </row>
    <row r="21" spans="2:233" ht="21" customHeight="1" x14ac:dyDescent="0.2">
      <c r="B21" s="106" t="s">
        <v>18</v>
      </c>
      <c r="C21" s="24">
        <v>0</v>
      </c>
      <c r="D21" s="25">
        <v>13030</v>
      </c>
      <c r="E21" s="26">
        <v>13030</v>
      </c>
      <c r="F21" s="27">
        <v>0</v>
      </c>
      <c r="G21" s="25">
        <v>222651</v>
      </c>
      <c r="H21" s="25">
        <v>642025</v>
      </c>
      <c r="I21" s="25">
        <v>2107919</v>
      </c>
      <c r="J21" s="25">
        <v>3632240</v>
      </c>
      <c r="K21" s="25">
        <v>2104190</v>
      </c>
      <c r="L21" s="28">
        <v>8709025</v>
      </c>
      <c r="M21" s="29">
        <v>8722055</v>
      </c>
      <c r="N21" s="24">
        <v>0</v>
      </c>
      <c r="O21" s="25">
        <v>0</v>
      </c>
      <c r="P21" s="26">
        <v>0</v>
      </c>
      <c r="Q21" s="404">
        <v>0</v>
      </c>
      <c r="R21" s="25">
        <v>24450</v>
      </c>
      <c r="S21" s="25">
        <v>64100</v>
      </c>
      <c r="T21" s="25">
        <v>1219469</v>
      </c>
      <c r="U21" s="25">
        <v>2930790</v>
      </c>
      <c r="V21" s="25">
        <v>1767475</v>
      </c>
      <c r="W21" s="28">
        <v>6006284</v>
      </c>
      <c r="X21" s="29">
        <v>6006284</v>
      </c>
      <c r="Y21" s="24">
        <v>0</v>
      </c>
      <c r="Z21" s="25">
        <v>0</v>
      </c>
      <c r="AA21" s="26">
        <v>0</v>
      </c>
      <c r="AB21" s="404">
        <v>0</v>
      </c>
      <c r="AC21" s="25">
        <v>164446</v>
      </c>
      <c r="AD21" s="25">
        <v>511777</v>
      </c>
      <c r="AE21" s="25">
        <v>599360</v>
      </c>
      <c r="AF21" s="25">
        <v>338705</v>
      </c>
      <c r="AG21" s="25">
        <v>218245</v>
      </c>
      <c r="AH21" s="28">
        <v>1832533</v>
      </c>
      <c r="AI21" s="29">
        <v>1832533</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12860</v>
      </c>
      <c r="BC21" s="25">
        <v>33145</v>
      </c>
      <c r="BD21" s="28">
        <v>46005</v>
      </c>
      <c r="BE21" s="29">
        <v>46005</v>
      </c>
      <c r="BF21" s="24">
        <v>0</v>
      </c>
      <c r="BG21" s="25">
        <v>0</v>
      </c>
      <c r="BH21" s="26">
        <v>0</v>
      </c>
      <c r="BI21" s="404">
        <v>0</v>
      </c>
      <c r="BJ21" s="25">
        <v>0</v>
      </c>
      <c r="BK21" s="25">
        <v>2550</v>
      </c>
      <c r="BL21" s="25">
        <v>34200</v>
      </c>
      <c r="BM21" s="25">
        <v>110010</v>
      </c>
      <c r="BN21" s="25">
        <v>36750</v>
      </c>
      <c r="BO21" s="28">
        <v>183510</v>
      </c>
      <c r="BP21" s="29">
        <v>183510</v>
      </c>
      <c r="BQ21" s="24">
        <v>0</v>
      </c>
      <c r="BR21" s="25">
        <v>13030</v>
      </c>
      <c r="BS21" s="26">
        <v>13030</v>
      </c>
      <c r="BT21" s="27">
        <v>0</v>
      </c>
      <c r="BU21" s="25">
        <v>32065</v>
      </c>
      <c r="BV21" s="25">
        <v>63598</v>
      </c>
      <c r="BW21" s="25">
        <v>254890</v>
      </c>
      <c r="BX21" s="25">
        <v>229320</v>
      </c>
      <c r="BY21" s="25">
        <v>48575</v>
      </c>
      <c r="BZ21" s="28">
        <v>628448</v>
      </c>
      <c r="CA21" s="29">
        <v>641478</v>
      </c>
      <c r="CB21" s="24">
        <v>0</v>
      </c>
      <c r="CC21" s="25">
        <v>0</v>
      </c>
      <c r="CD21" s="26">
        <v>0</v>
      </c>
      <c r="CE21" s="27">
        <v>0</v>
      </c>
      <c r="CF21" s="25">
        <v>1690</v>
      </c>
      <c r="CG21" s="25">
        <v>0</v>
      </c>
      <c r="CH21" s="25">
        <v>0</v>
      </c>
      <c r="CI21" s="25">
        <v>10555</v>
      </c>
      <c r="CJ21" s="25">
        <v>0</v>
      </c>
      <c r="CK21" s="28">
        <v>12245</v>
      </c>
      <c r="CL21" s="29">
        <v>12245</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19647</v>
      </c>
      <c r="DK21" s="26">
        <v>19647</v>
      </c>
      <c r="DL21" s="27">
        <v>0</v>
      </c>
      <c r="DM21" s="25">
        <v>147645</v>
      </c>
      <c r="DN21" s="25">
        <v>340766</v>
      </c>
      <c r="DO21" s="25">
        <v>2623588</v>
      </c>
      <c r="DP21" s="25">
        <v>4227814</v>
      </c>
      <c r="DQ21" s="25">
        <v>2704246</v>
      </c>
      <c r="DR21" s="28">
        <v>10044059</v>
      </c>
      <c r="DS21" s="30">
        <v>10063706</v>
      </c>
      <c r="DT21" s="24">
        <v>0</v>
      </c>
      <c r="DU21" s="25">
        <v>0</v>
      </c>
      <c r="DV21" s="26">
        <v>0</v>
      </c>
      <c r="DW21" s="404">
        <v>0</v>
      </c>
      <c r="DX21" s="25">
        <v>40680</v>
      </c>
      <c r="DY21" s="25">
        <v>135840</v>
      </c>
      <c r="DZ21" s="25">
        <v>1939565</v>
      </c>
      <c r="EA21" s="25">
        <v>3625550</v>
      </c>
      <c r="EB21" s="25">
        <v>2482608</v>
      </c>
      <c r="EC21" s="28">
        <v>8224243</v>
      </c>
      <c r="ED21" s="29">
        <v>8224243</v>
      </c>
      <c r="EE21" s="24">
        <v>0</v>
      </c>
      <c r="EF21" s="25">
        <v>0</v>
      </c>
      <c r="EG21" s="26">
        <v>0</v>
      </c>
      <c r="EH21" s="404">
        <v>0</v>
      </c>
      <c r="EI21" s="25">
        <v>37006</v>
      </c>
      <c r="EJ21" s="25">
        <v>76319</v>
      </c>
      <c r="EK21" s="25">
        <v>179395</v>
      </c>
      <c r="EL21" s="25">
        <v>17292</v>
      </c>
      <c r="EM21" s="25">
        <v>14523</v>
      </c>
      <c r="EN21" s="28">
        <v>324535</v>
      </c>
      <c r="EO21" s="29">
        <v>324535</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840</v>
      </c>
      <c r="FI21" s="25">
        <v>630</v>
      </c>
      <c r="FJ21" s="28">
        <v>1470</v>
      </c>
      <c r="FK21" s="29">
        <v>1470</v>
      </c>
      <c r="FL21" s="24">
        <v>0</v>
      </c>
      <c r="FM21" s="25">
        <v>0</v>
      </c>
      <c r="FN21" s="26">
        <v>0</v>
      </c>
      <c r="FO21" s="404">
        <v>0</v>
      </c>
      <c r="FP21" s="25">
        <v>0</v>
      </c>
      <c r="FQ21" s="25">
        <v>20880</v>
      </c>
      <c r="FR21" s="25">
        <v>56460</v>
      </c>
      <c r="FS21" s="25">
        <v>189792</v>
      </c>
      <c r="FT21" s="25">
        <v>77340</v>
      </c>
      <c r="FU21" s="28">
        <v>344472</v>
      </c>
      <c r="FV21" s="29">
        <v>344472</v>
      </c>
      <c r="FW21" s="24">
        <v>0</v>
      </c>
      <c r="FX21" s="25">
        <v>19647</v>
      </c>
      <c r="FY21" s="26">
        <v>19647</v>
      </c>
      <c r="FZ21" s="27">
        <v>0</v>
      </c>
      <c r="GA21" s="25">
        <v>67603</v>
      </c>
      <c r="GB21" s="25">
        <v>107727</v>
      </c>
      <c r="GC21" s="25">
        <v>448168</v>
      </c>
      <c r="GD21" s="25">
        <v>390570</v>
      </c>
      <c r="GE21" s="25">
        <v>129145</v>
      </c>
      <c r="GF21" s="28">
        <v>1143213</v>
      </c>
      <c r="GG21" s="29">
        <v>1162860</v>
      </c>
      <c r="GH21" s="24">
        <v>0</v>
      </c>
      <c r="GI21" s="25">
        <v>0</v>
      </c>
      <c r="GJ21" s="26">
        <v>0</v>
      </c>
      <c r="GK21" s="27">
        <v>0</v>
      </c>
      <c r="GL21" s="25">
        <v>2356</v>
      </c>
      <c r="GM21" s="25">
        <v>0</v>
      </c>
      <c r="GN21" s="25">
        <v>0</v>
      </c>
      <c r="GO21" s="25">
        <v>3770</v>
      </c>
      <c r="GP21" s="25">
        <v>0</v>
      </c>
      <c r="GQ21" s="28">
        <v>6126</v>
      </c>
      <c r="GR21" s="29">
        <v>6126</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32677</v>
      </c>
      <c r="HQ21" s="26">
        <v>32677</v>
      </c>
      <c r="HR21" s="27">
        <v>0</v>
      </c>
      <c r="HS21" s="25">
        <v>370296</v>
      </c>
      <c r="HT21" s="25">
        <v>982791</v>
      </c>
      <c r="HU21" s="25">
        <v>4731507</v>
      </c>
      <c r="HV21" s="25">
        <v>7860054</v>
      </c>
      <c r="HW21" s="25">
        <v>4808436</v>
      </c>
      <c r="HX21" s="28">
        <v>18753084</v>
      </c>
      <c r="HY21" s="29">
        <v>18785761</v>
      </c>
    </row>
    <row r="22" spans="2:233" ht="21" customHeight="1" x14ac:dyDescent="0.2">
      <c r="B22" s="106" t="s">
        <v>19</v>
      </c>
      <c r="C22" s="24">
        <v>0</v>
      </c>
      <c r="D22" s="25">
        <v>0</v>
      </c>
      <c r="E22" s="26">
        <v>0</v>
      </c>
      <c r="F22" s="27">
        <v>0</v>
      </c>
      <c r="G22" s="25">
        <v>251345</v>
      </c>
      <c r="H22" s="25">
        <v>370795</v>
      </c>
      <c r="I22" s="25">
        <v>1251990</v>
      </c>
      <c r="J22" s="25">
        <v>1036750</v>
      </c>
      <c r="K22" s="25">
        <v>1008140</v>
      </c>
      <c r="L22" s="28">
        <v>3919020</v>
      </c>
      <c r="M22" s="29">
        <v>3919020</v>
      </c>
      <c r="N22" s="24">
        <v>0</v>
      </c>
      <c r="O22" s="25">
        <v>0</v>
      </c>
      <c r="P22" s="26">
        <v>0</v>
      </c>
      <c r="Q22" s="404">
        <v>0</v>
      </c>
      <c r="R22" s="25">
        <v>0</v>
      </c>
      <c r="S22" s="25">
        <v>42000</v>
      </c>
      <c r="T22" s="25">
        <v>811935</v>
      </c>
      <c r="U22" s="25">
        <v>711910</v>
      </c>
      <c r="V22" s="25">
        <v>877700</v>
      </c>
      <c r="W22" s="28">
        <v>2443545</v>
      </c>
      <c r="X22" s="29">
        <v>2443545</v>
      </c>
      <c r="Y22" s="24">
        <v>0</v>
      </c>
      <c r="Z22" s="25">
        <v>0</v>
      </c>
      <c r="AA22" s="26">
        <v>0</v>
      </c>
      <c r="AB22" s="404">
        <v>0</v>
      </c>
      <c r="AC22" s="25">
        <v>228880</v>
      </c>
      <c r="AD22" s="25">
        <v>248755</v>
      </c>
      <c r="AE22" s="25">
        <v>389470</v>
      </c>
      <c r="AF22" s="25">
        <v>272330</v>
      </c>
      <c r="AG22" s="25">
        <v>102600</v>
      </c>
      <c r="AH22" s="28">
        <v>1242035</v>
      </c>
      <c r="AI22" s="29">
        <v>1242035</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22260</v>
      </c>
      <c r="BD22" s="28">
        <v>-22260</v>
      </c>
      <c r="BE22" s="29">
        <v>-2226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21395</v>
      </c>
      <c r="BV22" s="25">
        <v>78575</v>
      </c>
      <c r="BW22" s="25">
        <v>49500</v>
      </c>
      <c r="BX22" s="25">
        <v>52365</v>
      </c>
      <c r="BY22" s="25">
        <v>43430</v>
      </c>
      <c r="BZ22" s="28">
        <v>245265</v>
      </c>
      <c r="CA22" s="29">
        <v>245265</v>
      </c>
      <c r="CB22" s="24">
        <v>0</v>
      </c>
      <c r="CC22" s="25">
        <v>0</v>
      </c>
      <c r="CD22" s="26">
        <v>0</v>
      </c>
      <c r="CE22" s="27">
        <v>0</v>
      </c>
      <c r="CF22" s="25">
        <v>1070</v>
      </c>
      <c r="CG22" s="25">
        <v>1465</v>
      </c>
      <c r="CH22" s="25">
        <v>1085</v>
      </c>
      <c r="CI22" s="25">
        <v>145</v>
      </c>
      <c r="CJ22" s="25">
        <v>6670</v>
      </c>
      <c r="CK22" s="28">
        <v>10435</v>
      </c>
      <c r="CL22" s="29">
        <v>10435</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44537</v>
      </c>
      <c r="DN22" s="25">
        <v>191789</v>
      </c>
      <c r="DO22" s="25">
        <v>1334902</v>
      </c>
      <c r="DP22" s="25">
        <v>1234297</v>
      </c>
      <c r="DQ22" s="25">
        <v>1092821</v>
      </c>
      <c r="DR22" s="28">
        <v>3898346</v>
      </c>
      <c r="DS22" s="30">
        <v>3898346</v>
      </c>
      <c r="DT22" s="24">
        <v>0</v>
      </c>
      <c r="DU22" s="25">
        <v>0</v>
      </c>
      <c r="DV22" s="26">
        <v>0</v>
      </c>
      <c r="DW22" s="404">
        <v>0</v>
      </c>
      <c r="DX22" s="25">
        <v>0</v>
      </c>
      <c r="DY22" s="25">
        <v>81510</v>
      </c>
      <c r="DZ22" s="25">
        <v>1226784</v>
      </c>
      <c r="EA22" s="25">
        <v>1136669</v>
      </c>
      <c r="EB22" s="25">
        <v>1020478</v>
      </c>
      <c r="EC22" s="28">
        <v>3465441</v>
      </c>
      <c r="ED22" s="29">
        <v>3465441</v>
      </c>
      <c r="EE22" s="24">
        <v>0</v>
      </c>
      <c r="EF22" s="25">
        <v>0</v>
      </c>
      <c r="EG22" s="26">
        <v>0</v>
      </c>
      <c r="EH22" s="404">
        <v>0</v>
      </c>
      <c r="EI22" s="25">
        <v>13333</v>
      </c>
      <c r="EJ22" s="25">
        <v>25333</v>
      </c>
      <c r="EK22" s="25">
        <v>4728</v>
      </c>
      <c r="EL22" s="25">
        <v>24404</v>
      </c>
      <c r="EM22" s="25">
        <v>22470</v>
      </c>
      <c r="EN22" s="28">
        <v>90268</v>
      </c>
      <c r="EO22" s="29">
        <v>90268</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196</v>
      </c>
      <c r="FJ22" s="28">
        <v>-196</v>
      </c>
      <c r="FK22" s="29">
        <v>-196</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1183</v>
      </c>
      <c r="GB22" s="25">
        <v>82026</v>
      </c>
      <c r="GC22" s="25">
        <v>101600</v>
      </c>
      <c r="GD22" s="25">
        <v>72150</v>
      </c>
      <c r="GE22" s="25">
        <v>32415</v>
      </c>
      <c r="GF22" s="28">
        <v>319374</v>
      </c>
      <c r="GG22" s="29">
        <v>319374</v>
      </c>
      <c r="GH22" s="24">
        <v>0</v>
      </c>
      <c r="GI22" s="25">
        <v>0</v>
      </c>
      <c r="GJ22" s="26">
        <v>0</v>
      </c>
      <c r="GK22" s="27">
        <v>0</v>
      </c>
      <c r="GL22" s="25">
        <v>21</v>
      </c>
      <c r="GM22" s="25">
        <v>2920</v>
      </c>
      <c r="GN22" s="25">
        <v>1790</v>
      </c>
      <c r="GO22" s="25">
        <v>1074</v>
      </c>
      <c r="GP22" s="25">
        <v>17654</v>
      </c>
      <c r="GQ22" s="28">
        <v>23459</v>
      </c>
      <c r="GR22" s="29">
        <v>23459</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95882</v>
      </c>
      <c r="HT22" s="25">
        <v>562584</v>
      </c>
      <c r="HU22" s="25">
        <v>2586892</v>
      </c>
      <c r="HV22" s="25">
        <v>2271047</v>
      </c>
      <c r="HW22" s="25">
        <v>2100961</v>
      </c>
      <c r="HX22" s="28">
        <v>7817366</v>
      </c>
      <c r="HY22" s="29">
        <v>7817366</v>
      </c>
    </row>
    <row r="23" spans="2:233" ht="21" customHeight="1" x14ac:dyDescent="0.2">
      <c r="B23" s="106" t="s">
        <v>20</v>
      </c>
      <c r="C23" s="24">
        <v>0</v>
      </c>
      <c r="D23" s="25">
        <v>0</v>
      </c>
      <c r="E23" s="26">
        <v>0</v>
      </c>
      <c r="F23" s="27">
        <v>0</v>
      </c>
      <c r="G23" s="25">
        <v>105120</v>
      </c>
      <c r="H23" s="25">
        <v>417220</v>
      </c>
      <c r="I23" s="25">
        <v>1326815</v>
      </c>
      <c r="J23" s="25">
        <v>1341570</v>
      </c>
      <c r="K23" s="25">
        <v>828040</v>
      </c>
      <c r="L23" s="28">
        <v>4018765</v>
      </c>
      <c r="M23" s="29">
        <v>4018765</v>
      </c>
      <c r="N23" s="24">
        <v>0</v>
      </c>
      <c r="O23" s="25">
        <v>0</v>
      </c>
      <c r="P23" s="26">
        <v>0</v>
      </c>
      <c r="Q23" s="404">
        <v>0</v>
      </c>
      <c r="R23" s="25">
        <v>5100</v>
      </c>
      <c r="S23" s="25">
        <v>201425</v>
      </c>
      <c r="T23" s="25">
        <v>1149380</v>
      </c>
      <c r="U23" s="25">
        <v>1119365</v>
      </c>
      <c r="V23" s="25">
        <v>706430</v>
      </c>
      <c r="W23" s="28">
        <v>3181700</v>
      </c>
      <c r="X23" s="29">
        <v>3181700</v>
      </c>
      <c r="Y23" s="24">
        <v>0</v>
      </c>
      <c r="Z23" s="25">
        <v>0</v>
      </c>
      <c r="AA23" s="26">
        <v>0</v>
      </c>
      <c r="AB23" s="404">
        <v>0</v>
      </c>
      <c r="AC23" s="25">
        <v>77460</v>
      </c>
      <c r="AD23" s="25">
        <v>166710</v>
      </c>
      <c r="AE23" s="25">
        <v>145695</v>
      </c>
      <c r="AF23" s="25">
        <v>120310</v>
      </c>
      <c r="AG23" s="25">
        <v>70800</v>
      </c>
      <c r="AH23" s="28">
        <v>580975</v>
      </c>
      <c r="AI23" s="29">
        <v>580975</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0</v>
      </c>
      <c r="BD23" s="28">
        <v>0</v>
      </c>
      <c r="BE23" s="29">
        <v>0</v>
      </c>
      <c r="BF23" s="24">
        <v>0</v>
      </c>
      <c r="BG23" s="25">
        <v>0</v>
      </c>
      <c r="BH23" s="26">
        <v>0</v>
      </c>
      <c r="BI23" s="404">
        <v>0</v>
      </c>
      <c r="BJ23" s="25">
        <v>0</v>
      </c>
      <c r="BK23" s="25">
        <v>0</v>
      </c>
      <c r="BL23" s="25">
        <v>0</v>
      </c>
      <c r="BM23" s="25">
        <v>0</v>
      </c>
      <c r="BN23" s="25">
        <v>0</v>
      </c>
      <c r="BO23" s="28">
        <v>0</v>
      </c>
      <c r="BP23" s="29">
        <v>0</v>
      </c>
      <c r="BQ23" s="24">
        <v>0</v>
      </c>
      <c r="BR23" s="25">
        <v>0</v>
      </c>
      <c r="BS23" s="26">
        <v>0</v>
      </c>
      <c r="BT23" s="27">
        <v>0</v>
      </c>
      <c r="BU23" s="25">
        <v>18555</v>
      </c>
      <c r="BV23" s="25">
        <v>48650</v>
      </c>
      <c r="BW23" s="25">
        <v>29400</v>
      </c>
      <c r="BX23" s="25">
        <v>101025</v>
      </c>
      <c r="BY23" s="25">
        <v>50810</v>
      </c>
      <c r="BZ23" s="28">
        <v>248440</v>
      </c>
      <c r="CA23" s="29">
        <v>248440</v>
      </c>
      <c r="CB23" s="24">
        <v>0</v>
      </c>
      <c r="CC23" s="25">
        <v>0</v>
      </c>
      <c r="CD23" s="26">
        <v>0</v>
      </c>
      <c r="CE23" s="27">
        <v>0</v>
      </c>
      <c r="CF23" s="25">
        <v>4005</v>
      </c>
      <c r="CG23" s="25">
        <v>435</v>
      </c>
      <c r="CH23" s="25">
        <v>2340</v>
      </c>
      <c r="CI23" s="25">
        <v>870</v>
      </c>
      <c r="CJ23" s="25">
        <v>0</v>
      </c>
      <c r="CK23" s="28">
        <v>7650</v>
      </c>
      <c r="CL23" s="29">
        <v>7650</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0</v>
      </c>
      <c r="DK23" s="26">
        <v>0</v>
      </c>
      <c r="DL23" s="27">
        <v>0</v>
      </c>
      <c r="DM23" s="25">
        <v>91761</v>
      </c>
      <c r="DN23" s="25">
        <v>395234</v>
      </c>
      <c r="DO23" s="25">
        <v>1808309</v>
      </c>
      <c r="DP23" s="25">
        <v>2296896</v>
      </c>
      <c r="DQ23" s="25">
        <v>1056167</v>
      </c>
      <c r="DR23" s="28">
        <v>5648367</v>
      </c>
      <c r="DS23" s="30">
        <v>5648367</v>
      </c>
      <c r="DT23" s="24">
        <v>0</v>
      </c>
      <c r="DU23" s="25">
        <v>0</v>
      </c>
      <c r="DV23" s="26">
        <v>0</v>
      </c>
      <c r="DW23" s="404">
        <v>0</v>
      </c>
      <c r="DX23" s="25">
        <v>25080</v>
      </c>
      <c r="DY23" s="25">
        <v>271704</v>
      </c>
      <c r="DZ23" s="25">
        <v>1695599</v>
      </c>
      <c r="EA23" s="25">
        <v>2076695</v>
      </c>
      <c r="EB23" s="25">
        <v>934458</v>
      </c>
      <c r="EC23" s="28">
        <v>5003536</v>
      </c>
      <c r="ED23" s="29">
        <v>5003536</v>
      </c>
      <c r="EE23" s="24">
        <v>0</v>
      </c>
      <c r="EF23" s="25">
        <v>0</v>
      </c>
      <c r="EG23" s="26">
        <v>0</v>
      </c>
      <c r="EH23" s="404">
        <v>0</v>
      </c>
      <c r="EI23" s="25">
        <v>22526</v>
      </c>
      <c r="EJ23" s="25">
        <v>13092</v>
      </c>
      <c r="EK23" s="25">
        <v>1799</v>
      </c>
      <c r="EL23" s="25">
        <v>3059</v>
      </c>
      <c r="EM23" s="25">
        <v>1680</v>
      </c>
      <c r="EN23" s="28">
        <v>42156</v>
      </c>
      <c r="EO23" s="29">
        <v>42156</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0</v>
      </c>
      <c r="FJ23" s="28">
        <v>0</v>
      </c>
      <c r="FK23" s="29">
        <v>0</v>
      </c>
      <c r="FL23" s="24">
        <v>0</v>
      </c>
      <c r="FM23" s="25">
        <v>0</v>
      </c>
      <c r="FN23" s="26">
        <v>0</v>
      </c>
      <c r="FO23" s="404">
        <v>0</v>
      </c>
      <c r="FP23" s="25">
        <v>0</v>
      </c>
      <c r="FQ23" s="25">
        <v>0</v>
      </c>
      <c r="FR23" s="25">
        <v>0</v>
      </c>
      <c r="FS23" s="25">
        <v>0</v>
      </c>
      <c r="FT23" s="25">
        <v>0</v>
      </c>
      <c r="FU23" s="28">
        <v>0</v>
      </c>
      <c r="FV23" s="29">
        <v>0</v>
      </c>
      <c r="FW23" s="24">
        <v>0</v>
      </c>
      <c r="FX23" s="25">
        <v>0</v>
      </c>
      <c r="FY23" s="26">
        <v>0</v>
      </c>
      <c r="FZ23" s="27">
        <v>0</v>
      </c>
      <c r="GA23" s="25">
        <v>42330</v>
      </c>
      <c r="GB23" s="25">
        <v>109006</v>
      </c>
      <c r="GC23" s="25">
        <v>107377</v>
      </c>
      <c r="GD23" s="25">
        <v>214636</v>
      </c>
      <c r="GE23" s="25">
        <v>117523</v>
      </c>
      <c r="GF23" s="28">
        <v>590872</v>
      </c>
      <c r="GG23" s="29">
        <v>590872</v>
      </c>
      <c r="GH23" s="24">
        <v>0</v>
      </c>
      <c r="GI23" s="25">
        <v>0</v>
      </c>
      <c r="GJ23" s="26">
        <v>0</v>
      </c>
      <c r="GK23" s="27">
        <v>0</v>
      </c>
      <c r="GL23" s="25">
        <v>1825</v>
      </c>
      <c r="GM23" s="25">
        <v>1432</v>
      </c>
      <c r="GN23" s="25">
        <v>3534</v>
      </c>
      <c r="GO23" s="25">
        <v>2506</v>
      </c>
      <c r="GP23" s="25">
        <v>2506</v>
      </c>
      <c r="GQ23" s="28">
        <v>11803</v>
      </c>
      <c r="GR23" s="29">
        <v>11803</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0</v>
      </c>
      <c r="HQ23" s="26">
        <v>0</v>
      </c>
      <c r="HR23" s="27">
        <v>0</v>
      </c>
      <c r="HS23" s="25">
        <v>196881</v>
      </c>
      <c r="HT23" s="25">
        <v>812454</v>
      </c>
      <c r="HU23" s="25">
        <v>3135124</v>
      </c>
      <c r="HV23" s="25">
        <v>3638466</v>
      </c>
      <c r="HW23" s="25">
        <v>1884207</v>
      </c>
      <c r="HX23" s="28">
        <v>9667132</v>
      </c>
      <c r="HY23" s="29">
        <v>9667132</v>
      </c>
    </row>
    <row r="24" spans="2:233" ht="21" customHeight="1" x14ac:dyDescent="0.2">
      <c r="B24" s="106" t="s">
        <v>21</v>
      </c>
      <c r="C24" s="24">
        <v>0</v>
      </c>
      <c r="D24" s="25">
        <v>5435</v>
      </c>
      <c r="E24" s="26">
        <v>5435</v>
      </c>
      <c r="F24" s="27">
        <v>0</v>
      </c>
      <c r="G24" s="25">
        <v>204095</v>
      </c>
      <c r="H24" s="25">
        <v>331360</v>
      </c>
      <c r="I24" s="25">
        <v>1660320</v>
      </c>
      <c r="J24" s="25">
        <v>1880940</v>
      </c>
      <c r="K24" s="25">
        <v>1468192</v>
      </c>
      <c r="L24" s="28">
        <v>5544907</v>
      </c>
      <c r="M24" s="29">
        <v>5550342</v>
      </c>
      <c r="N24" s="24">
        <v>0</v>
      </c>
      <c r="O24" s="25">
        <v>0</v>
      </c>
      <c r="P24" s="26">
        <v>0</v>
      </c>
      <c r="Q24" s="404">
        <v>0</v>
      </c>
      <c r="R24" s="25">
        <v>36900</v>
      </c>
      <c r="S24" s="25">
        <v>192450</v>
      </c>
      <c r="T24" s="25">
        <v>1337760</v>
      </c>
      <c r="U24" s="25">
        <v>1478809</v>
      </c>
      <c r="V24" s="25">
        <v>1120512</v>
      </c>
      <c r="W24" s="28">
        <v>4166431</v>
      </c>
      <c r="X24" s="29">
        <v>4166431</v>
      </c>
      <c r="Y24" s="24">
        <v>0</v>
      </c>
      <c r="Z24" s="25">
        <v>0</v>
      </c>
      <c r="AA24" s="26">
        <v>0</v>
      </c>
      <c r="AB24" s="404">
        <v>0</v>
      </c>
      <c r="AC24" s="25">
        <v>147525</v>
      </c>
      <c r="AD24" s="25">
        <v>99835</v>
      </c>
      <c r="AE24" s="25">
        <v>230105</v>
      </c>
      <c r="AF24" s="25">
        <v>231790</v>
      </c>
      <c r="AG24" s="25">
        <v>200915</v>
      </c>
      <c r="AH24" s="28">
        <v>910170</v>
      </c>
      <c r="AI24" s="29">
        <v>910170</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34350</v>
      </c>
      <c r="BB24" s="25">
        <v>27525</v>
      </c>
      <c r="BC24" s="25">
        <v>87150</v>
      </c>
      <c r="BD24" s="28">
        <v>149025</v>
      </c>
      <c r="BE24" s="29">
        <v>149025</v>
      </c>
      <c r="BF24" s="24">
        <v>0</v>
      </c>
      <c r="BG24" s="25">
        <v>0</v>
      </c>
      <c r="BH24" s="26">
        <v>0</v>
      </c>
      <c r="BI24" s="404">
        <v>0</v>
      </c>
      <c r="BJ24" s="25">
        <v>0</v>
      </c>
      <c r="BK24" s="25">
        <v>0</v>
      </c>
      <c r="BL24" s="25">
        <v>0</v>
      </c>
      <c r="BM24" s="25">
        <v>0</v>
      </c>
      <c r="BN24" s="25">
        <v>0</v>
      </c>
      <c r="BO24" s="28">
        <v>0</v>
      </c>
      <c r="BP24" s="29">
        <v>0</v>
      </c>
      <c r="BQ24" s="24">
        <v>0</v>
      </c>
      <c r="BR24" s="25">
        <v>5435</v>
      </c>
      <c r="BS24" s="26">
        <v>5435</v>
      </c>
      <c r="BT24" s="27">
        <v>0</v>
      </c>
      <c r="BU24" s="25">
        <v>19670</v>
      </c>
      <c r="BV24" s="25">
        <v>39075</v>
      </c>
      <c r="BW24" s="25">
        <v>57815</v>
      </c>
      <c r="BX24" s="25">
        <v>134676</v>
      </c>
      <c r="BY24" s="25">
        <v>59615</v>
      </c>
      <c r="BZ24" s="28">
        <v>310851</v>
      </c>
      <c r="CA24" s="29">
        <v>316286</v>
      </c>
      <c r="CB24" s="24">
        <v>0</v>
      </c>
      <c r="CC24" s="25">
        <v>0</v>
      </c>
      <c r="CD24" s="26">
        <v>0</v>
      </c>
      <c r="CE24" s="27">
        <v>0</v>
      </c>
      <c r="CF24" s="25">
        <v>0</v>
      </c>
      <c r="CG24" s="25">
        <v>0</v>
      </c>
      <c r="CH24" s="25">
        <v>290</v>
      </c>
      <c r="CI24" s="25">
        <v>8140</v>
      </c>
      <c r="CJ24" s="25">
        <v>0</v>
      </c>
      <c r="CK24" s="28">
        <v>8430</v>
      </c>
      <c r="CL24" s="29">
        <v>8430</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5930</v>
      </c>
      <c r="DK24" s="26">
        <v>5930</v>
      </c>
      <c r="DL24" s="27">
        <v>0</v>
      </c>
      <c r="DM24" s="25">
        <v>96194</v>
      </c>
      <c r="DN24" s="25">
        <v>345755</v>
      </c>
      <c r="DO24" s="25">
        <v>1935724</v>
      </c>
      <c r="DP24" s="25">
        <v>2277581</v>
      </c>
      <c r="DQ24" s="25">
        <v>1501011</v>
      </c>
      <c r="DR24" s="28">
        <v>6156265</v>
      </c>
      <c r="DS24" s="30">
        <v>6162195</v>
      </c>
      <c r="DT24" s="24">
        <v>0</v>
      </c>
      <c r="DU24" s="25">
        <v>0</v>
      </c>
      <c r="DV24" s="26">
        <v>0</v>
      </c>
      <c r="DW24" s="404">
        <v>0</v>
      </c>
      <c r="DX24" s="25">
        <v>40200</v>
      </c>
      <c r="DY24" s="25">
        <v>225780</v>
      </c>
      <c r="DZ24" s="25">
        <v>1733572</v>
      </c>
      <c r="EA24" s="25">
        <v>2039217</v>
      </c>
      <c r="EB24" s="25">
        <v>1381289</v>
      </c>
      <c r="EC24" s="28">
        <v>5420058</v>
      </c>
      <c r="ED24" s="29">
        <v>5420058</v>
      </c>
      <c r="EE24" s="24">
        <v>0</v>
      </c>
      <c r="EF24" s="25">
        <v>0</v>
      </c>
      <c r="EG24" s="26">
        <v>0</v>
      </c>
      <c r="EH24" s="404">
        <v>0</v>
      </c>
      <c r="EI24" s="25">
        <v>12762</v>
      </c>
      <c r="EJ24" s="25">
        <v>31552</v>
      </c>
      <c r="EK24" s="25">
        <v>14257</v>
      </c>
      <c r="EL24" s="25">
        <v>9406</v>
      </c>
      <c r="EM24" s="25">
        <v>36309</v>
      </c>
      <c r="EN24" s="28">
        <v>104286</v>
      </c>
      <c r="EO24" s="29">
        <v>104286</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11310</v>
      </c>
      <c r="FH24" s="25">
        <v>630</v>
      </c>
      <c r="FI24" s="25">
        <v>11940</v>
      </c>
      <c r="FJ24" s="28">
        <v>23880</v>
      </c>
      <c r="FK24" s="29">
        <v>23880</v>
      </c>
      <c r="FL24" s="24">
        <v>0</v>
      </c>
      <c r="FM24" s="25">
        <v>0</v>
      </c>
      <c r="FN24" s="26">
        <v>0</v>
      </c>
      <c r="FO24" s="404">
        <v>0</v>
      </c>
      <c r="FP24" s="25">
        <v>0</v>
      </c>
      <c r="FQ24" s="25">
        <v>0</v>
      </c>
      <c r="FR24" s="25">
        <v>0</v>
      </c>
      <c r="FS24" s="25">
        <v>0</v>
      </c>
      <c r="FT24" s="25">
        <v>0</v>
      </c>
      <c r="FU24" s="28">
        <v>0</v>
      </c>
      <c r="FV24" s="29">
        <v>0</v>
      </c>
      <c r="FW24" s="24">
        <v>0</v>
      </c>
      <c r="FX24" s="25">
        <v>5930</v>
      </c>
      <c r="FY24" s="26">
        <v>5930</v>
      </c>
      <c r="FZ24" s="27">
        <v>0</v>
      </c>
      <c r="GA24" s="25">
        <v>43232</v>
      </c>
      <c r="GB24" s="25">
        <v>88423</v>
      </c>
      <c r="GC24" s="25">
        <v>176585</v>
      </c>
      <c r="GD24" s="25">
        <v>225254</v>
      </c>
      <c r="GE24" s="25">
        <v>71473</v>
      </c>
      <c r="GF24" s="28">
        <v>604967</v>
      </c>
      <c r="GG24" s="29">
        <v>610897</v>
      </c>
      <c r="GH24" s="24">
        <v>0</v>
      </c>
      <c r="GI24" s="25">
        <v>0</v>
      </c>
      <c r="GJ24" s="26">
        <v>0</v>
      </c>
      <c r="GK24" s="27">
        <v>0</v>
      </c>
      <c r="GL24" s="25">
        <v>0</v>
      </c>
      <c r="GM24" s="25">
        <v>0</v>
      </c>
      <c r="GN24" s="25">
        <v>0</v>
      </c>
      <c r="GO24" s="25">
        <v>3074</v>
      </c>
      <c r="GP24" s="25">
        <v>0</v>
      </c>
      <c r="GQ24" s="28">
        <v>3074</v>
      </c>
      <c r="GR24" s="29">
        <v>3074</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11365</v>
      </c>
      <c r="HQ24" s="26">
        <v>11365</v>
      </c>
      <c r="HR24" s="27">
        <v>0</v>
      </c>
      <c r="HS24" s="25">
        <v>300289</v>
      </c>
      <c r="HT24" s="25">
        <v>677115</v>
      </c>
      <c r="HU24" s="25">
        <v>3596044</v>
      </c>
      <c r="HV24" s="25">
        <v>4158521</v>
      </c>
      <c r="HW24" s="25">
        <v>2969203</v>
      </c>
      <c r="HX24" s="28">
        <v>11701172</v>
      </c>
      <c r="HY24" s="29">
        <v>11712537</v>
      </c>
    </row>
    <row r="25" spans="2:233" ht="21" customHeight="1" x14ac:dyDescent="0.2">
      <c r="B25" s="106" t="s">
        <v>22</v>
      </c>
      <c r="C25" s="24">
        <v>0</v>
      </c>
      <c r="D25" s="25">
        <v>0</v>
      </c>
      <c r="E25" s="26">
        <v>0</v>
      </c>
      <c r="F25" s="27">
        <v>0</v>
      </c>
      <c r="G25" s="25">
        <v>94070</v>
      </c>
      <c r="H25" s="25">
        <v>222395</v>
      </c>
      <c r="I25" s="25">
        <v>653296</v>
      </c>
      <c r="J25" s="25">
        <v>1015320</v>
      </c>
      <c r="K25" s="25">
        <v>428250</v>
      </c>
      <c r="L25" s="28">
        <v>2413331</v>
      </c>
      <c r="M25" s="29">
        <v>2413331</v>
      </c>
      <c r="N25" s="24">
        <v>0</v>
      </c>
      <c r="O25" s="25">
        <v>0</v>
      </c>
      <c r="P25" s="26">
        <v>0</v>
      </c>
      <c r="Q25" s="404">
        <v>0</v>
      </c>
      <c r="R25" s="25">
        <v>34350</v>
      </c>
      <c r="S25" s="25">
        <v>34200</v>
      </c>
      <c r="T25" s="25">
        <v>447361</v>
      </c>
      <c r="U25" s="25">
        <v>583515</v>
      </c>
      <c r="V25" s="25">
        <v>192000</v>
      </c>
      <c r="W25" s="28">
        <v>1291426</v>
      </c>
      <c r="X25" s="29">
        <v>1291426</v>
      </c>
      <c r="Y25" s="24">
        <v>0</v>
      </c>
      <c r="Z25" s="25">
        <v>0</v>
      </c>
      <c r="AA25" s="26">
        <v>0</v>
      </c>
      <c r="AB25" s="404">
        <v>0</v>
      </c>
      <c r="AC25" s="25">
        <v>52840</v>
      </c>
      <c r="AD25" s="25">
        <v>181755</v>
      </c>
      <c r="AE25" s="25">
        <v>125025</v>
      </c>
      <c r="AF25" s="25">
        <v>339755</v>
      </c>
      <c r="AG25" s="25">
        <v>94800</v>
      </c>
      <c r="AH25" s="28">
        <v>794175</v>
      </c>
      <c r="AI25" s="29">
        <v>794175</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3850</v>
      </c>
      <c r="BC25" s="25">
        <v>26400</v>
      </c>
      <c r="BD25" s="28">
        <v>50250</v>
      </c>
      <c r="BE25" s="29">
        <v>50250</v>
      </c>
      <c r="BF25" s="24">
        <v>0</v>
      </c>
      <c r="BG25" s="25">
        <v>0</v>
      </c>
      <c r="BH25" s="26">
        <v>0</v>
      </c>
      <c r="BI25" s="404">
        <v>0</v>
      </c>
      <c r="BJ25" s="25">
        <v>0</v>
      </c>
      <c r="BK25" s="25">
        <v>0</v>
      </c>
      <c r="BL25" s="25">
        <v>26400</v>
      </c>
      <c r="BM25" s="25">
        <v>52800</v>
      </c>
      <c r="BN25" s="25">
        <v>89700</v>
      </c>
      <c r="BO25" s="28">
        <v>168900</v>
      </c>
      <c r="BP25" s="29">
        <v>168900</v>
      </c>
      <c r="BQ25" s="24">
        <v>0</v>
      </c>
      <c r="BR25" s="25">
        <v>0</v>
      </c>
      <c r="BS25" s="26">
        <v>0</v>
      </c>
      <c r="BT25" s="27">
        <v>0</v>
      </c>
      <c r="BU25" s="25">
        <v>1585</v>
      </c>
      <c r="BV25" s="25">
        <v>6440</v>
      </c>
      <c r="BW25" s="25">
        <v>53785</v>
      </c>
      <c r="BX25" s="25">
        <v>15400</v>
      </c>
      <c r="BY25" s="25">
        <v>25350</v>
      </c>
      <c r="BZ25" s="28">
        <v>102560</v>
      </c>
      <c r="CA25" s="29">
        <v>102560</v>
      </c>
      <c r="CB25" s="24">
        <v>0</v>
      </c>
      <c r="CC25" s="25">
        <v>0</v>
      </c>
      <c r="CD25" s="26">
        <v>0</v>
      </c>
      <c r="CE25" s="27">
        <v>0</v>
      </c>
      <c r="CF25" s="25">
        <v>5295</v>
      </c>
      <c r="CG25" s="25">
        <v>0</v>
      </c>
      <c r="CH25" s="25">
        <v>725</v>
      </c>
      <c r="CI25" s="25">
        <v>0</v>
      </c>
      <c r="CJ25" s="25">
        <v>0</v>
      </c>
      <c r="CK25" s="28">
        <v>6020</v>
      </c>
      <c r="CL25" s="29">
        <v>6020</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702</v>
      </c>
      <c r="DK25" s="26">
        <v>702</v>
      </c>
      <c r="DL25" s="27">
        <v>0</v>
      </c>
      <c r="DM25" s="25">
        <v>38987</v>
      </c>
      <c r="DN25" s="25">
        <v>89125</v>
      </c>
      <c r="DO25" s="25">
        <v>588374</v>
      </c>
      <c r="DP25" s="25">
        <v>878651</v>
      </c>
      <c r="DQ25" s="25">
        <v>432060</v>
      </c>
      <c r="DR25" s="28">
        <v>2027197</v>
      </c>
      <c r="DS25" s="30">
        <v>2027899</v>
      </c>
      <c r="DT25" s="24">
        <v>0</v>
      </c>
      <c r="DU25" s="25">
        <v>0</v>
      </c>
      <c r="DV25" s="26">
        <v>0</v>
      </c>
      <c r="DW25" s="404">
        <v>0</v>
      </c>
      <c r="DX25" s="25">
        <v>25650</v>
      </c>
      <c r="DY25" s="25">
        <v>43410</v>
      </c>
      <c r="DZ25" s="25">
        <v>467736</v>
      </c>
      <c r="EA25" s="25">
        <v>707615</v>
      </c>
      <c r="EB25" s="25">
        <v>295650</v>
      </c>
      <c r="EC25" s="28">
        <v>1540061</v>
      </c>
      <c r="ED25" s="29">
        <v>1540061</v>
      </c>
      <c r="EE25" s="24">
        <v>0</v>
      </c>
      <c r="EF25" s="25">
        <v>0</v>
      </c>
      <c r="EG25" s="26">
        <v>0</v>
      </c>
      <c r="EH25" s="404">
        <v>0</v>
      </c>
      <c r="EI25" s="25">
        <v>11849</v>
      </c>
      <c r="EJ25" s="25">
        <v>36150</v>
      </c>
      <c r="EK25" s="25">
        <v>22686</v>
      </c>
      <c r="EL25" s="25">
        <v>57695</v>
      </c>
      <c r="EM25" s="25">
        <v>1260</v>
      </c>
      <c r="EN25" s="28">
        <v>129640</v>
      </c>
      <c r="EO25" s="29">
        <v>129640</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0740</v>
      </c>
      <c r="FI25" s="25">
        <v>420</v>
      </c>
      <c r="FJ25" s="28">
        <v>11160</v>
      </c>
      <c r="FK25" s="29">
        <v>11160</v>
      </c>
      <c r="FL25" s="24">
        <v>0</v>
      </c>
      <c r="FM25" s="25">
        <v>0</v>
      </c>
      <c r="FN25" s="26">
        <v>0</v>
      </c>
      <c r="FO25" s="404">
        <v>0</v>
      </c>
      <c r="FP25" s="25">
        <v>0</v>
      </c>
      <c r="FQ25" s="25">
        <v>0</v>
      </c>
      <c r="FR25" s="25">
        <v>41400</v>
      </c>
      <c r="FS25" s="25">
        <v>82800</v>
      </c>
      <c r="FT25" s="25">
        <v>112200</v>
      </c>
      <c r="FU25" s="28">
        <v>236400</v>
      </c>
      <c r="FV25" s="29">
        <v>236400</v>
      </c>
      <c r="FW25" s="24">
        <v>0</v>
      </c>
      <c r="FX25" s="25">
        <v>702</v>
      </c>
      <c r="FY25" s="26">
        <v>702</v>
      </c>
      <c r="FZ25" s="27">
        <v>0</v>
      </c>
      <c r="GA25" s="25">
        <v>1404</v>
      </c>
      <c r="GB25" s="25">
        <v>9565</v>
      </c>
      <c r="GC25" s="25">
        <v>56517</v>
      </c>
      <c r="GD25" s="25">
        <v>19801</v>
      </c>
      <c r="GE25" s="25">
        <v>22530</v>
      </c>
      <c r="GF25" s="28">
        <v>109817</v>
      </c>
      <c r="GG25" s="29">
        <v>110519</v>
      </c>
      <c r="GH25" s="24">
        <v>0</v>
      </c>
      <c r="GI25" s="25">
        <v>0</v>
      </c>
      <c r="GJ25" s="26">
        <v>0</v>
      </c>
      <c r="GK25" s="27">
        <v>0</v>
      </c>
      <c r="GL25" s="25">
        <v>84</v>
      </c>
      <c r="GM25" s="25">
        <v>0</v>
      </c>
      <c r="GN25" s="25">
        <v>35</v>
      </c>
      <c r="GO25" s="25">
        <v>0</v>
      </c>
      <c r="GP25" s="25">
        <v>0</v>
      </c>
      <c r="GQ25" s="28">
        <v>119</v>
      </c>
      <c r="GR25" s="29">
        <v>119</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702</v>
      </c>
      <c r="HQ25" s="26">
        <v>702</v>
      </c>
      <c r="HR25" s="27">
        <v>0</v>
      </c>
      <c r="HS25" s="25">
        <v>133057</v>
      </c>
      <c r="HT25" s="25">
        <v>311520</v>
      </c>
      <c r="HU25" s="25">
        <v>1241670</v>
      </c>
      <c r="HV25" s="25">
        <v>1893971</v>
      </c>
      <c r="HW25" s="25">
        <v>860310</v>
      </c>
      <c r="HX25" s="28">
        <v>4440528</v>
      </c>
      <c r="HY25" s="29">
        <v>4441230</v>
      </c>
    </row>
    <row r="26" spans="2:233" ht="21" customHeight="1" x14ac:dyDescent="0.2">
      <c r="B26" s="106" t="s">
        <v>23</v>
      </c>
      <c r="C26" s="24">
        <v>0</v>
      </c>
      <c r="D26" s="25">
        <v>0</v>
      </c>
      <c r="E26" s="26">
        <v>0</v>
      </c>
      <c r="F26" s="27">
        <v>0</v>
      </c>
      <c r="G26" s="25">
        <v>233190</v>
      </c>
      <c r="H26" s="25">
        <v>259904</v>
      </c>
      <c r="I26" s="25">
        <v>1050053</v>
      </c>
      <c r="J26" s="25">
        <v>1320290</v>
      </c>
      <c r="K26" s="25">
        <v>969700</v>
      </c>
      <c r="L26" s="28">
        <v>3833137</v>
      </c>
      <c r="M26" s="29">
        <v>3833137</v>
      </c>
      <c r="N26" s="24">
        <v>0</v>
      </c>
      <c r="O26" s="25">
        <v>0</v>
      </c>
      <c r="P26" s="26">
        <v>0</v>
      </c>
      <c r="Q26" s="404">
        <v>0</v>
      </c>
      <c r="R26" s="25">
        <v>58050</v>
      </c>
      <c r="S26" s="25">
        <v>199465</v>
      </c>
      <c r="T26" s="25">
        <v>719115</v>
      </c>
      <c r="U26" s="25">
        <v>925448</v>
      </c>
      <c r="V26" s="25">
        <v>672035</v>
      </c>
      <c r="W26" s="28">
        <v>2574113</v>
      </c>
      <c r="X26" s="29">
        <v>2574113</v>
      </c>
      <c r="Y26" s="24">
        <v>0</v>
      </c>
      <c r="Z26" s="25">
        <v>0</v>
      </c>
      <c r="AA26" s="26">
        <v>0</v>
      </c>
      <c r="AB26" s="404">
        <v>0</v>
      </c>
      <c r="AC26" s="25">
        <v>140660</v>
      </c>
      <c r="AD26" s="25">
        <v>44550</v>
      </c>
      <c r="AE26" s="25">
        <v>251585</v>
      </c>
      <c r="AF26" s="25">
        <v>309552</v>
      </c>
      <c r="AG26" s="25">
        <v>184350</v>
      </c>
      <c r="AH26" s="28">
        <v>930697</v>
      </c>
      <c r="AI26" s="29">
        <v>930697</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24450</v>
      </c>
      <c r="BC26" s="25">
        <v>106500</v>
      </c>
      <c r="BD26" s="28">
        <v>130950</v>
      </c>
      <c r="BE26" s="29">
        <v>130950</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31945</v>
      </c>
      <c r="BV26" s="25">
        <v>15889</v>
      </c>
      <c r="BW26" s="25">
        <v>79353</v>
      </c>
      <c r="BX26" s="25">
        <v>60840</v>
      </c>
      <c r="BY26" s="25">
        <v>2900</v>
      </c>
      <c r="BZ26" s="28">
        <v>190927</v>
      </c>
      <c r="CA26" s="29">
        <v>190927</v>
      </c>
      <c r="CB26" s="24">
        <v>0</v>
      </c>
      <c r="CC26" s="25">
        <v>0</v>
      </c>
      <c r="CD26" s="26">
        <v>0</v>
      </c>
      <c r="CE26" s="27">
        <v>0</v>
      </c>
      <c r="CF26" s="25">
        <v>2535</v>
      </c>
      <c r="CG26" s="25">
        <v>0</v>
      </c>
      <c r="CH26" s="25">
        <v>0</v>
      </c>
      <c r="CI26" s="25">
        <v>0</v>
      </c>
      <c r="CJ26" s="25">
        <v>3915</v>
      </c>
      <c r="CK26" s="28">
        <v>6450</v>
      </c>
      <c r="CL26" s="29">
        <v>6450</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127208</v>
      </c>
      <c r="DN26" s="25">
        <v>198721</v>
      </c>
      <c r="DO26" s="25">
        <v>995782</v>
      </c>
      <c r="DP26" s="25">
        <v>1314917</v>
      </c>
      <c r="DQ26" s="25">
        <v>748633</v>
      </c>
      <c r="DR26" s="28">
        <v>3385261</v>
      </c>
      <c r="DS26" s="30">
        <v>3385261</v>
      </c>
      <c r="DT26" s="24">
        <v>0</v>
      </c>
      <c r="DU26" s="25">
        <v>0</v>
      </c>
      <c r="DV26" s="26">
        <v>0</v>
      </c>
      <c r="DW26" s="404">
        <v>0</v>
      </c>
      <c r="DX26" s="25">
        <v>52860</v>
      </c>
      <c r="DY26" s="25">
        <v>135240</v>
      </c>
      <c r="DZ26" s="25">
        <v>854289</v>
      </c>
      <c r="EA26" s="25">
        <v>1221372</v>
      </c>
      <c r="EB26" s="25">
        <v>642788</v>
      </c>
      <c r="EC26" s="28">
        <v>2906549</v>
      </c>
      <c r="ED26" s="29">
        <v>2906549</v>
      </c>
      <c r="EE26" s="24">
        <v>0</v>
      </c>
      <c r="EF26" s="25">
        <v>0</v>
      </c>
      <c r="EG26" s="26">
        <v>0</v>
      </c>
      <c r="EH26" s="404">
        <v>0</v>
      </c>
      <c r="EI26" s="25">
        <v>48213</v>
      </c>
      <c r="EJ26" s="25">
        <v>12150</v>
      </c>
      <c r="EK26" s="25">
        <v>13445</v>
      </c>
      <c r="EL26" s="25">
        <v>5845</v>
      </c>
      <c r="EM26" s="25">
        <v>73230</v>
      </c>
      <c r="EN26" s="28">
        <v>152883</v>
      </c>
      <c r="EO26" s="29">
        <v>152883</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0</v>
      </c>
      <c r="FI26" s="25">
        <v>11520</v>
      </c>
      <c r="FJ26" s="28">
        <v>11730</v>
      </c>
      <c r="FK26" s="29">
        <v>11730</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26114</v>
      </c>
      <c r="GB26" s="25">
        <v>51331</v>
      </c>
      <c r="GC26" s="25">
        <v>128048</v>
      </c>
      <c r="GD26" s="25">
        <v>87490</v>
      </c>
      <c r="GE26" s="25">
        <v>19488</v>
      </c>
      <c r="GF26" s="28">
        <v>312471</v>
      </c>
      <c r="GG26" s="29">
        <v>312471</v>
      </c>
      <c r="GH26" s="24">
        <v>0</v>
      </c>
      <c r="GI26" s="25">
        <v>0</v>
      </c>
      <c r="GJ26" s="26">
        <v>0</v>
      </c>
      <c r="GK26" s="27">
        <v>0</v>
      </c>
      <c r="GL26" s="25">
        <v>21</v>
      </c>
      <c r="GM26" s="25">
        <v>0</v>
      </c>
      <c r="GN26" s="25">
        <v>0</v>
      </c>
      <c r="GO26" s="25">
        <v>0</v>
      </c>
      <c r="GP26" s="25">
        <v>1607</v>
      </c>
      <c r="GQ26" s="28">
        <v>1628</v>
      </c>
      <c r="GR26" s="29">
        <v>1628</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360398</v>
      </c>
      <c r="HT26" s="25">
        <v>458625</v>
      </c>
      <c r="HU26" s="25">
        <v>2045835</v>
      </c>
      <c r="HV26" s="25">
        <v>2635207</v>
      </c>
      <c r="HW26" s="25">
        <v>1718333</v>
      </c>
      <c r="HX26" s="28">
        <v>7218398</v>
      </c>
      <c r="HY26" s="29">
        <v>7218398</v>
      </c>
    </row>
    <row r="27" spans="2:233" ht="21" customHeight="1" x14ac:dyDescent="0.2">
      <c r="B27" s="106" t="s">
        <v>24</v>
      </c>
      <c r="C27" s="24">
        <v>0</v>
      </c>
      <c r="D27" s="25">
        <v>0</v>
      </c>
      <c r="E27" s="26">
        <v>0</v>
      </c>
      <c r="F27" s="27">
        <v>0</v>
      </c>
      <c r="G27" s="25">
        <v>67435</v>
      </c>
      <c r="H27" s="25">
        <v>27330</v>
      </c>
      <c r="I27" s="25">
        <v>253580</v>
      </c>
      <c r="J27" s="25">
        <v>850900</v>
      </c>
      <c r="K27" s="25">
        <v>241895</v>
      </c>
      <c r="L27" s="28">
        <v>1441140</v>
      </c>
      <c r="M27" s="29">
        <v>1441140</v>
      </c>
      <c r="N27" s="24">
        <v>0</v>
      </c>
      <c r="O27" s="25">
        <v>0</v>
      </c>
      <c r="P27" s="26">
        <v>0</v>
      </c>
      <c r="Q27" s="404">
        <v>0</v>
      </c>
      <c r="R27" s="25">
        <v>0</v>
      </c>
      <c r="S27" s="25">
        <v>0</v>
      </c>
      <c r="T27" s="25">
        <v>135115</v>
      </c>
      <c r="U27" s="25">
        <v>679415</v>
      </c>
      <c r="V27" s="25">
        <v>174255</v>
      </c>
      <c r="W27" s="28">
        <v>988785</v>
      </c>
      <c r="X27" s="29">
        <v>988785</v>
      </c>
      <c r="Y27" s="24">
        <v>0</v>
      </c>
      <c r="Z27" s="25">
        <v>0</v>
      </c>
      <c r="AA27" s="26">
        <v>0</v>
      </c>
      <c r="AB27" s="404">
        <v>0</v>
      </c>
      <c r="AC27" s="25">
        <v>58050</v>
      </c>
      <c r="AD27" s="25">
        <v>14000</v>
      </c>
      <c r="AE27" s="25">
        <v>77810</v>
      </c>
      <c r="AF27" s="25">
        <v>116100</v>
      </c>
      <c r="AG27" s="25">
        <v>44350</v>
      </c>
      <c r="AH27" s="28">
        <v>310310</v>
      </c>
      <c r="AI27" s="29">
        <v>310310</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0</v>
      </c>
      <c r="BD27" s="28">
        <v>0</v>
      </c>
      <c r="BE27" s="29">
        <v>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8830</v>
      </c>
      <c r="BV27" s="25">
        <v>13330</v>
      </c>
      <c r="BW27" s="25">
        <v>39165</v>
      </c>
      <c r="BX27" s="25">
        <v>55385</v>
      </c>
      <c r="BY27" s="25">
        <v>10905</v>
      </c>
      <c r="BZ27" s="28">
        <v>127615</v>
      </c>
      <c r="CA27" s="29">
        <v>127615</v>
      </c>
      <c r="CB27" s="24">
        <v>0</v>
      </c>
      <c r="CC27" s="25">
        <v>0</v>
      </c>
      <c r="CD27" s="26">
        <v>0</v>
      </c>
      <c r="CE27" s="27">
        <v>0</v>
      </c>
      <c r="CF27" s="25">
        <v>555</v>
      </c>
      <c r="CG27" s="25">
        <v>0</v>
      </c>
      <c r="CH27" s="25">
        <v>1490</v>
      </c>
      <c r="CI27" s="25">
        <v>0</v>
      </c>
      <c r="CJ27" s="25">
        <v>12385</v>
      </c>
      <c r="CK27" s="28">
        <v>14430</v>
      </c>
      <c r="CL27" s="29">
        <v>14430</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27231</v>
      </c>
      <c r="DN27" s="25">
        <v>25427</v>
      </c>
      <c r="DO27" s="25">
        <v>305055</v>
      </c>
      <c r="DP27" s="25">
        <v>894329</v>
      </c>
      <c r="DQ27" s="25">
        <v>359364</v>
      </c>
      <c r="DR27" s="28">
        <v>1611406</v>
      </c>
      <c r="DS27" s="30">
        <v>1611406</v>
      </c>
      <c r="DT27" s="24">
        <v>0</v>
      </c>
      <c r="DU27" s="25">
        <v>0</v>
      </c>
      <c r="DV27" s="26">
        <v>0</v>
      </c>
      <c r="DW27" s="404">
        <v>0</v>
      </c>
      <c r="DX27" s="25">
        <v>0</v>
      </c>
      <c r="DY27" s="25">
        <v>0</v>
      </c>
      <c r="DZ27" s="25">
        <v>141235</v>
      </c>
      <c r="EA27" s="25">
        <v>832080</v>
      </c>
      <c r="EB27" s="25">
        <v>311447</v>
      </c>
      <c r="EC27" s="28">
        <v>1284762</v>
      </c>
      <c r="ED27" s="29">
        <v>1284762</v>
      </c>
      <c r="EE27" s="24">
        <v>0</v>
      </c>
      <c r="EF27" s="25">
        <v>0</v>
      </c>
      <c r="EG27" s="26">
        <v>0</v>
      </c>
      <c r="EH27" s="404">
        <v>0</v>
      </c>
      <c r="EI27" s="25">
        <v>630</v>
      </c>
      <c r="EJ27" s="25">
        <v>3980</v>
      </c>
      <c r="EK27" s="25">
        <v>114087</v>
      </c>
      <c r="EL27" s="25">
        <v>2334</v>
      </c>
      <c r="EM27" s="25">
        <v>22620</v>
      </c>
      <c r="EN27" s="28">
        <v>143651</v>
      </c>
      <c r="EO27" s="29">
        <v>143651</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0</v>
      </c>
      <c r="FJ27" s="28">
        <v>0</v>
      </c>
      <c r="FK27" s="29">
        <v>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26566</v>
      </c>
      <c r="GB27" s="25">
        <v>21447</v>
      </c>
      <c r="GC27" s="25">
        <v>49705</v>
      </c>
      <c r="GD27" s="25">
        <v>59915</v>
      </c>
      <c r="GE27" s="25">
        <v>25192</v>
      </c>
      <c r="GF27" s="28">
        <v>182825</v>
      </c>
      <c r="GG27" s="29">
        <v>182825</v>
      </c>
      <c r="GH27" s="24">
        <v>0</v>
      </c>
      <c r="GI27" s="25">
        <v>0</v>
      </c>
      <c r="GJ27" s="26">
        <v>0</v>
      </c>
      <c r="GK27" s="27">
        <v>0</v>
      </c>
      <c r="GL27" s="25">
        <v>35</v>
      </c>
      <c r="GM27" s="25">
        <v>0</v>
      </c>
      <c r="GN27" s="25">
        <v>28</v>
      </c>
      <c r="GO27" s="25">
        <v>0</v>
      </c>
      <c r="GP27" s="25">
        <v>105</v>
      </c>
      <c r="GQ27" s="28">
        <v>168</v>
      </c>
      <c r="GR27" s="29">
        <v>168</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94666</v>
      </c>
      <c r="HT27" s="25">
        <v>52757</v>
      </c>
      <c r="HU27" s="25">
        <v>558635</v>
      </c>
      <c r="HV27" s="25">
        <v>1745229</v>
      </c>
      <c r="HW27" s="25">
        <v>601259</v>
      </c>
      <c r="HX27" s="28">
        <v>3052546</v>
      </c>
      <c r="HY27" s="29">
        <v>3052546</v>
      </c>
    </row>
    <row r="28" spans="2:233" ht="21" customHeight="1" x14ac:dyDescent="0.2">
      <c r="B28" s="106" t="s">
        <v>25</v>
      </c>
      <c r="C28" s="24">
        <v>0</v>
      </c>
      <c r="D28" s="25">
        <v>0</v>
      </c>
      <c r="E28" s="26">
        <v>0</v>
      </c>
      <c r="F28" s="27">
        <v>0</v>
      </c>
      <c r="G28" s="25">
        <v>40610</v>
      </c>
      <c r="H28" s="25">
        <v>175372</v>
      </c>
      <c r="I28" s="25">
        <v>641015</v>
      </c>
      <c r="J28" s="25">
        <v>649643</v>
      </c>
      <c r="K28" s="25">
        <v>464407</v>
      </c>
      <c r="L28" s="28">
        <v>1971047</v>
      </c>
      <c r="M28" s="29">
        <v>1971047</v>
      </c>
      <c r="N28" s="24">
        <v>0</v>
      </c>
      <c r="O28" s="25">
        <v>0</v>
      </c>
      <c r="P28" s="26">
        <v>0</v>
      </c>
      <c r="Q28" s="404">
        <v>0</v>
      </c>
      <c r="R28" s="25">
        <v>765</v>
      </c>
      <c r="S28" s="25">
        <v>2550</v>
      </c>
      <c r="T28" s="25">
        <v>489495</v>
      </c>
      <c r="U28" s="25">
        <v>455615</v>
      </c>
      <c r="V28" s="25">
        <v>300750</v>
      </c>
      <c r="W28" s="28">
        <v>1249175</v>
      </c>
      <c r="X28" s="29">
        <v>1249175</v>
      </c>
      <c r="Y28" s="24">
        <v>0</v>
      </c>
      <c r="Z28" s="25">
        <v>0</v>
      </c>
      <c r="AA28" s="26">
        <v>0</v>
      </c>
      <c r="AB28" s="404">
        <v>0</v>
      </c>
      <c r="AC28" s="25">
        <v>34200</v>
      </c>
      <c r="AD28" s="25">
        <v>129000</v>
      </c>
      <c r="AE28" s="25">
        <v>105115</v>
      </c>
      <c r="AF28" s="25">
        <v>176610</v>
      </c>
      <c r="AG28" s="25">
        <v>84450</v>
      </c>
      <c r="AH28" s="28">
        <v>529375</v>
      </c>
      <c r="AI28" s="29">
        <v>529375</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31650</v>
      </c>
      <c r="BD28" s="28">
        <v>31650</v>
      </c>
      <c r="BE28" s="29">
        <v>31650</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5645</v>
      </c>
      <c r="BV28" s="25">
        <v>42594</v>
      </c>
      <c r="BW28" s="25">
        <v>44220</v>
      </c>
      <c r="BX28" s="25">
        <v>17418</v>
      </c>
      <c r="BY28" s="25">
        <v>47557</v>
      </c>
      <c r="BZ28" s="28">
        <v>157434</v>
      </c>
      <c r="CA28" s="29">
        <v>157434</v>
      </c>
      <c r="CB28" s="24">
        <v>0</v>
      </c>
      <c r="CC28" s="25">
        <v>0</v>
      </c>
      <c r="CD28" s="26">
        <v>0</v>
      </c>
      <c r="CE28" s="27">
        <v>0</v>
      </c>
      <c r="CF28" s="25">
        <v>0</v>
      </c>
      <c r="CG28" s="25">
        <v>1228</v>
      </c>
      <c r="CH28" s="25">
        <v>2185</v>
      </c>
      <c r="CI28" s="25">
        <v>0</v>
      </c>
      <c r="CJ28" s="25">
        <v>0</v>
      </c>
      <c r="CK28" s="28">
        <v>3413</v>
      </c>
      <c r="CL28" s="29">
        <v>3413</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8978</v>
      </c>
      <c r="DN28" s="25">
        <v>105743</v>
      </c>
      <c r="DO28" s="25">
        <v>709039</v>
      </c>
      <c r="DP28" s="25">
        <v>871964</v>
      </c>
      <c r="DQ28" s="25">
        <v>310510</v>
      </c>
      <c r="DR28" s="28">
        <v>2006234</v>
      </c>
      <c r="DS28" s="30">
        <v>2006234</v>
      </c>
      <c r="DT28" s="24">
        <v>0</v>
      </c>
      <c r="DU28" s="25">
        <v>0</v>
      </c>
      <c r="DV28" s="26">
        <v>0</v>
      </c>
      <c r="DW28" s="404">
        <v>0</v>
      </c>
      <c r="DX28" s="25">
        <v>4365</v>
      </c>
      <c r="DY28" s="25">
        <v>14550</v>
      </c>
      <c r="DZ28" s="25">
        <v>642094</v>
      </c>
      <c r="EA28" s="25">
        <v>806885</v>
      </c>
      <c r="EB28" s="25">
        <v>265350</v>
      </c>
      <c r="EC28" s="28">
        <v>1733244</v>
      </c>
      <c r="ED28" s="29">
        <v>1733244</v>
      </c>
      <c r="EE28" s="24">
        <v>0</v>
      </c>
      <c r="EF28" s="25">
        <v>0</v>
      </c>
      <c r="EG28" s="26">
        <v>0</v>
      </c>
      <c r="EH28" s="404">
        <v>0</v>
      </c>
      <c r="EI28" s="25">
        <v>420</v>
      </c>
      <c r="EJ28" s="25">
        <v>12780</v>
      </c>
      <c r="EK28" s="25">
        <v>15034</v>
      </c>
      <c r="EL28" s="25">
        <v>25406</v>
      </c>
      <c r="EM28" s="25">
        <v>1050</v>
      </c>
      <c r="EN28" s="28">
        <v>54690</v>
      </c>
      <c r="EO28" s="29">
        <v>54690</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210</v>
      </c>
      <c r="FJ28" s="28">
        <v>210</v>
      </c>
      <c r="FK28" s="29">
        <v>210</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4193</v>
      </c>
      <c r="GB28" s="25">
        <v>78392</v>
      </c>
      <c r="GC28" s="25">
        <v>51799</v>
      </c>
      <c r="GD28" s="25">
        <v>39673</v>
      </c>
      <c r="GE28" s="25">
        <v>43900</v>
      </c>
      <c r="GF28" s="28">
        <v>217957</v>
      </c>
      <c r="GG28" s="29">
        <v>217957</v>
      </c>
      <c r="GH28" s="24">
        <v>0</v>
      </c>
      <c r="GI28" s="25">
        <v>0</v>
      </c>
      <c r="GJ28" s="26">
        <v>0</v>
      </c>
      <c r="GK28" s="27">
        <v>0</v>
      </c>
      <c r="GL28" s="25">
        <v>0</v>
      </c>
      <c r="GM28" s="25">
        <v>21</v>
      </c>
      <c r="GN28" s="25">
        <v>112</v>
      </c>
      <c r="GO28" s="25">
        <v>0</v>
      </c>
      <c r="GP28" s="25">
        <v>0</v>
      </c>
      <c r="GQ28" s="28">
        <v>133</v>
      </c>
      <c r="GR28" s="29">
        <v>133</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49588</v>
      </c>
      <c r="HT28" s="25">
        <v>281115</v>
      </c>
      <c r="HU28" s="25">
        <v>1350054</v>
      </c>
      <c r="HV28" s="25">
        <v>1521607</v>
      </c>
      <c r="HW28" s="25">
        <v>774917</v>
      </c>
      <c r="HX28" s="28">
        <v>3977281</v>
      </c>
      <c r="HY28" s="29">
        <v>3977281</v>
      </c>
    </row>
    <row r="29" spans="2:233" ht="21" customHeight="1" x14ac:dyDescent="0.2">
      <c r="B29" s="106" t="s">
        <v>26</v>
      </c>
      <c r="C29" s="24">
        <v>0</v>
      </c>
      <c r="D29" s="25">
        <v>0</v>
      </c>
      <c r="E29" s="26">
        <v>0</v>
      </c>
      <c r="F29" s="27">
        <v>0</v>
      </c>
      <c r="G29" s="25">
        <v>31650</v>
      </c>
      <c r="H29" s="25">
        <v>110809</v>
      </c>
      <c r="I29" s="25">
        <v>294065</v>
      </c>
      <c r="J29" s="25">
        <v>646925</v>
      </c>
      <c r="K29" s="25">
        <v>457954</v>
      </c>
      <c r="L29" s="28">
        <v>1541403</v>
      </c>
      <c r="M29" s="29">
        <v>1541403</v>
      </c>
      <c r="N29" s="24">
        <v>0</v>
      </c>
      <c r="O29" s="25">
        <v>0</v>
      </c>
      <c r="P29" s="26">
        <v>0</v>
      </c>
      <c r="Q29" s="404">
        <v>0</v>
      </c>
      <c r="R29" s="25">
        <v>0</v>
      </c>
      <c r="S29" s="25">
        <v>29700</v>
      </c>
      <c r="T29" s="25">
        <v>105190</v>
      </c>
      <c r="U29" s="25">
        <v>354070</v>
      </c>
      <c r="V29" s="25">
        <v>333475</v>
      </c>
      <c r="W29" s="28">
        <v>822435</v>
      </c>
      <c r="X29" s="29">
        <v>822435</v>
      </c>
      <c r="Y29" s="24">
        <v>0</v>
      </c>
      <c r="Z29" s="25">
        <v>0</v>
      </c>
      <c r="AA29" s="26">
        <v>0</v>
      </c>
      <c r="AB29" s="404">
        <v>0</v>
      </c>
      <c r="AC29" s="25">
        <v>31650</v>
      </c>
      <c r="AD29" s="25">
        <v>41850</v>
      </c>
      <c r="AE29" s="25">
        <v>162225</v>
      </c>
      <c r="AF29" s="25">
        <v>246515</v>
      </c>
      <c r="AG29" s="25">
        <v>71015</v>
      </c>
      <c r="AH29" s="28">
        <v>553255</v>
      </c>
      <c r="AI29" s="29">
        <v>553255</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550</v>
      </c>
      <c r="BB29" s="25">
        <v>0</v>
      </c>
      <c r="BC29" s="25">
        <v>30420</v>
      </c>
      <c r="BD29" s="28">
        <v>32970</v>
      </c>
      <c r="BE29" s="29">
        <v>32970</v>
      </c>
      <c r="BF29" s="24">
        <v>0</v>
      </c>
      <c r="BG29" s="25">
        <v>0</v>
      </c>
      <c r="BH29" s="26">
        <v>0</v>
      </c>
      <c r="BI29" s="404">
        <v>0</v>
      </c>
      <c r="BJ29" s="25">
        <v>0</v>
      </c>
      <c r="BK29" s="25">
        <v>0</v>
      </c>
      <c r="BL29" s="25">
        <v>0</v>
      </c>
      <c r="BM29" s="25">
        <v>0</v>
      </c>
      <c r="BN29" s="25">
        <v>0</v>
      </c>
      <c r="BO29" s="28">
        <v>0</v>
      </c>
      <c r="BP29" s="29">
        <v>0</v>
      </c>
      <c r="BQ29" s="24">
        <v>0</v>
      </c>
      <c r="BR29" s="25">
        <v>0</v>
      </c>
      <c r="BS29" s="26">
        <v>0</v>
      </c>
      <c r="BT29" s="27">
        <v>0</v>
      </c>
      <c r="BU29" s="25">
        <v>0</v>
      </c>
      <c r="BV29" s="25">
        <v>36764</v>
      </c>
      <c r="BW29" s="25">
        <v>24100</v>
      </c>
      <c r="BX29" s="25">
        <v>42860</v>
      </c>
      <c r="BY29" s="25">
        <v>23044</v>
      </c>
      <c r="BZ29" s="28">
        <v>126768</v>
      </c>
      <c r="CA29" s="29">
        <v>126768</v>
      </c>
      <c r="CB29" s="24">
        <v>0</v>
      </c>
      <c r="CC29" s="25">
        <v>0</v>
      </c>
      <c r="CD29" s="26">
        <v>0</v>
      </c>
      <c r="CE29" s="27">
        <v>0</v>
      </c>
      <c r="CF29" s="25">
        <v>0</v>
      </c>
      <c r="CG29" s="25">
        <v>2495</v>
      </c>
      <c r="CH29" s="25">
        <v>0</v>
      </c>
      <c r="CI29" s="25">
        <v>3480</v>
      </c>
      <c r="CJ29" s="25">
        <v>0</v>
      </c>
      <c r="CK29" s="28">
        <v>5975</v>
      </c>
      <c r="CL29" s="29">
        <v>5975</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0</v>
      </c>
      <c r="DJ29" s="25">
        <v>0</v>
      </c>
      <c r="DK29" s="26">
        <v>0</v>
      </c>
      <c r="DL29" s="27">
        <v>0</v>
      </c>
      <c r="DM29" s="25">
        <v>210</v>
      </c>
      <c r="DN29" s="25">
        <v>112024</v>
      </c>
      <c r="DO29" s="25">
        <v>288622</v>
      </c>
      <c r="DP29" s="25">
        <v>639290</v>
      </c>
      <c r="DQ29" s="25">
        <v>413016</v>
      </c>
      <c r="DR29" s="28">
        <v>1453162</v>
      </c>
      <c r="DS29" s="30">
        <v>1453162</v>
      </c>
      <c r="DT29" s="24">
        <v>0</v>
      </c>
      <c r="DU29" s="25">
        <v>0</v>
      </c>
      <c r="DV29" s="26">
        <v>0</v>
      </c>
      <c r="DW29" s="404">
        <v>0</v>
      </c>
      <c r="DX29" s="25">
        <v>0</v>
      </c>
      <c r="DY29" s="25">
        <v>34500</v>
      </c>
      <c r="DZ29" s="25">
        <v>253650</v>
      </c>
      <c r="EA29" s="25">
        <v>488810</v>
      </c>
      <c r="EB29" s="25">
        <v>357287</v>
      </c>
      <c r="EC29" s="28">
        <v>1134247</v>
      </c>
      <c r="ED29" s="29">
        <v>1134247</v>
      </c>
      <c r="EE29" s="24">
        <v>0</v>
      </c>
      <c r="EF29" s="25">
        <v>0</v>
      </c>
      <c r="EG29" s="26">
        <v>0</v>
      </c>
      <c r="EH29" s="404">
        <v>0</v>
      </c>
      <c r="EI29" s="25">
        <v>210</v>
      </c>
      <c r="EJ29" s="25">
        <v>1050</v>
      </c>
      <c r="EK29" s="25">
        <v>18188</v>
      </c>
      <c r="EL29" s="25">
        <v>48340</v>
      </c>
      <c r="EM29" s="25">
        <v>11940</v>
      </c>
      <c r="EN29" s="28">
        <v>79728</v>
      </c>
      <c r="EO29" s="29">
        <v>79728</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0</v>
      </c>
      <c r="FH29" s="25">
        <v>0</v>
      </c>
      <c r="FI29" s="25">
        <v>630</v>
      </c>
      <c r="FJ29" s="28">
        <v>840</v>
      </c>
      <c r="FK29" s="29">
        <v>840</v>
      </c>
      <c r="FL29" s="24">
        <v>0</v>
      </c>
      <c r="FM29" s="25">
        <v>0</v>
      </c>
      <c r="FN29" s="26">
        <v>0</v>
      </c>
      <c r="FO29" s="404">
        <v>0</v>
      </c>
      <c r="FP29" s="25">
        <v>0</v>
      </c>
      <c r="FQ29" s="25">
        <v>0</v>
      </c>
      <c r="FR29" s="25">
        <v>0</v>
      </c>
      <c r="FS29" s="25">
        <v>0</v>
      </c>
      <c r="FT29" s="25">
        <v>0</v>
      </c>
      <c r="FU29" s="28">
        <v>0</v>
      </c>
      <c r="FV29" s="29">
        <v>0</v>
      </c>
      <c r="FW29" s="24">
        <v>0</v>
      </c>
      <c r="FX29" s="25">
        <v>0</v>
      </c>
      <c r="FY29" s="26">
        <v>0</v>
      </c>
      <c r="FZ29" s="27">
        <v>0</v>
      </c>
      <c r="GA29" s="25">
        <v>0</v>
      </c>
      <c r="GB29" s="25">
        <v>75344</v>
      </c>
      <c r="GC29" s="25">
        <v>16574</v>
      </c>
      <c r="GD29" s="25">
        <v>101972</v>
      </c>
      <c r="GE29" s="25">
        <v>43159</v>
      </c>
      <c r="GF29" s="28">
        <v>237049</v>
      </c>
      <c r="GG29" s="29">
        <v>237049</v>
      </c>
      <c r="GH29" s="24">
        <v>0</v>
      </c>
      <c r="GI29" s="25">
        <v>0</v>
      </c>
      <c r="GJ29" s="26">
        <v>0</v>
      </c>
      <c r="GK29" s="27">
        <v>0</v>
      </c>
      <c r="GL29" s="25">
        <v>0</v>
      </c>
      <c r="GM29" s="25">
        <v>1130</v>
      </c>
      <c r="GN29" s="25">
        <v>0</v>
      </c>
      <c r="GO29" s="25">
        <v>168</v>
      </c>
      <c r="GP29" s="25">
        <v>0</v>
      </c>
      <c r="GQ29" s="28">
        <v>1298</v>
      </c>
      <c r="GR29" s="29">
        <v>1298</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0</v>
      </c>
      <c r="HP29" s="25">
        <v>0</v>
      </c>
      <c r="HQ29" s="26">
        <v>0</v>
      </c>
      <c r="HR29" s="27">
        <v>0</v>
      </c>
      <c r="HS29" s="25">
        <v>31860</v>
      </c>
      <c r="HT29" s="25">
        <v>222833</v>
      </c>
      <c r="HU29" s="25">
        <v>582687</v>
      </c>
      <c r="HV29" s="25">
        <v>1286215</v>
      </c>
      <c r="HW29" s="25">
        <v>870970</v>
      </c>
      <c r="HX29" s="28">
        <v>2994565</v>
      </c>
      <c r="HY29" s="29">
        <v>2994565</v>
      </c>
    </row>
    <row r="30" spans="2:233" ht="21" customHeight="1" x14ac:dyDescent="0.2">
      <c r="B30" s="106" t="s">
        <v>27</v>
      </c>
      <c r="C30" s="24">
        <v>0</v>
      </c>
      <c r="D30" s="25">
        <v>0</v>
      </c>
      <c r="E30" s="26">
        <v>0</v>
      </c>
      <c r="F30" s="27">
        <v>0</v>
      </c>
      <c r="G30" s="25">
        <v>101873</v>
      </c>
      <c r="H30" s="25">
        <v>84380</v>
      </c>
      <c r="I30" s="25">
        <v>436351</v>
      </c>
      <c r="J30" s="25">
        <v>814505</v>
      </c>
      <c r="K30" s="25">
        <v>327075</v>
      </c>
      <c r="L30" s="28">
        <v>1764184</v>
      </c>
      <c r="M30" s="29">
        <v>1764184</v>
      </c>
      <c r="N30" s="24">
        <v>0</v>
      </c>
      <c r="O30" s="25">
        <v>0</v>
      </c>
      <c r="P30" s="26">
        <v>0</v>
      </c>
      <c r="Q30" s="404">
        <v>0</v>
      </c>
      <c r="R30" s="25">
        <v>31650</v>
      </c>
      <c r="S30" s="25">
        <v>0</v>
      </c>
      <c r="T30" s="25">
        <v>263020</v>
      </c>
      <c r="U30" s="25">
        <v>549360</v>
      </c>
      <c r="V30" s="25">
        <v>322145</v>
      </c>
      <c r="W30" s="28">
        <v>1166175</v>
      </c>
      <c r="X30" s="29">
        <v>1166175</v>
      </c>
      <c r="Y30" s="24">
        <v>0</v>
      </c>
      <c r="Z30" s="25">
        <v>0</v>
      </c>
      <c r="AA30" s="26">
        <v>0</v>
      </c>
      <c r="AB30" s="404">
        <v>0</v>
      </c>
      <c r="AC30" s="25">
        <v>66905</v>
      </c>
      <c r="AD30" s="25">
        <v>82495</v>
      </c>
      <c r="AE30" s="25">
        <v>98200</v>
      </c>
      <c r="AF30" s="25">
        <v>211050</v>
      </c>
      <c r="AG30" s="25">
        <v>4930</v>
      </c>
      <c r="AH30" s="28">
        <v>463580</v>
      </c>
      <c r="AI30" s="29">
        <v>463580</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8050</v>
      </c>
      <c r="BM30" s="25">
        <v>36750</v>
      </c>
      <c r="BN30" s="25">
        <v>0</v>
      </c>
      <c r="BO30" s="28">
        <v>94800</v>
      </c>
      <c r="BP30" s="29">
        <v>94800</v>
      </c>
      <c r="BQ30" s="24">
        <v>0</v>
      </c>
      <c r="BR30" s="25">
        <v>0</v>
      </c>
      <c r="BS30" s="26">
        <v>0</v>
      </c>
      <c r="BT30" s="27">
        <v>0</v>
      </c>
      <c r="BU30" s="25">
        <v>3318</v>
      </c>
      <c r="BV30" s="25">
        <v>1885</v>
      </c>
      <c r="BW30" s="25">
        <v>17081</v>
      </c>
      <c r="BX30" s="25">
        <v>14910</v>
      </c>
      <c r="BY30" s="25">
        <v>0</v>
      </c>
      <c r="BZ30" s="28">
        <v>37194</v>
      </c>
      <c r="CA30" s="29">
        <v>37194</v>
      </c>
      <c r="CB30" s="24">
        <v>0</v>
      </c>
      <c r="CC30" s="25">
        <v>0</v>
      </c>
      <c r="CD30" s="26">
        <v>0</v>
      </c>
      <c r="CE30" s="27">
        <v>0</v>
      </c>
      <c r="CF30" s="25">
        <v>0</v>
      </c>
      <c r="CG30" s="25">
        <v>0</v>
      </c>
      <c r="CH30" s="25">
        <v>0</v>
      </c>
      <c r="CI30" s="25">
        <v>2435</v>
      </c>
      <c r="CJ30" s="25">
        <v>0</v>
      </c>
      <c r="CK30" s="28">
        <v>2435</v>
      </c>
      <c r="CL30" s="29">
        <v>2435</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21157</v>
      </c>
      <c r="DN30" s="25">
        <v>11229</v>
      </c>
      <c r="DO30" s="25">
        <v>382726</v>
      </c>
      <c r="DP30" s="25">
        <v>683697</v>
      </c>
      <c r="DQ30" s="25">
        <v>318083</v>
      </c>
      <c r="DR30" s="28">
        <v>1416892</v>
      </c>
      <c r="DS30" s="30">
        <v>1416892</v>
      </c>
      <c r="DT30" s="24">
        <v>0</v>
      </c>
      <c r="DU30" s="25">
        <v>0</v>
      </c>
      <c r="DV30" s="26">
        <v>0</v>
      </c>
      <c r="DW30" s="404">
        <v>0</v>
      </c>
      <c r="DX30" s="25">
        <v>14100</v>
      </c>
      <c r="DY30" s="25">
        <v>0</v>
      </c>
      <c r="DZ30" s="25">
        <v>241860</v>
      </c>
      <c r="EA30" s="25">
        <v>485970</v>
      </c>
      <c r="EB30" s="25">
        <v>307980</v>
      </c>
      <c r="EC30" s="28">
        <v>1049910</v>
      </c>
      <c r="ED30" s="29">
        <v>1049910</v>
      </c>
      <c r="EE30" s="24">
        <v>0</v>
      </c>
      <c r="EF30" s="25">
        <v>0</v>
      </c>
      <c r="EG30" s="26">
        <v>0</v>
      </c>
      <c r="EH30" s="404">
        <v>0</v>
      </c>
      <c r="EI30" s="25">
        <v>637</v>
      </c>
      <c r="EJ30" s="25">
        <v>889</v>
      </c>
      <c r="EK30" s="25">
        <v>48810</v>
      </c>
      <c r="EL30" s="25">
        <v>104760</v>
      </c>
      <c r="EM30" s="25">
        <v>10103</v>
      </c>
      <c r="EN30" s="28">
        <v>165199</v>
      </c>
      <c r="EO30" s="29">
        <v>165199</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7340</v>
      </c>
      <c r="FS30" s="25">
        <v>77340</v>
      </c>
      <c r="FT30" s="25">
        <v>0</v>
      </c>
      <c r="FU30" s="28">
        <v>154680</v>
      </c>
      <c r="FV30" s="29">
        <v>154680</v>
      </c>
      <c r="FW30" s="24">
        <v>0</v>
      </c>
      <c r="FX30" s="25">
        <v>0</v>
      </c>
      <c r="FY30" s="26">
        <v>0</v>
      </c>
      <c r="FZ30" s="27">
        <v>0</v>
      </c>
      <c r="GA30" s="25">
        <v>6420</v>
      </c>
      <c r="GB30" s="25">
        <v>10340</v>
      </c>
      <c r="GC30" s="25">
        <v>14716</v>
      </c>
      <c r="GD30" s="25">
        <v>15466</v>
      </c>
      <c r="GE30" s="25">
        <v>0</v>
      </c>
      <c r="GF30" s="28">
        <v>46942</v>
      </c>
      <c r="GG30" s="29">
        <v>46942</v>
      </c>
      <c r="GH30" s="24">
        <v>0</v>
      </c>
      <c r="GI30" s="25">
        <v>0</v>
      </c>
      <c r="GJ30" s="26">
        <v>0</v>
      </c>
      <c r="GK30" s="27">
        <v>0</v>
      </c>
      <c r="GL30" s="25">
        <v>0</v>
      </c>
      <c r="GM30" s="25">
        <v>0</v>
      </c>
      <c r="GN30" s="25">
        <v>0</v>
      </c>
      <c r="GO30" s="25">
        <v>161</v>
      </c>
      <c r="GP30" s="25">
        <v>0</v>
      </c>
      <c r="GQ30" s="28">
        <v>161</v>
      </c>
      <c r="GR30" s="29">
        <v>161</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123030</v>
      </c>
      <c r="HT30" s="25">
        <v>95609</v>
      </c>
      <c r="HU30" s="25">
        <v>819077</v>
      </c>
      <c r="HV30" s="25">
        <v>1498202</v>
      </c>
      <c r="HW30" s="25">
        <v>645158</v>
      </c>
      <c r="HX30" s="28">
        <v>3181076</v>
      </c>
      <c r="HY30" s="29">
        <v>3181076</v>
      </c>
    </row>
    <row r="31" spans="2:233" ht="21" customHeight="1" x14ac:dyDescent="0.2">
      <c r="B31" s="106" t="s">
        <v>28</v>
      </c>
      <c r="C31" s="24">
        <v>0</v>
      </c>
      <c r="D31" s="25">
        <v>0</v>
      </c>
      <c r="E31" s="26">
        <v>0</v>
      </c>
      <c r="F31" s="27">
        <v>0</v>
      </c>
      <c r="G31" s="25">
        <v>0</v>
      </c>
      <c r="H31" s="25">
        <v>58050</v>
      </c>
      <c r="I31" s="25">
        <v>245460</v>
      </c>
      <c r="J31" s="25">
        <v>277802</v>
      </c>
      <c r="K31" s="25">
        <v>99750</v>
      </c>
      <c r="L31" s="28">
        <v>681062</v>
      </c>
      <c r="M31" s="29">
        <v>681062</v>
      </c>
      <c r="N31" s="24">
        <v>0</v>
      </c>
      <c r="O31" s="25">
        <v>0</v>
      </c>
      <c r="P31" s="26">
        <v>0</v>
      </c>
      <c r="Q31" s="404">
        <v>0</v>
      </c>
      <c r="R31" s="25">
        <v>0</v>
      </c>
      <c r="S31" s="25">
        <v>0</v>
      </c>
      <c r="T31" s="25">
        <v>185250</v>
      </c>
      <c r="U31" s="25">
        <v>254700</v>
      </c>
      <c r="V31" s="25">
        <v>75900</v>
      </c>
      <c r="W31" s="28">
        <v>515850</v>
      </c>
      <c r="X31" s="29">
        <v>515850</v>
      </c>
      <c r="Y31" s="24">
        <v>0</v>
      </c>
      <c r="Z31" s="25">
        <v>0</v>
      </c>
      <c r="AA31" s="26">
        <v>0</v>
      </c>
      <c r="AB31" s="404">
        <v>0</v>
      </c>
      <c r="AC31" s="25">
        <v>0</v>
      </c>
      <c r="AD31" s="25">
        <v>58050</v>
      </c>
      <c r="AE31" s="25">
        <v>60210</v>
      </c>
      <c r="AF31" s="25">
        <v>7735</v>
      </c>
      <c r="AG31" s="25">
        <v>23850</v>
      </c>
      <c r="AH31" s="28">
        <v>149845</v>
      </c>
      <c r="AI31" s="29">
        <v>149845</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0</v>
      </c>
      <c r="BX31" s="25">
        <v>15367</v>
      </c>
      <c r="BY31" s="25">
        <v>0</v>
      </c>
      <c r="BZ31" s="28">
        <v>15367</v>
      </c>
      <c r="CA31" s="29">
        <v>15367</v>
      </c>
      <c r="CB31" s="24">
        <v>0</v>
      </c>
      <c r="CC31" s="25">
        <v>0</v>
      </c>
      <c r="CD31" s="26">
        <v>0</v>
      </c>
      <c r="CE31" s="27">
        <v>0</v>
      </c>
      <c r="CF31" s="25">
        <v>0</v>
      </c>
      <c r="CG31" s="25">
        <v>0</v>
      </c>
      <c r="CH31" s="25">
        <v>0</v>
      </c>
      <c r="CI31" s="25">
        <v>0</v>
      </c>
      <c r="CJ31" s="25">
        <v>0</v>
      </c>
      <c r="CK31" s="28">
        <v>0</v>
      </c>
      <c r="CL31" s="29">
        <v>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630</v>
      </c>
      <c r="DO31" s="25">
        <v>205470</v>
      </c>
      <c r="DP31" s="25">
        <v>290583</v>
      </c>
      <c r="DQ31" s="25">
        <v>102570</v>
      </c>
      <c r="DR31" s="28">
        <v>599253</v>
      </c>
      <c r="DS31" s="30">
        <v>599253</v>
      </c>
      <c r="DT31" s="24">
        <v>0</v>
      </c>
      <c r="DU31" s="25">
        <v>0</v>
      </c>
      <c r="DV31" s="26">
        <v>0</v>
      </c>
      <c r="DW31" s="404">
        <v>0</v>
      </c>
      <c r="DX31" s="25">
        <v>0</v>
      </c>
      <c r="DY31" s="25">
        <v>0</v>
      </c>
      <c r="DZ31" s="25">
        <v>163290</v>
      </c>
      <c r="EA31" s="25">
        <v>255270</v>
      </c>
      <c r="EB31" s="25">
        <v>102360</v>
      </c>
      <c r="EC31" s="28">
        <v>520920</v>
      </c>
      <c r="ED31" s="29">
        <v>520920</v>
      </c>
      <c r="EE31" s="24">
        <v>0</v>
      </c>
      <c r="EF31" s="25">
        <v>0</v>
      </c>
      <c r="EG31" s="26">
        <v>0</v>
      </c>
      <c r="EH31" s="404">
        <v>0</v>
      </c>
      <c r="EI31" s="25">
        <v>0</v>
      </c>
      <c r="EJ31" s="25">
        <v>630</v>
      </c>
      <c r="EK31" s="25">
        <v>42180</v>
      </c>
      <c r="EL31" s="25">
        <v>22018</v>
      </c>
      <c r="EM31" s="25">
        <v>210</v>
      </c>
      <c r="EN31" s="28">
        <v>65038</v>
      </c>
      <c r="EO31" s="29">
        <v>65038</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0</v>
      </c>
      <c r="GD31" s="25">
        <v>13295</v>
      </c>
      <c r="GE31" s="25">
        <v>0</v>
      </c>
      <c r="GF31" s="28">
        <v>13295</v>
      </c>
      <c r="GG31" s="29">
        <v>13295</v>
      </c>
      <c r="GH31" s="24">
        <v>0</v>
      </c>
      <c r="GI31" s="25">
        <v>0</v>
      </c>
      <c r="GJ31" s="26">
        <v>0</v>
      </c>
      <c r="GK31" s="27">
        <v>0</v>
      </c>
      <c r="GL31" s="25">
        <v>0</v>
      </c>
      <c r="GM31" s="25">
        <v>0</v>
      </c>
      <c r="GN31" s="25">
        <v>0</v>
      </c>
      <c r="GO31" s="25">
        <v>0</v>
      </c>
      <c r="GP31" s="25">
        <v>0</v>
      </c>
      <c r="GQ31" s="28">
        <v>0</v>
      </c>
      <c r="GR31" s="29">
        <v>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58680</v>
      </c>
      <c r="HU31" s="25">
        <v>450930</v>
      </c>
      <c r="HV31" s="25">
        <v>568385</v>
      </c>
      <c r="HW31" s="25">
        <v>202320</v>
      </c>
      <c r="HX31" s="28">
        <v>1280315</v>
      </c>
      <c r="HY31" s="29">
        <v>1280315</v>
      </c>
    </row>
    <row r="32" spans="2:233" ht="21" customHeight="1" x14ac:dyDescent="0.2">
      <c r="B32" s="106" t="s">
        <v>29</v>
      </c>
      <c r="C32" s="24">
        <v>0</v>
      </c>
      <c r="D32" s="25">
        <v>0</v>
      </c>
      <c r="E32" s="26">
        <v>0</v>
      </c>
      <c r="F32" s="27">
        <v>0</v>
      </c>
      <c r="G32" s="25">
        <v>23850</v>
      </c>
      <c r="H32" s="25">
        <v>60790</v>
      </c>
      <c r="I32" s="25">
        <v>307095</v>
      </c>
      <c r="J32" s="25">
        <v>424555</v>
      </c>
      <c r="K32" s="25">
        <v>182485</v>
      </c>
      <c r="L32" s="28">
        <v>998775</v>
      </c>
      <c r="M32" s="29">
        <v>998775</v>
      </c>
      <c r="N32" s="24">
        <v>0</v>
      </c>
      <c r="O32" s="25">
        <v>0</v>
      </c>
      <c r="P32" s="26">
        <v>0</v>
      </c>
      <c r="Q32" s="404">
        <v>0</v>
      </c>
      <c r="R32" s="25">
        <v>0</v>
      </c>
      <c r="S32" s="25">
        <v>31650</v>
      </c>
      <c r="T32" s="25">
        <v>191100</v>
      </c>
      <c r="U32" s="25">
        <v>226165</v>
      </c>
      <c r="V32" s="25">
        <v>178040</v>
      </c>
      <c r="W32" s="28">
        <v>626955</v>
      </c>
      <c r="X32" s="29">
        <v>626955</v>
      </c>
      <c r="Y32" s="24">
        <v>0</v>
      </c>
      <c r="Z32" s="25">
        <v>0</v>
      </c>
      <c r="AA32" s="26">
        <v>0</v>
      </c>
      <c r="AB32" s="404">
        <v>0</v>
      </c>
      <c r="AC32" s="25">
        <v>23850</v>
      </c>
      <c r="AD32" s="25">
        <v>25685</v>
      </c>
      <c r="AE32" s="25">
        <v>68400</v>
      </c>
      <c r="AF32" s="25">
        <v>78155</v>
      </c>
      <c r="AG32" s="25">
        <v>0</v>
      </c>
      <c r="AH32" s="28">
        <v>196090</v>
      </c>
      <c r="AI32" s="29">
        <v>196090</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41850</v>
      </c>
      <c r="BM32" s="25">
        <v>94885</v>
      </c>
      <c r="BN32" s="25">
        <v>2550</v>
      </c>
      <c r="BO32" s="28">
        <v>139285</v>
      </c>
      <c r="BP32" s="29">
        <v>139285</v>
      </c>
      <c r="BQ32" s="24">
        <v>0</v>
      </c>
      <c r="BR32" s="25">
        <v>0</v>
      </c>
      <c r="BS32" s="26">
        <v>0</v>
      </c>
      <c r="BT32" s="27">
        <v>0</v>
      </c>
      <c r="BU32" s="25">
        <v>0</v>
      </c>
      <c r="BV32" s="25">
        <v>3455</v>
      </c>
      <c r="BW32" s="25">
        <v>5745</v>
      </c>
      <c r="BX32" s="25">
        <v>24505</v>
      </c>
      <c r="BY32" s="25">
        <v>1895</v>
      </c>
      <c r="BZ32" s="28">
        <v>35600</v>
      </c>
      <c r="CA32" s="29">
        <v>35600</v>
      </c>
      <c r="CB32" s="24">
        <v>0</v>
      </c>
      <c r="CC32" s="25">
        <v>0</v>
      </c>
      <c r="CD32" s="26">
        <v>0</v>
      </c>
      <c r="CE32" s="27">
        <v>0</v>
      </c>
      <c r="CF32" s="25">
        <v>0</v>
      </c>
      <c r="CG32" s="25">
        <v>0</v>
      </c>
      <c r="CH32" s="25">
        <v>0</v>
      </c>
      <c r="CI32" s="25">
        <v>845</v>
      </c>
      <c r="CJ32" s="25">
        <v>0</v>
      </c>
      <c r="CK32" s="28">
        <v>845</v>
      </c>
      <c r="CL32" s="29">
        <v>845</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0</v>
      </c>
      <c r="DN32" s="25">
        <v>38987</v>
      </c>
      <c r="DO32" s="25">
        <v>256893</v>
      </c>
      <c r="DP32" s="25">
        <v>439495</v>
      </c>
      <c r="DQ32" s="25">
        <v>151695</v>
      </c>
      <c r="DR32" s="28">
        <v>887280</v>
      </c>
      <c r="DS32" s="30">
        <v>887280</v>
      </c>
      <c r="DT32" s="24">
        <v>0</v>
      </c>
      <c r="DU32" s="25">
        <v>0</v>
      </c>
      <c r="DV32" s="26">
        <v>0</v>
      </c>
      <c r="DW32" s="404">
        <v>0</v>
      </c>
      <c r="DX32" s="25">
        <v>0</v>
      </c>
      <c r="DY32" s="25">
        <v>14550</v>
      </c>
      <c r="DZ32" s="25">
        <v>129210</v>
      </c>
      <c r="EA32" s="25">
        <v>243040</v>
      </c>
      <c r="EB32" s="25">
        <v>139710</v>
      </c>
      <c r="EC32" s="28">
        <v>526510</v>
      </c>
      <c r="ED32" s="29">
        <v>526510</v>
      </c>
      <c r="EE32" s="24">
        <v>0</v>
      </c>
      <c r="EF32" s="25">
        <v>0</v>
      </c>
      <c r="EG32" s="26">
        <v>0</v>
      </c>
      <c r="EH32" s="404">
        <v>0</v>
      </c>
      <c r="EI32" s="25">
        <v>210</v>
      </c>
      <c r="EJ32" s="25">
        <v>10802</v>
      </c>
      <c r="EK32" s="25">
        <v>810</v>
      </c>
      <c r="EL32" s="25">
        <v>18122</v>
      </c>
      <c r="EM32" s="25">
        <v>0</v>
      </c>
      <c r="EN32" s="28">
        <v>29944</v>
      </c>
      <c r="EO32" s="29">
        <v>29944</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119100</v>
      </c>
      <c r="FS32" s="25">
        <v>155376</v>
      </c>
      <c r="FT32" s="25">
        <v>10530</v>
      </c>
      <c r="FU32" s="28">
        <v>285006</v>
      </c>
      <c r="FV32" s="29">
        <v>285006</v>
      </c>
      <c r="FW32" s="24">
        <v>0</v>
      </c>
      <c r="FX32" s="25">
        <v>0</v>
      </c>
      <c r="FY32" s="26">
        <v>0</v>
      </c>
      <c r="FZ32" s="27">
        <v>0</v>
      </c>
      <c r="GA32" s="25">
        <v>0</v>
      </c>
      <c r="GB32" s="25">
        <v>13635</v>
      </c>
      <c r="GC32" s="25">
        <v>7773</v>
      </c>
      <c r="GD32" s="25">
        <v>21779</v>
      </c>
      <c r="GE32" s="25">
        <v>1455</v>
      </c>
      <c r="GF32" s="28">
        <v>44642</v>
      </c>
      <c r="GG32" s="29">
        <v>44642</v>
      </c>
      <c r="GH32" s="24">
        <v>0</v>
      </c>
      <c r="GI32" s="25">
        <v>0</v>
      </c>
      <c r="GJ32" s="26">
        <v>0</v>
      </c>
      <c r="GK32" s="27">
        <v>0</v>
      </c>
      <c r="GL32" s="25">
        <v>0</v>
      </c>
      <c r="GM32" s="25">
        <v>0</v>
      </c>
      <c r="GN32" s="25">
        <v>0</v>
      </c>
      <c r="GO32" s="25">
        <v>1178</v>
      </c>
      <c r="GP32" s="25">
        <v>0</v>
      </c>
      <c r="GQ32" s="28">
        <v>1178</v>
      </c>
      <c r="GR32" s="29">
        <v>1178</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060</v>
      </c>
      <c r="HT32" s="25">
        <v>99777</v>
      </c>
      <c r="HU32" s="25">
        <v>563988</v>
      </c>
      <c r="HV32" s="25">
        <v>864050</v>
      </c>
      <c r="HW32" s="25">
        <v>334180</v>
      </c>
      <c r="HX32" s="28">
        <v>1886055</v>
      </c>
      <c r="HY32" s="29">
        <v>1886055</v>
      </c>
    </row>
    <row r="33" spans="2:233" ht="21" customHeight="1" x14ac:dyDescent="0.2">
      <c r="B33" s="106" t="s">
        <v>30</v>
      </c>
      <c r="C33" s="24">
        <v>0</v>
      </c>
      <c r="D33" s="25">
        <v>0</v>
      </c>
      <c r="E33" s="26">
        <v>0</v>
      </c>
      <c r="F33" s="27">
        <v>0</v>
      </c>
      <c r="G33" s="25">
        <v>72475</v>
      </c>
      <c r="H33" s="25">
        <v>66555</v>
      </c>
      <c r="I33" s="25">
        <v>253306</v>
      </c>
      <c r="J33" s="25">
        <v>288900</v>
      </c>
      <c r="K33" s="25">
        <v>188250</v>
      </c>
      <c r="L33" s="28">
        <v>869486</v>
      </c>
      <c r="M33" s="29">
        <v>869486</v>
      </c>
      <c r="N33" s="24">
        <v>0</v>
      </c>
      <c r="O33" s="25">
        <v>0</v>
      </c>
      <c r="P33" s="26">
        <v>0</v>
      </c>
      <c r="Q33" s="404">
        <v>0</v>
      </c>
      <c r="R33" s="25">
        <v>0</v>
      </c>
      <c r="S33" s="25">
        <v>26400</v>
      </c>
      <c r="T33" s="25">
        <v>195556</v>
      </c>
      <c r="U33" s="25">
        <v>265050</v>
      </c>
      <c r="V33" s="25">
        <v>147095</v>
      </c>
      <c r="W33" s="28">
        <v>634101</v>
      </c>
      <c r="X33" s="29">
        <v>634101</v>
      </c>
      <c r="Y33" s="24">
        <v>0</v>
      </c>
      <c r="Z33" s="25">
        <v>0</v>
      </c>
      <c r="AA33" s="26">
        <v>0</v>
      </c>
      <c r="AB33" s="404">
        <v>0</v>
      </c>
      <c r="AC33" s="25">
        <v>72475</v>
      </c>
      <c r="AD33" s="25">
        <v>31500</v>
      </c>
      <c r="AE33" s="25">
        <v>31650</v>
      </c>
      <c r="AF33" s="25">
        <v>23850</v>
      </c>
      <c r="AG33" s="25">
        <v>2550</v>
      </c>
      <c r="AH33" s="28">
        <v>162025</v>
      </c>
      <c r="AI33" s="29">
        <v>162025</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4350</v>
      </c>
      <c r="BD33" s="28">
        <v>34350</v>
      </c>
      <c r="BE33" s="29">
        <v>34350</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8655</v>
      </c>
      <c r="BW33" s="25">
        <v>26100</v>
      </c>
      <c r="BX33" s="25">
        <v>0</v>
      </c>
      <c r="BY33" s="25">
        <v>4255</v>
      </c>
      <c r="BZ33" s="28">
        <v>39010</v>
      </c>
      <c r="CA33" s="29">
        <v>39010</v>
      </c>
      <c r="CB33" s="24">
        <v>0</v>
      </c>
      <c r="CC33" s="25">
        <v>0</v>
      </c>
      <c r="CD33" s="26">
        <v>0</v>
      </c>
      <c r="CE33" s="27">
        <v>0</v>
      </c>
      <c r="CF33" s="25">
        <v>0</v>
      </c>
      <c r="CG33" s="25">
        <v>0</v>
      </c>
      <c r="CH33" s="25">
        <v>0</v>
      </c>
      <c r="CI33" s="25">
        <v>0</v>
      </c>
      <c r="CJ33" s="25">
        <v>0</v>
      </c>
      <c r="CK33" s="28">
        <v>0</v>
      </c>
      <c r="CL33" s="29">
        <v>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5403</v>
      </c>
      <c r="DN33" s="25">
        <v>55294</v>
      </c>
      <c r="DO33" s="25">
        <v>363318</v>
      </c>
      <c r="DP33" s="25">
        <v>357240</v>
      </c>
      <c r="DQ33" s="25">
        <v>204091</v>
      </c>
      <c r="DR33" s="28">
        <v>1015346</v>
      </c>
      <c r="DS33" s="30">
        <v>1015346</v>
      </c>
      <c r="DT33" s="24">
        <v>0</v>
      </c>
      <c r="DU33" s="25">
        <v>0</v>
      </c>
      <c r="DV33" s="26">
        <v>0</v>
      </c>
      <c r="DW33" s="404">
        <v>0</v>
      </c>
      <c r="DX33" s="25">
        <v>0</v>
      </c>
      <c r="DY33" s="25">
        <v>35430</v>
      </c>
      <c r="DZ33" s="25">
        <v>313966</v>
      </c>
      <c r="EA33" s="25">
        <v>357030</v>
      </c>
      <c r="EB33" s="25">
        <v>187236</v>
      </c>
      <c r="EC33" s="28">
        <v>893662</v>
      </c>
      <c r="ED33" s="29">
        <v>893662</v>
      </c>
      <c r="EE33" s="24">
        <v>0</v>
      </c>
      <c r="EF33" s="25">
        <v>0</v>
      </c>
      <c r="EG33" s="26">
        <v>0</v>
      </c>
      <c r="EH33" s="404">
        <v>0</v>
      </c>
      <c r="EI33" s="25">
        <v>35403</v>
      </c>
      <c r="EJ33" s="25">
        <v>11370</v>
      </c>
      <c r="EK33" s="25">
        <v>210</v>
      </c>
      <c r="EL33" s="25">
        <v>210</v>
      </c>
      <c r="EM33" s="25">
        <v>210</v>
      </c>
      <c r="EN33" s="28">
        <v>47403</v>
      </c>
      <c r="EO33" s="29">
        <v>47403</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1310</v>
      </c>
      <c r="FJ33" s="28">
        <v>11310</v>
      </c>
      <c r="FK33" s="29">
        <v>11310</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8494</v>
      </c>
      <c r="GC33" s="25">
        <v>49142</v>
      </c>
      <c r="GD33" s="25">
        <v>0</v>
      </c>
      <c r="GE33" s="25">
        <v>5335</v>
      </c>
      <c r="GF33" s="28">
        <v>62971</v>
      </c>
      <c r="GG33" s="29">
        <v>62971</v>
      </c>
      <c r="GH33" s="24">
        <v>0</v>
      </c>
      <c r="GI33" s="25">
        <v>0</v>
      </c>
      <c r="GJ33" s="26">
        <v>0</v>
      </c>
      <c r="GK33" s="27">
        <v>0</v>
      </c>
      <c r="GL33" s="25">
        <v>0</v>
      </c>
      <c r="GM33" s="25">
        <v>0</v>
      </c>
      <c r="GN33" s="25">
        <v>0</v>
      </c>
      <c r="GO33" s="25">
        <v>0</v>
      </c>
      <c r="GP33" s="25">
        <v>0</v>
      </c>
      <c r="GQ33" s="28">
        <v>0</v>
      </c>
      <c r="GR33" s="29">
        <v>0</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07878</v>
      </c>
      <c r="HT33" s="25">
        <v>121849</v>
      </c>
      <c r="HU33" s="25">
        <v>616624</v>
      </c>
      <c r="HV33" s="25">
        <v>646140</v>
      </c>
      <c r="HW33" s="25">
        <v>392341</v>
      </c>
      <c r="HX33" s="28">
        <v>1884832</v>
      </c>
      <c r="HY33" s="29">
        <v>1884832</v>
      </c>
    </row>
    <row r="34" spans="2:233" ht="21" customHeight="1" x14ac:dyDescent="0.2">
      <c r="B34" s="106" t="s">
        <v>31</v>
      </c>
      <c r="C34" s="24">
        <v>0</v>
      </c>
      <c r="D34" s="25">
        <v>0</v>
      </c>
      <c r="E34" s="26">
        <v>0</v>
      </c>
      <c r="F34" s="27">
        <v>0</v>
      </c>
      <c r="G34" s="25">
        <v>61470</v>
      </c>
      <c r="H34" s="25">
        <v>153005</v>
      </c>
      <c r="I34" s="25">
        <v>191185</v>
      </c>
      <c r="J34" s="25">
        <v>184015</v>
      </c>
      <c r="K34" s="25">
        <v>167686</v>
      </c>
      <c r="L34" s="28">
        <v>757361</v>
      </c>
      <c r="M34" s="29">
        <v>757361</v>
      </c>
      <c r="N34" s="24">
        <v>0</v>
      </c>
      <c r="O34" s="25">
        <v>0</v>
      </c>
      <c r="P34" s="26">
        <v>0</v>
      </c>
      <c r="Q34" s="404">
        <v>0</v>
      </c>
      <c r="R34" s="25">
        <v>26400</v>
      </c>
      <c r="S34" s="25">
        <v>89850</v>
      </c>
      <c r="T34" s="25">
        <v>167305</v>
      </c>
      <c r="U34" s="25">
        <v>114515</v>
      </c>
      <c r="V34" s="25">
        <v>139106</v>
      </c>
      <c r="W34" s="28">
        <v>537176</v>
      </c>
      <c r="X34" s="29">
        <v>537176</v>
      </c>
      <c r="Y34" s="24">
        <v>0</v>
      </c>
      <c r="Z34" s="25">
        <v>0</v>
      </c>
      <c r="AA34" s="26">
        <v>0</v>
      </c>
      <c r="AB34" s="404">
        <v>0</v>
      </c>
      <c r="AC34" s="25">
        <v>2550</v>
      </c>
      <c r="AD34" s="25">
        <v>50250</v>
      </c>
      <c r="AE34" s="25">
        <v>8075</v>
      </c>
      <c r="AF34" s="25">
        <v>64355</v>
      </c>
      <c r="AG34" s="25">
        <v>4930</v>
      </c>
      <c r="AH34" s="28">
        <v>130160</v>
      </c>
      <c r="AI34" s="29">
        <v>130160</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1650</v>
      </c>
      <c r="AZ34" s="25">
        <v>0</v>
      </c>
      <c r="BA34" s="25">
        <v>0</v>
      </c>
      <c r="BB34" s="25">
        <v>0</v>
      </c>
      <c r="BC34" s="25">
        <v>20115</v>
      </c>
      <c r="BD34" s="28">
        <v>51765</v>
      </c>
      <c r="BE34" s="29">
        <v>51765</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870</v>
      </c>
      <c r="BV34" s="25">
        <v>12905</v>
      </c>
      <c r="BW34" s="25">
        <v>15515</v>
      </c>
      <c r="BX34" s="25">
        <v>5145</v>
      </c>
      <c r="BY34" s="25">
        <v>3535</v>
      </c>
      <c r="BZ34" s="28">
        <v>37970</v>
      </c>
      <c r="CA34" s="29">
        <v>37970</v>
      </c>
      <c r="CB34" s="24">
        <v>0</v>
      </c>
      <c r="CC34" s="25">
        <v>0</v>
      </c>
      <c r="CD34" s="26">
        <v>0</v>
      </c>
      <c r="CE34" s="27">
        <v>0</v>
      </c>
      <c r="CF34" s="25">
        <v>0</v>
      </c>
      <c r="CG34" s="25">
        <v>0</v>
      </c>
      <c r="CH34" s="25">
        <v>290</v>
      </c>
      <c r="CI34" s="25">
        <v>0</v>
      </c>
      <c r="CJ34" s="25">
        <v>0</v>
      </c>
      <c r="CK34" s="28">
        <v>290</v>
      </c>
      <c r="CL34" s="29">
        <v>290</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38658</v>
      </c>
      <c r="DN34" s="25">
        <v>65499</v>
      </c>
      <c r="DO34" s="25">
        <v>287990</v>
      </c>
      <c r="DP34" s="25">
        <v>178261</v>
      </c>
      <c r="DQ34" s="25">
        <v>259489</v>
      </c>
      <c r="DR34" s="28">
        <v>829897</v>
      </c>
      <c r="DS34" s="30">
        <v>829897</v>
      </c>
      <c r="DT34" s="24">
        <v>0</v>
      </c>
      <c r="DU34" s="25">
        <v>0</v>
      </c>
      <c r="DV34" s="26">
        <v>0</v>
      </c>
      <c r="DW34" s="404">
        <v>0</v>
      </c>
      <c r="DX34" s="25">
        <v>35430</v>
      </c>
      <c r="DY34" s="25">
        <v>54750</v>
      </c>
      <c r="DZ34" s="25">
        <v>240989</v>
      </c>
      <c r="EA34" s="25">
        <v>164468</v>
      </c>
      <c r="EB34" s="25">
        <v>240048</v>
      </c>
      <c r="EC34" s="28">
        <v>735685</v>
      </c>
      <c r="ED34" s="29">
        <v>735685</v>
      </c>
      <c r="EE34" s="24">
        <v>0</v>
      </c>
      <c r="EF34" s="25">
        <v>0</v>
      </c>
      <c r="EG34" s="26">
        <v>0</v>
      </c>
      <c r="EH34" s="404">
        <v>0</v>
      </c>
      <c r="EI34" s="25">
        <v>210</v>
      </c>
      <c r="EJ34" s="25">
        <v>570</v>
      </c>
      <c r="EK34" s="25">
        <v>665</v>
      </c>
      <c r="EL34" s="25">
        <v>7488</v>
      </c>
      <c r="EM34" s="25">
        <v>420</v>
      </c>
      <c r="EN34" s="28">
        <v>9353</v>
      </c>
      <c r="EO34" s="29">
        <v>9353</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0</v>
      </c>
      <c r="FF34" s="25">
        <v>0</v>
      </c>
      <c r="FG34" s="25">
        <v>0</v>
      </c>
      <c r="FH34" s="25">
        <v>0</v>
      </c>
      <c r="FI34" s="25">
        <v>13091</v>
      </c>
      <c r="FJ34" s="28">
        <v>13301</v>
      </c>
      <c r="FK34" s="29">
        <v>13301</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2808</v>
      </c>
      <c r="GB34" s="25">
        <v>10179</v>
      </c>
      <c r="GC34" s="25">
        <v>45620</v>
      </c>
      <c r="GD34" s="25">
        <v>6305</v>
      </c>
      <c r="GE34" s="25">
        <v>5930</v>
      </c>
      <c r="GF34" s="28">
        <v>70842</v>
      </c>
      <c r="GG34" s="29">
        <v>70842</v>
      </c>
      <c r="GH34" s="24">
        <v>0</v>
      </c>
      <c r="GI34" s="25">
        <v>0</v>
      </c>
      <c r="GJ34" s="26">
        <v>0</v>
      </c>
      <c r="GK34" s="27">
        <v>0</v>
      </c>
      <c r="GL34" s="25">
        <v>0</v>
      </c>
      <c r="GM34" s="25">
        <v>0</v>
      </c>
      <c r="GN34" s="25">
        <v>716</v>
      </c>
      <c r="GO34" s="25">
        <v>0</v>
      </c>
      <c r="GP34" s="25">
        <v>0</v>
      </c>
      <c r="GQ34" s="28">
        <v>716</v>
      </c>
      <c r="GR34" s="29">
        <v>716</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100128</v>
      </c>
      <c r="HT34" s="25">
        <v>218504</v>
      </c>
      <c r="HU34" s="25">
        <v>479175</v>
      </c>
      <c r="HV34" s="25">
        <v>362276</v>
      </c>
      <c r="HW34" s="25">
        <v>427175</v>
      </c>
      <c r="HX34" s="28">
        <v>1587258</v>
      </c>
      <c r="HY34" s="29">
        <v>1587258</v>
      </c>
    </row>
    <row r="35" spans="2:233" ht="21" customHeight="1" x14ac:dyDescent="0.2">
      <c r="B35" s="106" t="s">
        <v>32</v>
      </c>
      <c r="C35" s="24">
        <v>0</v>
      </c>
      <c r="D35" s="25">
        <v>0</v>
      </c>
      <c r="E35" s="26">
        <v>0</v>
      </c>
      <c r="F35" s="27">
        <v>0</v>
      </c>
      <c r="G35" s="25">
        <v>71100</v>
      </c>
      <c r="H35" s="25">
        <v>96785</v>
      </c>
      <c r="I35" s="25">
        <v>248317</v>
      </c>
      <c r="J35" s="25">
        <v>478080</v>
      </c>
      <c r="K35" s="25">
        <v>280440</v>
      </c>
      <c r="L35" s="28">
        <v>1174722</v>
      </c>
      <c r="M35" s="29">
        <v>1174722</v>
      </c>
      <c r="N35" s="24">
        <v>0</v>
      </c>
      <c r="O35" s="25">
        <v>0</v>
      </c>
      <c r="P35" s="26">
        <v>0</v>
      </c>
      <c r="Q35" s="404">
        <v>0</v>
      </c>
      <c r="R35" s="25">
        <v>34350</v>
      </c>
      <c r="S35" s="25">
        <v>0</v>
      </c>
      <c r="T35" s="25">
        <v>28950</v>
      </c>
      <c r="U35" s="25">
        <v>273665</v>
      </c>
      <c r="V35" s="25">
        <v>210535</v>
      </c>
      <c r="W35" s="28">
        <v>547500</v>
      </c>
      <c r="X35" s="29">
        <v>547500</v>
      </c>
      <c r="Y35" s="24">
        <v>0</v>
      </c>
      <c r="Z35" s="25">
        <v>0</v>
      </c>
      <c r="AA35" s="26">
        <v>0</v>
      </c>
      <c r="AB35" s="404">
        <v>0</v>
      </c>
      <c r="AC35" s="25">
        <v>36750</v>
      </c>
      <c r="AD35" s="25">
        <v>91545</v>
      </c>
      <c r="AE35" s="25">
        <v>58832</v>
      </c>
      <c r="AF35" s="25">
        <v>136950</v>
      </c>
      <c r="AG35" s="25">
        <v>5100</v>
      </c>
      <c r="AH35" s="28">
        <v>329177</v>
      </c>
      <c r="AI35" s="29">
        <v>329177</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1650</v>
      </c>
      <c r="BD35" s="28">
        <v>31650</v>
      </c>
      <c r="BE35" s="29">
        <v>31650</v>
      </c>
      <c r="BF35" s="24">
        <v>0</v>
      </c>
      <c r="BG35" s="25">
        <v>0</v>
      </c>
      <c r="BH35" s="26">
        <v>0</v>
      </c>
      <c r="BI35" s="404">
        <v>0</v>
      </c>
      <c r="BJ35" s="25">
        <v>0</v>
      </c>
      <c r="BK35" s="25">
        <v>0</v>
      </c>
      <c r="BL35" s="25">
        <v>153000</v>
      </c>
      <c r="BM35" s="25">
        <v>67465</v>
      </c>
      <c r="BN35" s="25">
        <v>28950</v>
      </c>
      <c r="BO35" s="28">
        <v>249415</v>
      </c>
      <c r="BP35" s="29">
        <v>249415</v>
      </c>
      <c r="BQ35" s="24">
        <v>0</v>
      </c>
      <c r="BR35" s="25">
        <v>0</v>
      </c>
      <c r="BS35" s="26">
        <v>0</v>
      </c>
      <c r="BT35" s="27">
        <v>0</v>
      </c>
      <c r="BU35" s="25">
        <v>0</v>
      </c>
      <c r="BV35" s="25">
        <v>845</v>
      </c>
      <c r="BW35" s="25">
        <v>7535</v>
      </c>
      <c r="BX35" s="25">
        <v>0</v>
      </c>
      <c r="BY35" s="25">
        <v>4205</v>
      </c>
      <c r="BZ35" s="28">
        <v>12585</v>
      </c>
      <c r="CA35" s="29">
        <v>12585</v>
      </c>
      <c r="CB35" s="24">
        <v>0</v>
      </c>
      <c r="CC35" s="25">
        <v>0</v>
      </c>
      <c r="CD35" s="26">
        <v>0</v>
      </c>
      <c r="CE35" s="27">
        <v>0</v>
      </c>
      <c r="CF35" s="25">
        <v>0</v>
      </c>
      <c r="CG35" s="25">
        <v>4395</v>
      </c>
      <c r="CH35" s="25">
        <v>0</v>
      </c>
      <c r="CI35" s="25">
        <v>0</v>
      </c>
      <c r="CJ35" s="25">
        <v>0</v>
      </c>
      <c r="CK35" s="28">
        <v>4395</v>
      </c>
      <c r="CL35" s="29">
        <v>4395</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0</v>
      </c>
      <c r="DK35" s="26">
        <v>0</v>
      </c>
      <c r="DL35" s="27">
        <v>0</v>
      </c>
      <c r="DM35" s="25">
        <v>26280</v>
      </c>
      <c r="DN35" s="25">
        <v>3674</v>
      </c>
      <c r="DO35" s="25">
        <v>212479</v>
      </c>
      <c r="DP35" s="25">
        <v>494409</v>
      </c>
      <c r="DQ35" s="25">
        <v>260461</v>
      </c>
      <c r="DR35" s="28">
        <v>997303</v>
      </c>
      <c r="DS35" s="30">
        <v>997303</v>
      </c>
      <c r="DT35" s="24">
        <v>0</v>
      </c>
      <c r="DU35" s="25">
        <v>0</v>
      </c>
      <c r="DV35" s="26">
        <v>0</v>
      </c>
      <c r="DW35" s="404">
        <v>0</v>
      </c>
      <c r="DX35" s="25">
        <v>25650</v>
      </c>
      <c r="DY35" s="25">
        <v>0</v>
      </c>
      <c r="DZ35" s="25">
        <v>43650</v>
      </c>
      <c r="EA35" s="25">
        <v>385320</v>
      </c>
      <c r="EB35" s="25">
        <v>214176</v>
      </c>
      <c r="EC35" s="28">
        <v>668796</v>
      </c>
      <c r="ED35" s="29">
        <v>668796</v>
      </c>
      <c r="EE35" s="24">
        <v>0</v>
      </c>
      <c r="EF35" s="25">
        <v>0</v>
      </c>
      <c r="EG35" s="26">
        <v>0</v>
      </c>
      <c r="EH35" s="404">
        <v>0</v>
      </c>
      <c r="EI35" s="25">
        <v>630</v>
      </c>
      <c r="EJ35" s="25">
        <v>726</v>
      </c>
      <c r="EK35" s="25">
        <v>11520</v>
      </c>
      <c r="EL35" s="25">
        <v>46830</v>
      </c>
      <c r="EM35" s="25">
        <v>420</v>
      </c>
      <c r="EN35" s="28">
        <v>60126</v>
      </c>
      <c r="EO35" s="29">
        <v>60126</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0</v>
      </c>
      <c r="FJ35" s="28">
        <v>210</v>
      </c>
      <c r="FK35" s="29">
        <v>210</v>
      </c>
      <c r="FL35" s="24">
        <v>0</v>
      </c>
      <c r="FM35" s="25">
        <v>0</v>
      </c>
      <c r="FN35" s="26">
        <v>0</v>
      </c>
      <c r="FO35" s="404">
        <v>0</v>
      </c>
      <c r="FP35" s="25">
        <v>0</v>
      </c>
      <c r="FQ35" s="25">
        <v>0</v>
      </c>
      <c r="FR35" s="25">
        <v>145650</v>
      </c>
      <c r="FS35" s="25">
        <v>62259</v>
      </c>
      <c r="FT35" s="25">
        <v>31590</v>
      </c>
      <c r="FU35" s="28">
        <v>239499</v>
      </c>
      <c r="FV35" s="29">
        <v>239499</v>
      </c>
      <c r="FW35" s="24">
        <v>0</v>
      </c>
      <c r="FX35" s="25">
        <v>0</v>
      </c>
      <c r="FY35" s="26">
        <v>0</v>
      </c>
      <c r="FZ35" s="27">
        <v>0</v>
      </c>
      <c r="GA35" s="25">
        <v>0</v>
      </c>
      <c r="GB35" s="25">
        <v>751</v>
      </c>
      <c r="GC35" s="25">
        <v>11659</v>
      </c>
      <c r="GD35" s="25">
        <v>0</v>
      </c>
      <c r="GE35" s="25">
        <v>14065</v>
      </c>
      <c r="GF35" s="28">
        <v>26475</v>
      </c>
      <c r="GG35" s="29">
        <v>26475</v>
      </c>
      <c r="GH35" s="24">
        <v>0</v>
      </c>
      <c r="GI35" s="25">
        <v>0</v>
      </c>
      <c r="GJ35" s="26">
        <v>0</v>
      </c>
      <c r="GK35" s="27">
        <v>0</v>
      </c>
      <c r="GL35" s="25">
        <v>0</v>
      </c>
      <c r="GM35" s="25">
        <v>2197</v>
      </c>
      <c r="GN35" s="25">
        <v>0</v>
      </c>
      <c r="GO35" s="25">
        <v>0</v>
      </c>
      <c r="GP35" s="25">
        <v>0</v>
      </c>
      <c r="GQ35" s="28">
        <v>2197</v>
      </c>
      <c r="GR35" s="29">
        <v>2197</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0</v>
      </c>
      <c r="HQ35" s="26">
        <v>0</v>
      </c>
      <c r="HR35" s="27">
        <v>0</v>
      </c>
      <c r="HS35" s="25">
        <v>97380</v>
      </c>
      <c r="HT35" s="25">
        <v>100459</v>
      </c>
      <c r="HU35" s="25">
        <v>460796</v>
      </c>
      <c r="HV35" s="25">
        <v>972489</v>
      </c>
      <c r="HW35" s="25">
        <v>540901</v>
      </c>
      <c r="HX35" s="28">
        <v>2172025</v>
      </c>
      <c r="HY35" s="29">
        <v>2172025</v>
      </c>
    </row>
    <row r="36" spans="2:233" ht="21" customHeight="1" x14ac:dyDescent="0.2">
      <c r="B36" s="106" t="s">
        <v>33</v>
      </c>
      <c r="C36" s="24">
        <v>0</v>
      </c>
      <c r="D36" s="25">
        <v>0</v>
      </c>
      <c r="E36" s="26">
        <v>0</v>
      </c>
      <c r="F36" s="27">
        <v>0</v>
      </c>
      <c r="G36" s="25">
        <v>75165</v>
      </c>
      <c r="H36" s="25">
        <v>226095</v>
      </c>
      <c r="I36" s="25">
        <v>466795</v>
      </c>
      <c r="J36" s="25">
        <v>652665</v>
      </c>
      <c r="K36" s="25">
        <v>189495</v>
      </c>
      <c r="L36" s="28">
        <v>1610215</v>
      </c>
      <c r="M36" s="29">
        <v>1610215</v>
      </c>
      <c r="N36" s="24">
        <v>0</v>
      </c>
      <c r="O36" s="25">
        <v>0</v>
      </c>
      <c r="P36" s="26">
        <v>0</v>
      </c>
      <c r="Q36" s="404">
        <v>0</v>
      </c>
      <c r="R36" s="25">
        <v>0</v>
      </c>
      <c r="S36" s="25">
        <v>58050</v>
      </c>
      <c r="T36" s="25">
        <v>292790</v>
      </c>
      <c r="U36" s="25">
        <v>374280</v>
      </c>
      <c r="V36" s="25">
        <v>184650</v>
      </c>
      <c r="W36" s="28">
        <v>909770</v>
      </c>
      <c r="X36" s="29">
        <v>909770</v>
      </c>
      <c r="Y36" s="24">
        <v>0</v>
      </c>
      <c r="Z36" s="25">
        <v>0</v>
      </c>
      <c r="AA36" s="26">
        <v>0</v>
      </c>
      <c r="AB36" s="404">
        <v>0</v>
      </c>
      <c r="AC36" s="25">
        <v>36750</v>
      </c>
      <c r="AD36" s="25">
        <v>60750</v>
      </c>
      <c r="AE36" s="25">
        <v>72265</v>
      </c>
      <c r="AF36" s="25">
        <v>221315</v>
      </c>
      <c r="AG36" s="25">
        <v>4845</v>
      </c>
      <c r="AH36" s="28">
        <v>395925</v>
      </c>
      <c r="AI36" s="29">
        <v>395925</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34350</v>
      </c>
      <c r="AZ36" s="25">
        <v>72840</v>
      </c>
      <c r="BA36" s="25">
        <v>38915</v>
      </c>
      <c r="BB36" s="25">
        <v>34350</v>
      </c>
      <c r="BC36" s="25">
        <v>0</v>
      </c>
      <c r="BD36" s="28">
        <v>180455</v>
      </c>
      <c r="BE36" s="29">
        <v>180455</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1370</v>
      </c>
      <c r="BV36" s="25">
        <v>33530</v>
      </c>
      <c r="BW36" s="25">
        <v>62825</v>
      </c>
      <c r="BX36" s="25">
        <v>22720</v>
      </c>
      <c r="BY36" s="25">
        <v>0</v>
      </c>
      <c r="BZ36" s="28">
        <v>120445</v>
      </c>
      <c r="CA36" s="29">
        <v>120445</v>
      </c>
      <c r="CB36" s="24">
        <v>0</v>
      </c>
      <c r="CC36" s="25">
        <v>0</v>
      </c>
      <c r="CD36" s="26">
        <v>0</v>
      </c>
      <c r="CE36" s="27">
        <v>0</v>
      </c>
      <c r="CF36" s="25">
        <v>2695</v>
      </c>
      <c r="CG36" s="25">
        <v>925</v>
      </c>
      <c r="CH36" s="25">
        <v>0</v>
      </c>
      <c r="CI36" s="25">
        <v>0</v>
      </c>
      <c r="CJ36" s="25">
        <v>0</v>
      </c>
      <c r="CK36" s="28">
        <v>3620</v>
      </c>
      <c r="CL36" s="29">
        <v>362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15527</v>
      </c>
      <c r="DN36" s="25">
        <v>99442</v>
      </c>
      <c r="DO36" s="25">
        <v>447749</v>
      </c>
      <c r="DP36" s="25">
        <v>456053</v>
      </c>
      <c r="DQ36" s="25">
        <v>156766</v>
      </c>
      <c r="DR36" s="28">
        <v>1175537</v>
      </c>
      <c r="DS36" s="30">
        <v>1175537</v>
      </c>
      <c r="DT36" s="24">
        <v>0</v>
      </c>
      <c r="DU36" s="25">
        <v>0</v>
      </c>
      <c r="DV36" s="26">
        <v>0</v>
      </c>
      <c r="DW36" s="404">
        <v>0</v>
      </c>
      <c r="DX36" s="25">
        <v>0</v>
      </c>
      <c r="DY36" s="25">
        <v>49980</v>
      </c>
      <c r="DZ36" s="25">
        <v>354065</v>
      </c>
      <c r="EA36" s="25">
        <v>400586</v>
      </c>
      <c r="EB36" s="25">
        <v>156360</v>
      </c>
      <c r="EC36" s="28">
        <v>960991</v>
      </c>
      <c r="ED36" s="29">
        <v>960991</v>
      </c>
      <c r="EE36" s="24">
        <v>0</v>
      </c>
      <c r="EF36" s="25">
        <v>0</v>
      </c>
      <c r="EG36" s="26">
        <v>0</v>
      </c>
      <c r="EH36" s="404">
        <v>0</v>
      </c>
      <c r="EI36" s="25">
        <v>630</v>
      </c>
      <c r="EJ36" s="25">
        <v>11730</v>
      </c>
      <c r="EK36" s="25">
        <v>20654</v>
      </c>
      <c r="EL36" s="25">
        <v>23880</v>
      </c>
      <c r="EM36" s="25">
        <v>406</v>
      </c>
      <c r="EN36" s="28">
        <v>57300</v>
      </c>
      <c r="EO36" s="29">
        <v>57300</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11310</v>
      </c>
      <c r="FF36" s="25">
        <v>12031</v>
      </c>
      <c r="FG36" s="25">
        <v>840</v>
      </c>
      <c r="FH36" s="25">
        <v>11310</v>
      </c>
      <c r="FI36" s="25">
        <v>0</v>
      </c>
      <c r="FJ36" s="28">
        <v>35491</v>
      </c>
      <c r="FK36" s="29">
        <v>35491</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3510</v>
      </c>
      <c r="GB36" s="25">
        <v>25680</v>
      </c>
      <c r="GC36" s="25">
        <v>72190</v>
      </c>
      <c r="GD36" s="25">
        <v>20277</v>
      </c>
      <c r="GE36" s="25">
        <v>0</v>
      </c>
      <c r="GF36" s="28">
        <v>121657</v>
      </c>
      <c r="GG36" s="29">
        <v>121657</v>
      </c>
      <c r="GH36" s="24">
        <v>0</v>
      </c>
      <c r="GI36" s="25">
        <v>0</v>
      </c>
      <c r="GJ36" s="26">
        <v>0</v>
      </c>
      <c r="GK36" s="27">
        <v>0</v>
      </c>
      <c r="GL36" s="25">
        <v>77</v>
      </c>
      <c r="GM36" s="25">
        <v>21</v>
      </c>
      <c r="GN36" s="25">
        <v>0</v>
      </c>
      <c r="GO36" s="25">
        <v>0</v>
      </c>
      <c r="GP36" s="25">
        <v>0</v>
      </c>
      <c r="GQ36" s="28">
        <v>98</v>
      </c>
      <c r="GR36" s="29">
        <v>98</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90692</v>
      </c>
      <c r="HT36" s="25">
        <v>325537</v>
      </c>
      <c r="HU36" s="25">
        <v>914544</v>
      </c>
      <c r="HV36" s="25">
        <v>1108718</v>
      </c>
      <c r="HW36" s="25">
        <v>346261</v>
      </c>
      <c r="HX36" s="28">
        <v>2785752</v>
      </c>
      <c r="HY36" s="29">
        <v>2785752</v>
      </c>
    </row>
    <row r="37" spans="2:233" ht="21" customHeight="1" x14ac:dyDescent="0.2">
      <c r="B37" s="106" t="s">
        <v>34</v>
      </c>
      <c r="C37" s="24">
        <v>0</v>
      </c>
      <c r="D37" s="25">
        <v>0</v>
      </c>
      <c r="E37" s="26">
        <v>0</v>
      </c>
      <c r="F37" s="27">
        <v>0</v>
      </c>
      <c r="G37" s="25">
        <v>32505</v>
      </c>
      <c r="H37" s="25">
        <v>104645</v>
      </c>
      <c r="I37" s="25">
        <v>71514</v>
      </c>
      <c r="J37" s="25">
        <v>238125</v>
      </c>
      <c r="K37" s="25">
        <v>128120</v>
      </c>
      <c r="L37" s="28">
        <v>574909</v>
      </c>
      <c r="M37" s="29">
        <v>574909</v>
      </c>
      <c r="N37" s="24">
        <v>0</v>
      </c>
      <c r="O37" s="25">
        <v>0</v>
      </c>
      <c r="P37" s="26">
        <v>0</v>
      </c>
      <c r="Q37" s="404">
        <v>0</v>
      </c>
      <c r="R37" s="25">
        <v>85</v>
      </c>
      <c r="S37" s="25">
        <v>0</v>
      </c>
      <c r="T37" s="25">
        <v>31500</v>
      </c>
      <c r="U37" s="25">
        <v>226790</v>
      </c>
      <c r="V37" s="25">
        <v>89700</v>
      </c>
      <c r="W37" s="28">
        <v>348075</v>
      </c>
      <c r="X37" s="29">
        <v>348075</v>
      </c>
      <c r="Y37" s="24">
        <v>0</v>
      </c>
      <c r="Z37" s="25">
        <v>0</v>
      </c>
      <c r="AA37" s="26">
        <v>0</v>
      </c>
      <c r="AB37" s="404">
        <v>0</v>
      </c>
      <c r="AC37" s="25">
        <v>30735</v>
      </c>
      <c r="AD37" s="25">
        <v>101455</v>
      </c>
      <c r="AE37" s="25">
        <v>36900</v>
      </c>
      <c r="AF37" s="25">
        <v>5100</v>
      </c>
      <c r="AG37" s="25">
        <v>6770</v>
      </c>
      <c r="AH37" s="28">
        <v>180960</v>
      </c>
      <c r="AI37" s="29">
        <v>180960</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1650</v>
      </c>
      <c r="BD37" s="28">
        <v>31650</v>
      </c>
      <c r="BE37" s="29">
        <v>31650</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1685</v>
      </c>
      <c r="BV37" s="25">
        <v>1305</v>
      </c>
      <c r="BW37" s="25">
        <v>3114</v>
      </c>
      <c r="BX37" s="25">
        <v>6235</v>
      </c>
      <c r="BY37" s="25">
        <v>0</v>
      </c>
      <c r="BZ37" s="28">
        <v>12339</v>
      </c>
      <c r="CA37" s="29">
        <v>12339</v>
      </c>
      <c r="CB37" s="24">
        <v>0</v>
      </c>
      <c r="CC37" s="25">
        <v>0</v>
      </c>
      <c r="CD37" s="26">
        <v>0</v>
      </c>
      <c r="CE37" s="27">
        <v>0</v>
      </c>
      <c r="CF37" s="25">
        <v>0</v>
      </c>
      <c r="CG37" s="25">
        <v>1885</v>
      </c>
      <c r="CH37" s="25">
        <v>0</v>
      </c>
      <c r="CI37" s="25">
        <v>0</v>
      </c>
      <c r="CJ37" s="25">
        <v>0</v>
      </c>
      <c r="CK37" s="28">
        <v>1885</v>
      </c>
      <c r="CL37" s="29">
        <v>1885</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10703</v>
      </c>
      <c r="DN37" s="25">
        <v>6229</v>
      </c>
      <c r="DO37" s="25">
        <v>87104</v>
      </c>
      <c r="DP37" s="25">
        <v>357297</v>
      </c>
      <c r="DQ37" s="25">
        <v>58648</v>
      </c>
      <c r="DR37" s="28">
        <v>519981</v>
      </c>
      <c r="DS37" s="30">
        <v>519981</v>
      </c>
      <c r="DT37" s="24">
        <v>0</v>
      </c>
      <c r="DU37" s="25">
        <v>0</v>
      </c>
      <c r="DV37" s="26">
        <v>0</v>
      </c>
      <c r="DW37" s="404">
        <v>0</v>
      </c>
      <c r="DX37" s="25">
        <v>485</v>
      </c>
      <c r="DY37" s="25">
        <v>0</v>
      </c>
      <c r="DZ37" s="25">
        <v>70860</v>
      </c>
      <c r="EA37" s="25">
        <v>330073</v>
      </c>
      <c r="EB37" s="25">
        <v>58200</v>
      </c>
      <c r="EC37" s="28">
        <v>459618</v>
      </c>
      <c r="ED37" s="29">
        <v>459618</v>
      </c>
      <c r="EE37" s="24">
        <v>0</v>
      </c>
      <c r="EF37" s="25">
        <v>0</v>
      </c>
      <c r="EG37" s="26">
        <v>0</v>
      </c>
      <c r="EH37" s="404">
        <v>0</v>
      </c>
      <c r="EI37" s="25">
        <v>6660</v>
      </c>
      <c r="EJ37" s="25">
        <v>1281</v>
      </c>
      <c r="EK37" s="25">
        <v>11520</v>
      </c>
      <c r="EL37" s="25">
        <v>420</v>
      </c>
      <c r="EM37" s="25">
        <v>238</v>
      </c>
      <c r="EN37" s="28">
        <v>20119</v>
      </c>
      <c r="EO37" s="29">
        <v>20119</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0</v>
      </c>
      <c r="FJ37" s="28">
        <v>210</v>
      </c>
      <c r="FK37" s="29">
        <v>210</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3558</v>
      </c>
      <c r="GB37" s="25">
        <v>4850</v>
      </c>
      <c r="GC37" s="25">
        <v>4724</v>
      </c>
      <c r="GD37" s="25">
        <v>26804</v>
      </c>
      <c r="GE37" s="25">
        <v>0</v>
      </c>
      <c r="GF37" s="28">
        <v>39936</v>
      </c>
      <c r="GG37" s="29">
        <v>39936</v>
      </c>
      <c r="GH37" s="24">
        <v>0</v>
      </c>
      <c r="GI37" s="25">
        <v>0</v>
      </c>
      <c r="GJ37" s="26">
        <v>0</v>
      </c>
      <c r="GK37" s="27">
        <v>0</v>
      </c>
      <c r="GL37" s="25">
        <v>0</v>
      </c>
      <c r="GM37" s="25">
        <v>98</v>
      </c>
      <c r="GN37" s="25">
        <v>0</v>
      </c>
      <c r="GO37" s="25">
        <v>0</v>
      </c>
      <c r="GP37" s="25">
        <v>0</v>
      </c>
      <c r="GQ37" s="28">
        <v>98</v>
      </c>
      <c r="GR37" s="29">
        <v>98</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43208</v>
      </c>
      <c r="HT37" s="25">
        <v>110874</v>
      </c>
      <c r="HU37" s="25">
        <v>158618</v>
      </c>
      <c r="HV37" s="25">
        <v>595422</v>
      </c>
      <c r="HW37" s="25">
        <v>186768</v>
      </c>
      <c r="HX37" s="28">
        <v>1094890</v>
      </c>
      <c r="HY37" s="29">
        <v>1094890</v>
      </c>
    </row>
    <row r="38" spans="2:233" ht="21" customHeight="1" x14ac:dyDescent="0.2">
      <c r="B38" s="106" t="s">
        <v>35</v>
      </c>
      <c r="C38" s="24">
        <v>0</v>
      </c>
      <c r="D38" s="25">
        <v>0</v>
      </c>
      <c r="E38" s="26">
        <v>0</v>
      </c>
      <c r="F38" s="27">
        <v>0</v>
      </c>
      <c r="G38" s="25">
        <v>81317</v>
      </c>
      <c r="H38" s="25">
        <v>438240</v>
      </c>
      <c r="I38" s="25">
        <v>838467</v>
      </c>
      <c r="J38" s="25">
        <v>608538</v>
      </c>
      <c r="K38" s="25">
        <v>339945</v>
      </c>
      <c r="L38" s="28">
        <v>2306507</v>
      </c>
      <c r="M38" s="29">
        <v>2306507</v>
      </c>
      <c r="N38" s="24">
        <v>0</v>
      </c>
      <c r="O38" s="25">
        <v>0</v>
      </c>
      <c r="P38" s="26">
        <v>0</v>
      </c>
      <c r="Q38" s="404">
        <v>0</v>
      </c>
      <c r="R38" s="25">
        <v>2550</v>
      </c>
      <c r="S38" s="25">
        <v>23850</v>
      </c>
      <c r="T38" s="25">
        <v>348575</v>
      </c>
      <c r="U38" s="25">
        <v>412360</v>
      </c>
      <c r="V38" s="25">
        <v>208560</v>
      </c>
      <c r="W38" s="28">
        <v>995895</v>
      </c>
      <c r="X38" s="29">
        <v>995895</v>
      </c>
      <c r="Y38" s="24">
        <v>0</v>
      </c>
      <c r="Z38" s="25">
        <v>0</v>
      </c>
      <c r="AA38" s="26">
        <v>0</v>
      </c>
      <c r="AB38" s="404">
        <v>0</v>
      </c>
      <c r="AC38" s="25">
        <v>65870</v>
      </c>
      <c r="AD38" s="25">
        <v>382015</v>
      </c>
      <c r="AE38" s="25">
        <v>323385</v>
      </c>
      <c r="AF38" s="25">
        <v>123815</v>
      </c>
      <c r="AG38" s="25">
        <v>34200</v>
      </c>
      <c r="AH38" s="28">
        <v>929285</v>
      </c>
      <c r="AI38" s="29">
        <v>92928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31650</v>
      </c>
      <c r="BA38" s="25">
        <v>103050</v>
      </c>
      <c r="BB38" s="25">
        <v>34350</v>
      </c>
      <c r="BC38" s="25">
        <v>97185</v>
      </c>
      <c r="BD38" s="28">
        <v>266235</v>
      </c>
      <c r="BE38" s="29">
        <v>266235</v>
      </c>
      <c r="BF38" s="24">
        <v>0</v>
      </c>
      <c r="BG38" s="25">
        <v>0</v>
      </c>
      <c r="BH38" s="26">
        <v>0</v>
      </c>
      <c r="BI38" s="404">
        <v>0</v>
      </c>
      <c r="BJ38" s="25">
        <v>0</v>
      </c>
      <c r="BK38" s="25">
        <v>0</v>
      </c>
      <c r="BL38" s="25">
        <v>0</v>
      </c>
      <c r="BM38" s="25">
        <v>0</v>
      </c>
      <c r="BN38" s="25">
        <v>0</v>
      </c>
      <c r="BO38" s="28">
        <v>0</v>
      </c>
      <c r="BP38" s="29">
        <v>0</v>
      </c>
      <c r="BQ38" s="24">
        <v>0</v>
      </c>
      <c r="BR38" s="25">
        <v>0</v>
      </c>
      <c r="BS38" s="26">
        <v>0</v>
      </c>
      <c r="BT38" s="27">
        <v>0</v>
      </c>
      <c r="BU38" s="25">
        <v>11882</v>
      </c>
      <c r="BV38" s="25">
        <v>725</v>
      </c>
      <c r="BW38" s="25">
        <v>62207</v>
      </c>
      <c r="BX38" s="25">
        <v>37288</v>
      </c>
      <c r="BY38" s="25">
        <v>0</v>
      </c>
      <c r="BZ38" s="28">
        <v>112102</v>
      </c>
      <c r="CA38" s="29">
        <v>112102</v>
      </c>
      <c r="CB38" s="24">
        <v>0</v>
      </c>
      <c r="CC38" s="25">
        <v>0</v>
      </c>
      <c r="CD38" s="26">
        <v>0</v>
      </c>
      <c r="CE38" s="27">
        <v>0</v>
      </c>
      <c r="CF38" s="25">
        <v>1015</v>
      </c>
      <c r="CG38" s="25">
        <v>0</v>
      </c>
      <c r="CH38" s="25">
        <v>1250</v>
      </c>
      <c r="CI38" s="25">
        <v>725</v>
      </c>
      <c r="CJ38" s="25">
        <v>0</v>
      </c>
      <c r="CK38" s="28">
        <v>2990</v>
      </c>
      <c r="CL38" s="29">
        <v>2990</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0</v>
      </c>
      <c r="DJ38" s="25">
        <v>0</v>
      </c>
      <c r="DK38" s="26">
        <v>0</v>
      </c>
      <c r="DL38" s="27">
        <v>0</v>
      </c>
      <c r="DM38" s="25">
        <v>54958</v>
      </c>
      <c r="DN38" s="25">
        <v>44771</v>
      </c>
      <c r="DO38" s="25">
        <v>462872</v>
      </c>
      <c r="DP38" s="25">
        <v>537806</v>
      </c>
      <c r="DQ38" s="25">
        <v>283539</v>
      </c>
      <c r="DR38" s="28">
        <v>1383946</v>
      </c>
      <c r="DS38" s="30">
        <v>1383946</v>
      </c>
      <c r="DT38" s="24">
        <v>0</v>
      </c>
      <c r="DU38" s="25">
        <v>0</v>
      </c>
      <c r="DV38" s="26">
        <v>0</v>
      </c>
      <c r="DW38" s="404">
        <v>0</v>
      </c>
      <c r="DX38" s="25">
        <v>14550</v>
      </c>
      <c r="DY38" s="25">
        <v>20880</v>
      </c>
      <c r="DZ38" s="25">
        <v>346072</v>
      </c>
      <c r="EA38" s="25">
        <v>485930</v>
      </c>
      <c r="EB38" s="25">
        <v>225180</v>
      </c>
      <c r="EC38" s="28">
        <v>1092612</v>
      </c>
      <c r="ED38" s="29">
        <v>1092612</v>
      </c>
      <c r="EE38" s="24">
        <v>0</v>
      </c>
      <c r="EF38" s="25">
        <v>0</v>
      </c>
      <c r="EG38" s="26">
        <v>0</v>
      </c>
      <c r="EH38" s="404">
        <v>0</v>
      </c>
      <c r="EI38" s="25">
        <v>22138</v>
      </c>
      <c r="EJ38" s="25">
        <v>14296</v>
      </c>
      <c r="EK38" s="25">
        <v>3059</v>
      </c>
      <c r="EL38" s="25">
        <v>1267</v>
      </c>
      <c r="EM38" s="25">
        <v>35550</v>
      </c>
      <c r="EN38" s="28">
        <v>76310</v>
      </c>
      <c r="EO38" s="29">
        <v>76310</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210</v>
      </c>
      <c r="FG38" s="25">
        <v>33930</v>
      </c>
      <c r="FH38" s="25">
        <v>11310</v>
      </c>
      <c r="FI38" s="25">
        <v>22809</v>
      </c>
      <c r="FJ38" s="28">
        <v>68259</v>
      </c>
      <c r="FK38" s="29">
        <v>68259</v>
      </c>
      <c r="FL38" s="24">
        <v>0</v>
      </c>
      <c r="FM38" s="25">
        <v>0</v>
      </c>
      <c r="FN38" s="26">
        <v>0</v>
      </c>
      <c r="FO38" s="404">
        <v>0</v>
      </c>
      <c r="FP38" s="25">
        <v>0</v>
      </c>
      <c r="FQ38" s="25">
        <v>0</v>
      </c>
      <c r="FR38" s="25">
        <v>0</v>
      </c>
      <c r="FS38" s="25">
        <v>0</v>
      </c>
      <c r="FT38" s="25">
        <v>0</v>
      </c>
      <c r="FU38" s="28">
        <v>0</v>
      </c>
      <c r="FV38" s="29">
        <v>0</v>
      </c>
      <c r="FW38" s="24">
        <v>0</v>
      </c>
      <c r="FX38" s="25">
        <v>0</v>
      </c>
      <c r="FY38" s="26">
        <v>0</v>
      </c>
      <c r="FZ38" s="27">
        <v>0</v>
      </c>
      <c r="GA38" s="25">
        <v>18200</v>
      </c>
      <c r="GB38" s="25">
        <v>9385</v>
      </c>
      <c r="GC38" s="25">
        <v>79783</v>
      </c>
      <c r="GD38" s="25">
        <v>39236</v>
      </c>
      <c r="GE38" s="25">
        <v>0</v>
      </c>
      <c r="GF38" s="28">
        <v>146604</v>
      </c>
      <c r="GG38" s="29">
        <v>146604</v>
      </c>
      <c r="GH38" s="24">
        <v>0</v>
      </c>
      <c r="GI38" s="25">
        <v>0</v>
      </c>
      <c r="GJ38" s="26">
        <v>0</v>
      </c>
      <c r="GK38" s="27">
        <v>0</v>
      </c>
      <c r="GL38" s="25">
        <v>70</v>
      </c>
      <c r="GM38" s="25">
        <v>0</v>
      </c>
      <c r="GN38" s="25">
        <v>28</v>
      </c>
      <c r="GO38" s="25">
        <v>63</v>
      </c>
      <c r="GP38" s="25">
        <v>0</v>
      </c>
      <c r="GQ38" s="28">
        <v>161</v>
      </c>
      <c r="GR38" s="29">
        <v>161</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0</v>
      </c>
      <c r="HP38" s="25">
        <v>0</v>
      </c>
      <c r="HQ38" s="26">
        <v>0</v>
      </c>
      <c r="HR38" s="27">
        <v>0</v>
      </c>
      <c r="HS38" s="25">
        <v>136275</v>
      </c>
      <c r="HT38" s="25">
        <v>483011</v>
      </c>
      <c r="HU38" s="25">
        <v>1301339</v>
      </c>
      <c r="HV38" s="25">
        <v>1146344</v>
      </c>
      <c r="HW38" s="25">
        <v>623484</v>
      </c>
      <c r="HX38" s="28">
        <v>3690453</v>
      </c>
      <c r="HY38" s="29">
        <v>3690453</v>
      </c>
    </row>
    <row r="39" spans="2:233" ht="21" customHeight="1" x14ac:dyDescent="0.2">
      <c r="B39" s="106" t="s">
        <v>36</v>
      </c>
      <c r="C39" s="24">
        <v>0</v>
      </c>
      <c r="D39" s="25">
        <v>0</v>
      </c>
      <c r="E39" s="26">
        <v>0</v>
      </c>
      <c r="F39" s="27">
        <v>0</v>
      </c>
      <c r="G39" s="25">
        <v>58665</v>
      </c>
      <c r="H39" s="25">
        <v>185734</v>
      </c>
      <c r="I39" s="25">
        <v>773827</v>
      </c>
      <c r="J39" s="25">
        <v>1179700</v>
      </c>
      <c r="K39" s="25">
        <v>533930</v>
      </c>
      <c r="L39" s="28">
        <v>2731856</v>
      </c>
      <c r="M39" s="29">
        <v>2731856</v>
      </c>
      <c r="N39" s="24">
        <v>0</v>
      </c>
      <c r="O39" s="25">
        <v>0</v>
      </c>
      <c r="P39" s="26">
        <v>0</v>
      </c>
      <c r="Q39" s="404">
        <v>0</v>
      </c>
      <c r="R39" s="25">
        <v>0</v>
      </c>
      <c r="S39" s="25">
        <v>89850</v>
      </c>
      <c r="T39" s="25">
        <v>467352</v>
      </c>
      <c r="U39" s="25">
        <v>808655</v>
      </c>
      <c r="V39" s="25">
        <v>381320</v>
      </c>
      <c r="W39" s="28">
        <v>1747177</v>
      </c>
      <c r="X39" s="29">
        <v>1747177</v>
      </c>
      <c r="Y39" s="24">
        <v>0</v>
      </c>
      <c r="Z39" s="25">
        <v>0</v>
      </c>
      <c r="AA39" s="26">
        <v>0</v>
      </c>
      <c r="AB39" s="404">
        <v>0</v>
      </c>
      <c r="AC39" s="25">
        <v>46950</v>
      </c>
      <c r="AD39" s="25">
        <v>61415</v>
      </c>
      <c r="AE39" s="25">
        <v>271690</v>
      </c>
      <c r="AF39" s="25">
        <v>262652</v>
      </c>
      <c r="AG39" s="25">
        <v>103840</v>
      </c>
      <c r="AH39" s="28">
        <v>746547</v>
      </c>
      <c r="AI39" s="29">
        <v>746547</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97500</v>
      </c>
      <c r="BC39" s="25">
        <v>4930</v>
      </c>
      <c r="BD39" s="28">
        <v>102430</v>
      </c>
      <c r="BE39" s="29">
        <v>102430</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7625</v>
      </c>
      <c r="BV39" s="25">
        <v>34469</v>
      </c>
      <c r="BW39" s="25">
        <v>34785</v>
      </c>
      <c r="BX39" s="25">
        <v>9878</v>
      </c>
      <c r="BY39" s="25">
        <v>43840</v>
      </c>
      <c r="BZ39" s="28">
        <v>130597</v>
      </c>
      <c r="CA39" s="29">
        <v>130597</v>
      </c>
      <c r="CB39" s="24">
        <v>0</v>
      </c>
      <c r="CC39" s="25">
        <v>0</v>
      </c>
      <c r="CD39" s="26">
        <v>0</v>
      </c>
      <c r="CE39" s="27">
        <v>0</v>
      </c>
      <c r="CF39" s="25">
        <v>4090</v>
      </c>
      <c r="CG39" s="25">
        <v>0</v>
      </c>
      <c r="CH39" s="25">
        <v>0</v>
      </c>
      <c r="CI39" s="25">
        <v>1015</v>
      </c>
      <c r="CJ39" s="25">
        <v>0</v>
      </c>
      <c r="CK39" s="28">
        <v>5105</v>
      </c>
      <c r="CL39" s="29">
        <v>5105</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7490</v>
      </c>
      <c r="DN39" s="25">
        <v>104866</v>
      </c>
      <c r="DO39" s="25">
        <v>704980</v>
      </c>
      <c r="DP39" s="25">
        <v>1046902</v>
      </c>
      <c r="DQ39" s="25">
        <v>618721</v>
      </c>
      <c r="DR39" s="28">
        <v>2482959</v>
      </c>
      <c r="DS39" s="30">
        <v>2482959</v>
      </c>
      <c r="DT39" s="24">
        <v>0</v>
      </c>
      <c r="DU39" s="25">
        <v>0</v>
      </c>
      <c r="DV39" s="26">
        <v>0</v>
      </c>
      <c r="DW39" s="404">
        <v>0</v>
      </c>
      <c r="DX39" s="25">
        <v>0</v>
      </c>
      <c r="DY39" s="25">
        <v>61080</v>
      </c>
      <c r="DZ39" s="25">
        <v>674177</v>
      </c>
      <c r="EA39" s="25">
        <v>974677</v>
      </c>
      <c r="EB39" s="25">
        <v>539165</v>
      </c>
      <c r="EC39" s="28">
        <v>2249099</v>
      </c>
      <c r="ED39" s="29">
        <v>2249099</v>
      </c>
      <c r="EE39" s="24">
        <v>0</v>
      </c>
      <c r="EF39" s="25">
        <v>0</v>
      </c>
      <c r="EG39" s="26">
        <v>0</v>
      </c>
      <c r="EH39" s="404">
        <v>0</v>
      </c>
      <c r="EI39" s="25">
        <v>1470</v>
      </c>
      <c r="EJ39" s="25">
        <v>1554</v>
      </c>
      <c r="EK39" s="25">
        <v>3213</v>
      </c>
      <c r="EL39" s="25">
        <v>32307</v>
      </c>
      <c r="EM39" s="25">
        <v>22973</v>
      </c>
      <c r="EN39" s="28">
        <v>61517</v>
      </c>
      <c r="EO39" s="29">
        <v>61517</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2150</v>
      </c>
      <c r="FI39" s="25">
        <v>210</v>
      </c>
      <c r="FJ39" s="28">
        <v>12360</v>
      </c>
      <c r="FK39" s="29">
        <v>12360</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5985</v>
      </c>
      <c r="GB39" s="25">
        <v>42232</v>
      </c>
      <c r="GC39" s="25">
        <v>27590</v>
      </c>
      <c r="GD39" s="25">
        <v>27719</v>
      </c>
      <c r="GE39" s="25">
        <v>56373</v>
      </c>
      <c r="GF39" s="28">
        <v>159899</v>
      </c>
      <c r="GG39" s="29">
        <v>159899</v>
      </c>
      <c r="GH39" s="24">
        <v>0</v>
      </c>
      <c r="GI39" s="25">
        <v>0</v>
      </c>
      <c r="GJ39" s="26">
        <v>0</v>
      </c>
      <c r="GK39" s="27">
        <v>0</v>
      </c>
      <c r="GL39" s="25">
        <v>35</v>
      </c>
      <c r="GM39" s="25">
        <v>0</v>
      </c>
      <c r="GN39" s="25">
        <v>0</v>
      </c>
      <c r="GO39" s="25">
        <v>49</v>
      </c>
      <c r="GP39" s="25">
        <v>0</v>
      </c>
      <c r="GQ39" s="28">
        <v>84</v>
      </c>
      <c r="GR39" s="29">
        <v>84</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66155</v>
      </c>
      <c r="HT39" s="25">
        <v>290600</v>
      </c>
      <c r="HU39" s="25">
        <v>1478807</v>
      </c>
      <c r="HV39" s="25">
        <v>2226602</v>
      </c>
      <c r="HW39" s="25">
        <v>1152651</v>
      </c>
      <c r="HX39" s="28">
        <v>5214815</v>
      </c>
      <c r="HY39" s="29">
        <v>5214815</v>
      </c>
    </row>
    <row r="40" spans="2:233" ht="21" customHeight="1" thickBot="1" x14ac:dyDescent="0.25">
      <c r="B40" s="108" t="s">
        <v>37</v>
      </c>
      <c r="C40" s="31">
        <v>0</v>
      </c>
      <c r="D40" s="32">
        <v>0</v>
      </c>
      <c r="E40" s="33">
        <v>0</v>
      </c>
      <c r="F40" s="34">
        <v>0</v>
      </c>
      <c r="G40" s="32">
        <v>0</v>
      </c>
      <c r="H40" s="32">
        <v>2550</v>
      </c>
      <c r="I40" s="32">
        <v>102600</v>
      </c>
      <c r="J40" s="32">
        <v>85950</v>
      </c>
      <c r="K40" s="32">
        <v>94800</v>
      </c>
      <c r="L40" s="35">
        <v>285900</v>
      </c>
      <c r="M40" s="36">
        <v>285900</v>
      </c>
      <c r="N40" s="31">
        <v>0</v>
      </c>
      <c r="O40" s="32">
        <v>0</v>
      </c>
      <c r="P40" s="33">
        <v>0</v>
      </c>
      <c r="Q40" s="405">
        <v>0</v>
      </c>
      <c r="R40" s="32">
        <v>0</v>
      </c>
      <c r="S40" s="32">
        <v>0</v>
      </c>
      <c r="T40" s="32">
        <v>36750</v>
      </c>
      <c r="U40" s="32">
        <v>28950</v>
      </c>
      <c r="V40" s="32">
        <v>70950</v>
      </c>
      <c r="W40" s="35">
        <v>136650</v>
      </c>
      <c r="X40" s="36">
        <v>136650</v>
      </c>
      <c r="Y40" s="31">
        <v>0</v>
      </c>
      <c r="Z40" s="32">
        <v>0</v>
      </c>
      <c r="AA40" s="33">
        <v>0</v>
      </c>
      <c r="AB40" s="405">
        <v>0</v>
      </c>
      <c r="AC40" s="32">
        <v>0</v>
      </c>
      <c r="AD40" s="32">
        <v>2550</v>
      </c>
      <c r="AE40" s="32">
        <v>65850</v>
      </c>
      <c r="AF40" s="32">
        <v>31650</v>
      </c>
      <c r="AG40" s="32">
        <v>23850</v>
      </c>
      <c r="AH40" s="35">
        <v>123900</v>
      </c>
      <c r="AI40" s="36">
        <v>123900</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0</v>
      </c>
      <c r="BX40" s="32">
        <v>25350</v>
      </c>
      <c r="BY40" s="32">
        <v>0</v>
      </c>
      <c r="BZ40" s="35">
        <v>25350</v>
      </c>
      <c r="CA40" s="36">
        <v>25350</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210</v>
      </c>
      <c r="DO40" s="32">
        <v>56940</v>
      </c>
      <c r="DP40" s="32">
        <v>87225</v>
      </c>
      <c r="DQ40" s="32">
        <v>100320</v>
      </c>
      <c r="DR40" s="35">
        <v>244695</v>
      </c>
      <c r="DS40" s="37">
        <v>244695</v>
      </c>
      <c r="DT40" s="31">
        <v>0</v>
      </c>
      <c r="DU40" s="32">
        <v>0</v>
      </c>
      <c r="DV40" s="33">
        <v>0</v>
      </c>
      <c r="DW40" s="405">
        <v>0</v>
      </c>
      <c r="DX40" s="32">
        <v>0</v>
      </c>
      <c r="DY40" s="32">
        <v>0</v>
      </c>
      <c r="DZ40" s="32">
        <v>56310</v>
      </c>
      <c r="EA40" s="32">
        <v>49980</v>
      </c>
      <c r="EB40" s="32">
        <v>100110</v>
      </c>
      <c r="EC40" s="35">
        <v>206400</v>
      </c>
      <c r="ED40" s="36">
        <v>206400</v>
      </c>
      <c r="EE40" s="31">
        <v>0</v>
      </c>
      <c r="EF40" s="32">
        <v>0</v>
      </c>
      <c r="EG40" s="33">
        <v>0</v>
      </c>
      <c r="EH40" s="405">
        <v>0</v>
      </c>
      <c r="EI40" s="32">
        <v>0</v>
      </c>
      <c r="EJ40" s="32">
        <v>210</v>
      </c>
      <c r="EK40" s="32">
        <v>630</v>
      </c>
      <c r="EL40" s="32">
        <v>210</v>
      </c>
      <c r="EM40" s="32">
        <v>210</v>
      </c>
      <c r="EN40" s="35">
        <v>1260</v>
      </c>
      <c r="EO40" s="36">
        <v>1260</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0</v>
      </c>
      <c r="GD40" s="32">
        <v>37035</v>
      </c>
      <c r="GE40" s="32">
        <v>0</v>
      </c>
      <c r="GF40" s="35">
        <v>37035</v>
      </c>
      <c r="GG40" s="36">
        <v>37035</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2760</v>
      </c>
      <c r="HU40" s="32">
        <v>159540</v>
      </c>
      <c r="HV40" s="32">
        <v>173175</v>
      </c>
      <c r="HW40" s="32">
        <v>195120</v>
      </c>
      <c r="HX40" s="35">
        <v>530595</v>
      </c>
      <c r="HY40" s="36">
        <v>530595</v>
      </c>
    </row>
    <row r="41" spans="2:233" x14ac:dyDescent="0.2">
      <c r="B41" s="7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8</v>
      </c>
      <c r="I1" s="440">
        <f>H1</f>
        <v>8</v>
      </c>
      <c r="J1" s="440"/>
    </row>
    <row r="2" spans="2:299" ht="24" customHeight="1" thickBot="1" x14ac:dyDescent="0.25">
      <c r="B2" s="10" t="s">
        <v>129</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379</v>
      </c>
      <c r="D7" s="86">
        <v>4251</v>
      </c>
      <c r="E7" s="87">
        <v>8630</v>
      </c>
      <c r="F7" s="412">
        <v>0</v>
      </c>
      <c r="G7" s="86">
        <v>5967</v>
      </c>
      <c r="H7" s="86">
        <v>5441</v>
      </c>
      <c r="I7" s="86">
        <v>3432</v>
      </c>
      <c r="J7" s="86">
        <v>2854</v>
      </c>
      <c r="K7" s="86">
        <v>1608</v>
      </c>
      <c r="L7" s="88">
        <v>19302</v>
      </c>
      <c r="M7" s="89">
        <v>27932</v>
      </c>
      <c r="N7" s="90">
        <v>60</v>
      </c>
      <c r="O7" s="91">
        <v>54</v>
      </c>
      <c r="P7" s="92">
        <v>114</v>
      </c>
      <c r="Q7" s="412">
        <v>0</v>
      </c>
      <c r="R7" s="91">
        <v>76</v>
      </c>
      <c r="S7" s="91">
        <v>83</v>
      </c>
      <c r="T7" s="91">
        <v>61</v>
      </c>
      <c r="U7" s="91">
        <v>55</v>
      </c>
      <c r="V7" s="91">
        <v>36</v>
      </c>
      <c r="W7" s="92">
        <v>311</v>
      </c>
      <c r="X7" s="93">
        <v>425</v>
      </c>
      <c r="Y7" s="90">
        <v>145</v>
      </c>
      <c r="Z7" s="91">
        <v>162</v>
      </c>
      <c r="AA7" s="92">
        <v>307</v>
      </c>
      <c r="AB7" s="412">
        <v>0</v>
      </c>
      <c r="AC7" s="91">
        <v>186</v>
      </c>
      <c r="AD7" s="91">
        <v>230</v>
      </c>
      <c r="AE7" s="91">
        <v>122</v>
      </c>
      <c r="AF7" s="91">
        <v>115</v>
      </c>
      <c r="AG7" s="91">
        <v>106</v>
      </c>
      <c r="AH7" s="92">
        <v>759</v>
      </c>
      <c r="AI7" s="93">
        <v>1066</v>
      </c>
      <c r="AJ7" s="90">
        <v>343</v>
      </c>
      <c r="AK7" s="91">
        <v>351</v>
      </c>
      <c r="AL7" s="92">
        <v>694</v>
      </c>
      <c r="AM7" s="412">
        <v>0</v>
      </c>
      <c r="AN7" s="91">
        <v>455</v>
      </c>
      <c r="AO7" s="91">
        <v>410</v>
      </c>
      <c r="AP7" s="91">
        <v>249</v>
      </c>
      <c r="AQ7" s="91">
        <v>225</v>
      </c>
      <c r="AR7" s="91">
        <v>143</v>
      </c>
      <c r="AS7" s="92">
        <v>1482</v>
      </c>
      <c r="AT7" s="93">
        <v>2176</v>
      </c>
      <c r="AU7" s="90">
        <v>931</v>
      </c>
      <c r="AV7" s="91">
        <v>851</v>
      </c>
      <c r="AW7" s="92">
        <v>1782</v>
      </c>
      <c r="AX7" s="412">
        <v>0</v>
      </c>
      <c r="AY7" s="91">
        <v>1146</v>
      </c>
      <c r="AZ7" s="91">
        <v>997</v>
      </c>
      <c r="BA7" s="91">
        <v>591</v>
      </c>
      <c r="BB7" s="91">
        <v>446</v>
      </c>
      <c r="BC7" s="91">
        <v>292</v>
      </c>
      <c r="BD7" s="92">
        <v>3472</v>
      </c>
      <c r="BE7" s="93">
        <v>5254</v>
      </c>
      <c r="BF7" s="90">
        <v>1514</v>
      </c>
      <c r="BG7" s="91">
        <v>1394</v>
      </c>
      <c r="BH7" s="92">
        <v>2908</v>
      </c>
      <c r="BI7" s="412">
        <v>0</v>
      </c>
      <c r="BJ7" s="91">
        <v>1983</v>
      </c>
      <c r="BK7" s="91">
        <v>1603</v>
      </c>
      <c r="BL7" s="91">
        <v>986</v>
      </c>
      <c r="BM7" s="91">
        <v>805</v>
      </c>
      <c r="BN7" s="91">
        <v>453</v>
      </c>
      <c r="BO7" s="92">
        <v>5830</v>
      </c>
      <c r="BP7" s="93">
        <v>8738</v>
      </c>
      <c r="BQ7" s="90">
        <v>1386</v>
      </c>
      <c r="BR7" s="91">
        <v>1439</v>
      </c>
      <c r="BS7" s="92">
        <v>2825</v>
      </c>
      <c r="BT7" s="412">
        <v>0</v>
      </c>
      <c r="BU7" s="91">
        <v>2121</v>
      </c>
      <c r="BV7" s="91">
        <v>2118</v>
      </c>
      <c r="BW7" s="91">
        <v>1423</v>
      </c>
      <c r="BX7" s="91">
        <v>1208</v>
      </c>
      <c r="BY7" s="91">
        <v>578</v>
      </c>
      <c r="BZ7" s="92">
        <v>7448</v>
      </c>
      <c r="CA7" s="93">
        <v>10273</v>
      </c>
      <c r="CB7" s="90">
        <v>0</v>
      </c>
      <c r="CC7" s="91">
        <v>0</v>
      </c>
      <c r="CD7" s="92">
        <v>0</v>
      </c>
      <c r="CE7" s="412">
        <v>0</v>
      </c>
      <c r="CF7" s="91">
        <v>0</v>
      </c>
      <c r="CG7" s="91">
        <v>0</v>
      </c>
      <c r="CH7" s="91">
        <v>0</v>
      </c>
      <c r="CI7" s="91">
        <v>0</v>
      </c>
      <c r="CJ7" s="91">
        <v>0</v>
      </c>
      <c r="CK7" s="92">
        <v>0</v>
      </c>
      <c r="CL7" s="93">
        <v>0</v>
      </c>
      <c r="CM7" s="90">
        <v>4379</v>
      </c>
      <c r="CN7" s="91">
        <v>4251</v>
      </c>
      <c r="CO7" s="92">
        <v>8630</v>
      </c>
      <c r="CP7" s="412">
        <v>0</v>
      </c>
      <c r="CQ7" s="91">
        <v>5967</v>
      </c>
      <c r="CR7" s="91">
        <v>5441</v>
      </c>
      <c r="CS7" s="91">
        <v>3432</v>
      </c>
      <c r="CT7" s="91">
        <v>2854</v>
      </c>
      <c r="CU7" s="91">
        <v>1608</v>
      </c>
      <c r="CV7" s="92">
        <v>19302</v>
      </c>
      <c r="CW7" s="93">
        <v>27932</v>
      </c>
      <c r="CX7" s="94">
        <v>660</v>
      </c>
      <c r="CY7" s="86">
        <v>724</v>
      </c>
      <c r="CZ7" s="87">
        <v>1384</v>
      </c>
      <c r="DA7" s="412">
        <v>0</v>
      </c>
      <c r="DB7" s="86">
        <v>883</v>
      </c>
      <c r="DC7" s="86">
        <v>791</v>
      </c>
      <c r="DD7" s="86">
        <v>554</v>
      </c>
      <c r="DE7" s="86">
        <v>560</v>
      </c>
      <c r="DF7" s="86">
        <v>354</v>
      </c>
      <c r="DG7" s="88">
        <v>3142</v>
      </c>
      <c r="DH7" s="89">
        <v>4526</v>
      </c>
      <c r="DI7" s="90">
        <v>16</v>
      </c>
      <c r="DJ7" s="91">
        <v>21</v>
      </c>
      <c r="DK7" s="92">
        <v>37</v>
      </c>
      <c r="DL7" s="412">
        <v>0</v>
      </c>
      <c r="DM7" s="91">
        <v>16</v>
      </c>
      <c r="DN7" s="91">
        <v>12</v>
      </c>
      <c r="DO7" s="91">
        <v>11</v>
      </c>
      <c r="DP7" s="91">
        <v>4</v>
      </c>
      <c r="DQ7" s="91">
        <v>6</v>
      </c>
      <c r="DR7" s="92">
        <v>49</v>
      </c>
      <c r="DS7" s="93">
        <v>86</v>
      </c>
      <c r="DT7" s="90">
        <v>53</v>
      </c>
      <c r="DU7" s="91">
        <v>48</v>
      </c>
      <c r="DV7" s="92">
        <v>101</v>
      </c>
      <c r="DW7" s="412">
        <v>0</v>
      </c>
      <c r="DX7" s="91">
        <v>23</v>
      </c>
      <c r="DY7" s="91">
        <v>26</v>
      </c>
      <c r="DZ7" s="91">
        <v>20</v>
      </c>
      <c r="EA7" s="91">
        <v>14</v>
      </c>
      <c r="EB7" s="91">
        <v>11</v>
      </c>
      <c r="EC7" s="92">
        <v>94</v>
      </c>
      <c r="ED7" s="93">
        <v>195</v>
      </c>
      <c r="EE7" s="90">
        <v>80</v>
      </c>
      <c r="EF7" s="91">
        <v>90</v>
      </c>
      <c r="EG7" s="92">
        <v>170</v>
      </c>
      <c r="EH7" s="412">
        <v>0</v>
      </c>
      <c r="EI7" s="91">
        <v>65</v>
      </c>
      <c r="EJ7" s="91">
        <v>60</v>
      </c>
      <c r="EK7" s="91">
        <v>31</v>
      </c>
      <c r="EL7" s="91">
        <v>22</v>
      </c>
      <c r="EM7" s="91">
        <v>24</v>
      </c>
      <c r="EN7" s="92">
        <v>202</v>
      </c>
      <c r="EO7" s="93">
        <v>372</v>
      </c>
      <c r="EP7" s="90">
        <v>181</v>
      </c>
      <c r="EQ7" s="91">
        <v>178</v>
      </c>
      <c r="ER7" s="92">
        <v>359</v>
      </c>
      <c r="ES7" s="412">
        <v>0</v>
      </c>
      <c r="ET7" s="91">
        <v>202</v>
      </c>
      <c r="EU7" s="91">
        <v>133</v>
      </c>
      <c r="EV7" s="91">
        <v>77</v>
      </c>
      <c r="EW7" s="91">
        <v>66</v>
      </c>
      <c r="EX7" s="91">
        <v>36</v>
      </c>
      <c r="EY7" s="92">
        <v>514</v>
      </c>
      <c r="EZ7" s="93">
        <v>873</v>
      </c>
      <c r="FA7" s="90">
        <v>203</v>
      </c>
      <c r="FB7" s="91">
        <v>216</v>
      </c>
      <c r="FC7" s="92">
        <v>419</v>
      </c>
      <c r="FD7" s="412">
        <v>0</v>
      </c>
      <c r="FE7" s="91">
        <v>242</v>
      </c>
      <c r="FF7" s="91">
        <v>229</v>
      </c>
      <c r="FG7" s="91">
        <v>130</v>
      </c>
      <c r="FH7" s="91">
        <v>133</v>
      </c>
      <c r="FI7" s="91">
        <v>93</v>
      </c>
      <c r="FJ7" s="92">
        <v>827</v>
      </c>
      <c r="FK7" s="93">
        <v>1246</v>
      </c>
      <c r="FL7" s="90">
        <v>127</v>
      </c>
      <c r="FM7" s="91">
        <v>171</v>
      </c>
      <c r="FN7" s="92">
        <v>298</v>
      </c>
      <c r="FO7" s="412">
        <v>0</v>
      </c>
      <c r="FP7" s="91">
        <v>335</v>
      </c>
      <c r="FQ7" s="91">
        <v>331</v>
      </c>
      <c r="FR7" s="91">
        <v>285</v>
      </c>
      <c r="FS7" s="91">
        <v>321</v>
      </c>
      <c r="FT7" s="91">
        <v>184</v>
      </c>
      <c r="FU7" s="92">
        <v>1456</v>
      </c>
      <c r="FV7" s="93">
        <v>1754</v>
      </c>
      <c r="FW7" s="90">
        <v>0</v>
      </c>
      <c r="FX7" s="91">
        <v>0</v>
      </c>
      <c r="FY7" s="92">
        <v>0</v>
      </c>
      <c r="FZ7" s="412">
        <v>0</v>
      </c>
      <c r="GA7" s="91">
        <v>0</v>
      </c>
      <c r="GB7" s="91">
        <v>0</v>
      </c>
      <c r="GC7" s="91">
        <v>0</v>
      </c>
      <c r="GD7" s="91">
        <v>0</v>
      </c>
      <c r="GE7" s="91">
        <v>0</v>
      </c>
      <c r="GF7" s="92">
        <v>0</v>
      </c>
      <c r="GG7" s="93">
        <v>0</v>
      </c>
      <c r="GH7" s="90">
        <v>660</v>
      </c>
      <c r="GI7" s="91">
        <v>724</v>
      </c>
      <c r="GJ7" s="92">
        <v>1384</v>
      </c>
      <c r="GK7" s="412">
        <v>0</v>
      </c>
      <c r="GL7" s="91">
        <v>883</v>
      </c>
      <c r="GM7" s="91">
        <v>791</v>
      </c>
      <c r="GN7" s="91">
        <v>554</v>
      </c>
      <c r="GO7" s="91">
        <v>560</v>
      </c>
      <c r="GP7" s="91">
        <v>354</v>
      </c>
      <c r="GQ7" s="92">
        <v>3142</v>
      </c>
      <c r="GR7" s="93">
        <v>4526</v>
      </c>
      <c r="GS7" s="94">
        <v>5039</v>
      </c>
      <c r="GT7" s="86">
        <v>4975</v>
      </c>
      <c r="GU7" s="87">
        <v>10014</v>
      </c>
      <c r="GV7" s="412">
        <v>0</v>
      </c>
      <c r="GW7" s="86">
        <v>6850</v>
      </c>
      <c r="GX7" s="86">
        <v>6232</v>
      </c>
      <c r="GY7" s="86">
        <v>3986</v>
      </c>
      <c r="GZ7" s="86">
        <v>3414</v>
      </c>
      <c r="HA7" s="86">
        <v>1962</v>
      </c>
      <c r="HB7" s="88">
        <v>22444</v>
      </c>
      <c r="HC7" s="89">
        <v>32458</v>
      </c>
      <c r="HD7" s="90">
        <v>76</v>
      </c>
      <c r="HE7" s="91">
        <v>75</v>
      </c>
      <c r="HF7" s="92">
        <v>151</v>
      </c>
      <c r="HG7" s="412">
        <v>0</v>
      </c>
      <c r="HH7" s="91">
        <v>92</v>
      </c>
      <c r="HI7" s="91">
        <v>95</v>
      </c>
      <c r="HJ7" s="91">
        <v>72</v>
      </c>
      <c r="HK7" s="91">
        <v>59</v>
      </c>
      <c r="HL7" s="91">
        <v>42</v>
      </c>
      <c r="HM7" s="92">
        <v>360</v>
      </c>
      <c r="HN7" s="93">
        <v>511</v>
      </c>
      <c r="HO7" s="90">
        <v>198</v>
      </c>
      <c r="HP7" s="91">
        <v>210</v>
      </c>
      <c r="HQ7" s="92">
        <v>408</v>
      </c>
      <c r="HR7" s="412">
        <v>0</v>
      </c>
      <c r="HS7" s="91">
        <v>209</v>
      </c>
      <c r="HT7" s="91">
        <v>256</v>
      </c>
      <c r="HU7" s="91">
        <v>142</v>
      </c>
      <c r="HV7" s="91">
        <v>129</v>
      </c>
      <c r="HW7" s="91">
        <v>117</v>
      </c>
      <c r="HX7" s="92">
        <v>853</v>
      </c>
      <c r="HY7" s="93">
        <v>1261</v>
      </c>
      <c r="HZ7" s="90">
        <v>423</v>
      </c>
      <c r="IA7" s="91">
        <v>441</v>
      </c>
      <c r="IB7" s="92">
        <v>864</v>
      </c>
      <c r="IC7" s="412">
        <v>0</v>
      </c>
      <c r="ID7" s="91">
        <v>520</v>
      </c>
      <c r="IE7" s="91">
        <v>470</v>
      </c>
      <c r="IF7" s="91">
        <v>280</v>
      </c>
      <c r="IG7" s="91">
        <v>247</v>
      </c>
      <c r="IH7" s="91">
        <v>167</v>
      </c>
      <c r="II7" s="92">
        <v>1684</v>
      </c>
      <c r="IJ7" s="93">
        <v>2548</v>
      </c>
      <c r="IK7" s="90">
        <v>1112</v>
      </c>
      <c r="IL7" s="91">
        <v>1029</v>
      </c>
      <c r="IM7" s="92">
        <v>2141</v>
      </c>
      <c r="IN7" s="412">
        <v>0</v>
      </c>
      <c r="IO7" s="91">
        <v>1348</v>
      </c>
      <c r="IP7" s="91">
        <v>1130</v>
      </c>
      <c r="IQ7" s="91">
        <v>668</v>
      </c>
      <c r="IR7" s="91">
        <v>512</v>
      </c>
      <c r="IS7" s="91">
        <v>328</v>
      </c>
      <c r="IT7" s="92">
        <v>3986</v>
      </c>
      <c r="IU7" s="93">
        <v>6127</v>
      </c>
      <c r="IV7" s="90">
        <v>1717</v>
      </c>
      <c r="IW7" s="91">
        <v>1610</v>
      </c>
      <c r="IX7" s="92">
        <v>3327</v>
      </c>
      <c r="IY7" s="412">
        <v>0</v>
      </c>
      <c r="IZ7" s="91">
        <v>2225</v>
      </c>
      <c r="JA7" s="91">
        <v>1832</v>
      </c>
      <c r="JB7" s="91">
        <v>1116</v>
      </c>
      <c r="JC7" s="91">
        <v>938</v>
      </c>
      <c r="JD7" s="91">
        <v>546</v>
      </c>
      <c r="JE7" s="92">
        <v>6657</v>
      </c>
      <c r="JF7" s="93">
        <v>9984</v>
      </c>
      <c r="JG7" s="90">
        <v>1513</v>
      </c>
      <c r="JH7" s="91">
        <v>1610</v>
      </c>
      <c r="JI7" s="92">
        <v>3123</v>
      </c>
      <c r="JJ7" s="412">
        <v>0</v>
      </c>
      <c r="JK7" s="91">
        <v>2456</v>
      </c>
      <c r="JL7" s="91">
        <v>2449</v>
      </c>
      <c r="JM7" s="91">
        <v>1708</v>
      </c>
      <c r="JN7" s="91">
        <v>1529</v>
      </c>
      <c r="JO7" s="91">
        <v>762</v>
      </c>
      <c r="JP7" s="92">
        <v>8904</v>
      </c>
      <c r="JQ7" s="93">
        <v>12027</v>
      </c>
      <c r="JR7" s="90">
        <v>0</v>
      </c>
      <c r="JS7" s="91">
        <v>0</v>
      </c>
      <c r="JT7" s="92">
        <v>0</v>
      </c>
      <c r="JU7" s="412">
        <v>0</v>
      </c>
      <c r="JV7" s="91">
        <v>0</v>
      </c>
      <c r="JW7" s="91">
        <v>0</v>
      </c>
      <c r="JX7" s="91">
        <v>0</v>
      </c>
      <c r="JY7" s="91">
        <v>0</v>
      </c>
      <c r="JZ7" s="91">
        <v>0</v>
      </c>
      <c r="KA7" s="92">
        <v>0</v>
      </c>
      <c r="KB7" s="93">
        <v>0</v>
      </c>
      <c r="KC7" s="90">
        <v>5039</v>
      </c>
      <c r="KD7" s="91">
        <v>4975</v>
      </c>
      <c r="KE7" s="92">
        <v>10014</v>
      </c>
      <c r="KF7" s="412">
        <v>0</v>
      </c>
      <c r="KG7" s="91">
        <v>6850</v>
      </c>
      <c r="KH7" s="91">
        <v>6232</v>
      </c>
      <c r="KI7" s="91">
        <v>3986</v>
      </c>
      <c r="KJ7" s="91">
        <v>3414</v>
      </c>
      <c r="KK7" s="91">
        <v>1962</v>
      </c>
      <c r="KL7" s="92">
        <v>22444</v>
      </c>
      <c r="KM7" s="93">
        <v>32458</v>
      </c>
    </row>
    <row r="8" spans="2:299" s="70" customFormat="1" ht="21" customHeight="1" x14ac:dyDescent="0.2">
      <c r="B8" s="95" t="s">
        <v>5</v>
      </c>
      <c r="C8" s="96">
        <v>1836</v>
      </c>
      <c r="D8" s="97">
        <v>2155</v>
      </c>
      <c r="E8" s="98">
        <v>3991</v>
      </c>
      <c r="F8" s="413">
        <v>0</v>
      </c>
      <c r="G8" s="97">
        <v>2183</v>
      </c>
      <c r="H8" s="97">
        <v>2593</v>
      </c>
      <c r="I8" s="97">
        <v>1540</v>
      </c>
      <c r="J8" s="97">
        <v>1288</v>
      </c>
      <c r="K8" s="97">
        <v>688</v>
      </c>
      <c r="L8" s="99">
        <v>8292</v>
      </c>
      <c r="M8" s="100">
        <v>12283</v>
      </c>
      <c r="N8" s="101">
        <v>22</v>
      </c>
      <c r="O8" s="102">
        <v>26</v>
      </c>
      <c r="P8" s="103">
        <v>48</v>
      </c>
      <c r="Q8" s="413">
        <v>0</v>
      </c>
      <c r="R8" s="102">
        <v>30</v>
      </c>
      <c r="S8" s="102">
        <v>38</v>
      </c>
      <c r="T8" s="102">
        <v>27</v>
      </c>
      <c r="U8" s="102">
        <v>24</v>
      </c>
      <c r="V8" s="102">
        <v>13</v>
      </c>
      <c r="W8" s="103">
        <v>132</v>
      </c>
      <c r="X8" s="104">
        <v>180</v>
      </c>
      <c r="Y8" s="101">
        <v>48</v>
      </c>
      <c r="Z8" s="102">
        <v>75</v>
      </c>
      <c r="AA8" s="103">
        <v>123</v>
      </c>
      <c r="AB8" s="413">
        <v>0</v>
      </c>
      <c r="AC8" s="102">
        <v>53</v>
      </c>
      <c r="AD8" s="102">
        <v>111</v>
      </c>
      <c r="AE8" s="102">
        <v>55</v>
      </c>
      <c r="AF8" s="102">
        <v>52</v>
      </c>
      <c r="AG8" s="102">
        <v>46</v>
      </c>
      <c r="AH8" s="103">
        <v>317</v>
      </c>
      <c r="AI8" s="104">
        <v>440</v>
      </c>
      <c r="AJ8" s="101">
        <v>143</v>
      </c>
      <c r="AK8" s="102">
        <v>166</v>
      </c>
      <c r="AL8" s="103">
        <v>309</v>
      </c>
      <c r="AM8" s="413">
        <v>0</v>
      </c>
      <c r="AN8" s="102">
        <v>151</v>
      </c>
      <c r="AO8" s="102">
        <v>184</v>
      </c>
      <c r="AP8" s="102">
        <v>117</v>
      </c>
      <c r="AQ8" s="102">
        <v>93</v>
      </c>
      <c r="AR8" s="102">
        <v>66</v>
      </c>
      <c r="AS8" s="103">
        <v>611</v>
      </c>
      <c r="AT8" s="104">
        <v>920</v>
      </c>
      <c r="AU8" s="101">
        <v>377</v>
      </c>
      <c r="AV8" s="102">
        <v>421</v>
      </c>
      <c r="AW8" s="103">
        <v>798</v>
      </c>
      <c r="AX8" s="413">
        <v>0</v>
      </c>
      <c r="AY8" s="102">
        <v>390</v>
      </c>
      <c r="AZ8" s="102">
        <v>442</v>
      </c>
      <c r="BA8" s="102">
        <v>247</v>
      </c>
      <c r="BB8" s="102">
        <v>190</v>
      </c>
      <c r="BC8" s="102">
        <v>122</v>
      </c>
      <c r="BD8" s="103">
        <v>1391</v>
      </c>
      <c r="BE8" s="104">
        <v>2189</v>
      </c>
      <c r="BF8" s="101">
        <v>614</v>
      </c>
      <c r="BG8" s="102">
        <v>702</v>
      </c>
      <c r="BH8" s="103">
        <v>1316</v>
      </c>
      <c r="BI8" s="413">
        <v>0</v>
      </c>
      <c r="BJ8" s="102">
        <v>748</v>
      </c>
      <c r="BK8" s="102">
        <v>779</v>
      </c>
      <c r="BL8" s="102">
        <v>427</v>
      </c>
      <c r="BM8" s="102">
        <v>356</v>
      </c>
      <c r="BN8" s="102">
        <v>198</v>
      </c>
      <c r="BO8" s="103">
        <v>2508</v>
      </c>
      <c r="BP8" s="104">
        <v>3824</v>
      </c>
      <c r="BQ8" s="101">
        <v>632</v>
      </c>
      <c r="BR8" s="102">
        <v>765</v>
      </c>
      <c r="BS8" s="103">
        <v>1397</v>
      </c>
      <c r="BT8" s="413">
        <v>0</v>
      </c>
      <c r="BU8" s="102">
        <v>811</v>
      </c>
      <c r="BV8" s="102">
        <v>1039</v>
      </c>
      <c r="BW8" s="102">
        <v>667</v>
      </c>
      <c r="BX8" s="102">
        <v>573</v>
      </c>
      <c r="BY8" s="102">
        <v>243</v>
      </c>
      <c r="BZ8" s="103">
        <v>3333</v>
      </c>
      <c r="CA8" s="104">
        <v>4730</v>
      </c>
      <c r="CB8" s="101">
        <v>0</v>
      </c>
      <c r="CC8" s="102">
        <v>0</v>
      </c>
      <c r="CD8" s="103">
        <v>0</v>
      </c>
      <c r="CE8" s="413">
        <v>0</v>
      </c>
      <c r="CF8" s="102">
        <v>0</v>
      </c>
      <c r="CG8" s="102">
        <v>0</v>
      </c>
      <c r="CH8" s="102">
        <v>0</v>
      </c>
      <c r="CI8" s="102">
        <v>0</v>
      </c>
      <c r="CJ8" s="102">
        <v>0</v>
      </c>
      <c r="CK8" s="103">
        <v>0</v>
      </c>
      <c r="CL8" s="104">
        <v>0</v>
      </c>
      <c r="CM8" s="101">
        <v>1836</v>
      </c>
      <c r="CN8" s="102">
        <v>2155</v>
      </c>
      <c r="CO8" s="103">
        <v>3991</v>
      </c>
      <c r="CP8" s="413">
        <v>0</v>
      </c>
      <c r="CQ8" s="102">
        <v>2183</v>
      </c>
      <c r="CR8" s="102">
        <v>2593</v>
      </c>
      <c r="CS8" s="102">
        <v>1540</v>
      </c>
      <c r="CT8" s="102">
        <v>1288</v>
      </c>
      <c r="CU8" s="102">
        <v>688</v>
      </c>
      <c r="CV8" s="103">
        <v>8292</v>
      </c>
      <c r="CW8" s="104">
        <v>12283</v>
      </c>
      <c r="CX8" s="105">
        <v>283</v>
      </c>
      <c r="CY8" s="97">
        <v>354</v>
      </c>
      <c r="CZ8" s="98">
        <v>637</v>
      </c>
      <c r="DA8" s="413">
        <v>0</v>
      </c>
      <c r="DB8" s="97">
        <v>326</v>
      </c>
      <c r="DC8" s="97">
        <v>376</v>
      </c>
      <c r="DD8" s="97">
        <v>259</v>
      </c>
      <c r="DE8" s="97">
        <v>249</v>
      </c>
      <c r="DF8" s="97">
        <v>169</v>
      </c>
      <c r="DG8" s="99">
        <v>1379</v>
      </c>
      <c r="DH8" s="100">
        <v>2016</v>
      </c>
      <c r="DI8" s="101">
        <v>7</v>
      </c>
      <c r="DJ8" s="102">
        <v>13</v>
      </c>
      <c r="DK8" s="103">
        <v>20</v>
      </c>
      <c r="DL8" s="413">
        <v>0</v>
      </c>
      <c r="DM8" s="102">
        <v>5</v>
      </c>
      <c r="DN8" s="102">
        <v>5</v>
      </c>
      <c r="DO8" s="102">
        <v>4</v>
      </c>
      <c r="DP8" s="102">
        <v>1</v>
      </c>
      <c r="DQ8" s="102">
        <v>2</v>
      </c>
      <c r="DR8" s="103">
        <v>17</v>
      </c>
      <c r="DS8" s="104">
        <v>37</v>
      </c>
      <c r="DT8" s="101">
        <v>19</v>
      </c>
      <c r="DU8" s="102">
        <v>23</v>
      </c>
      <c r="DV8" s="103">
        <v>42</v>
      </c>
      <c r="DW8" s="413">
        <v>0</v>
      </c>
      <c r="DX8" s="102">
        <v>6</v>
      </c>
      <c r="DY8" s="102">
        <v>12</v>
      </c>
      <c r="DZ8" s="102">
        <v>12</v>
      </c>
      <c r="EA8" s="102">
        <v>6</v>
      </c>
      <c r="EB8" s="102">
        <v>7</v>
      </c>
      <c r="EC8" s="103">
        <v>43</v>
      </c>
      <c r="ED8" s="104">
        <v>85</v>
      </c>
      <c r="EE8" s="101">
        <v>28</v>
      </c>
      <c r="EF8" s="102">
        <v>48</v>
      </c>
      <c r="EG8" s="103">
        <v>76</v>
      </c>
      <c r="EH8" s="413">
        <v>0</v>
      </c>
      <c r="EI8" s="102">
        <v>26</v>
      </c>
      <c r="EJ8" s="102">
        <v>34</v>
      </c>
      <c r="EK8" s="102">
        <v>13</v>
      </c>
      <c r="EL8" s="102">
        <v>10</v>
      </c>
      <c r="EM8" s="102">
        <v>10</v>
      </c>
      <c r="EN8" s="103">
        <v>93</v>
      </c>
      <c r="EO8" s="104">
        <v>169</v>
      </c>
      <c r="EP8" s="101">
        <v>78</v>
      </c>
      <c r="EQ8" s="102">
        <v>93</v>
      </c>
      <c r="ER8" s="103">
        <v>171</v>
      </c>
      <c r="ES8" s="413">
        <v>0</v>
      </c>
      <c r="ET8" s="102">
        <v>82</v>
      </c>
      <c r="EU8" s="102">
        <v>54</v>
      </c>
      <c r="EV8" s="102">
        <v>38</v>
      </c>
      <c r="EW8" s="102">
        <v>40</v>
      </c>
      <c r="EX8" s="102">
        <v>24</v>
      </c>
      <c r="EY8" s="103">
        <v>238</v>
      </c>
      <c r="EZ8" s="104">
        <v>409</v>
      </c>
      <c r="FA8" s="101">
        <v>97</v>
      </c>
      <c r="FB8" s="102">
        <v>96</v>
      </c>
      <c r="FC8" s="103">
        <v>193</v>
      </c>
      <c r="FD8" s="413">
        <v>0</v>
      </c>
      <c r="FE8" s="102">
        <v>83</v>
      </c>
      <c r="FF8" s="102">
        <v>109</v>
      </c>
      <c r="FG8" s="102">
        <v>60</v>
      </c>
      <c r="FH8" s="102">
        <v>58</v>
      </c>
      <c r="FI8" s="102">
        <v>35</v>
      </c>
      <c r="FJ8" s="103">
        <v>345</v>
      </c>
      <c r="FK8" s="104">
        <v>538</v>
      </c>
      <c r="FL8" s="101">
        <v>54</v>
      </c>
      <c r="FM8" s="102">
        <v>81</v>
      </c>
      <c r="FN8" s="103">
        <v>135</v>
      </c>
      <c r="FO8" s="413">
        <v>0</v>
      </c>
      <c r="FP8" s="102">
        <v>124</v>
      </c>
      <c r="FQ8" s="102">
        <v>162</v>
      </c>
      <c r="FR8" s="102">
        <v>132</v>
      </c>
      <c r="FS8" s="102">
        <v>134</v>
      </c>
      <c r="FT8" s="102">
        <v>91</v>
      </c>
      <c r="FU8" s="103">
        <v>643</v>
      </c>
      <c r="FV8" s="104">
        <v>778</v>
      </c>
      <c r="FW8" s="101">
        <v>0</v>
      </c>
      <c r="FX8" s="102">
        <v>0</v>
      </c>
      <c r="FY8" s="103">
        <v>0</v>
      </c>
      <c r="FZ8" s="413">
        <v>0</v>
      </c>
      <c r="GA8" s="102">
        <v>0</v>
      </c>
      <c r="GB8" s="102">
        <v>0</v>
      </c>
      <c r="GC8" s="102">
        <v>0</v>
      </c>
      <c r="GD8" s="102">
        <v>0</v>
      </c>
      <c r="GE8" s="102">
        <v>0</v>
      </c>
      <c r="GF8" s="103">
        <v>0</v>
      </c>
      <c r="GG8" s="104">
        <v>0</v>
      </c>
      <c r="GH8" s="101">
        <v>283</v>
      </c>
      <c r="GI8" s="102">
        <v>354</v>
      </c>
      <c r="GJ8" s="103">
        <v>637</v>
      </c>
      <c r="GK8" s="413">
        <v>0</v>
      </c>
      <c r="GL8" s="102">
        <v>326</v>
      </c>
      <c r="GM8" s="102">
        <v>376</v>
      </c>
      <c r="GN8" s="102">
        <v>259</v>
      </c>
      <c r="GO8" s="102">
        <v>249</v>
      </c>
      <c r="GP8" s="102">
        <v>169</v>
      </c>
      <c r="GQ8" s="103">
        <v>1379</v>
      </c>
      <c r="GR8" s="104">
        <v>2016</v>
      </c>
      <c r="GS8" s="105">
        <v>2119</v>
      </c>
      <c r="GT8" s="97">
        <v>2509</v>
      </c>
      <c r="GU8" s="98">
        <v>4628</v>
      </c>
      <c r="GV8" s="413">
        <v>0</v>
      </c>
      <c r="GW8" s="97">
        <v>2509</v>
      </c>
      <c r="GX8" s="97">
        <v>2969</v>
      </c>
      <c r="GY8" s="97">
        <v>1799</v>
      </c>
      <c r="GZ8" s="97">
        <v>1537</v>
      </c>
      <c r="HA8" s="97">
        <v>857</v>
      </c>
      <c r="HB8" s="99">
        <v>9671</v>
      </c>
      <c r="HC8" s="100">
        <v>14299</v>
      </c>
      <c r="HD8" s="101">
        <v>29</v>
      </c>
      <c r="HE8" s="102">
        <v>39</v>
      </c>
      <c r="HF8" s="103">
        <v>68</v>
      </c>
      <c r="HG8" s="413">
        <v>0</v>
      </c>
      <c r="HH8" s="102">
        <v>35</v>
      </c>
      <c r="HI8" s="102">
        <v>43</v>
      </c>
      <c r="HJ8" s="102">
        <v>31</v>
      </c>
      <c r="HK8" s="102">
        <v>25</v>
      </c>
      <c r="HL8" s="102">
        <v>15</v>
      </c>
      <c r="HM8" s="103">
        <v>149</v>
      </c>
      <c r="HN8" s="104">
        <v>217</v>
      </c>
      <c r="HO8" s="101">
        <v>67</v>
      </c>
      <c r="HP8" s="102">
        <v>98</v>
      </c>
      <c r="HQ8" s="103">
        <v>165</v>
      </c>
      <c r="HR8" s="413">
        <v>0</v>
      </c>
      <c r="HS8" s="102">
        <v>59</v>
      </c>
      <c r="HT8" s="102">
        <v>123</v>
      </c>
      <c r="HU8" s="102">
        <v>67</v>
      </c>
      <c r="HV8" s="102">
        <v>58</v>
      </c>
      <c r="HW8" s="102">
        <v>53</v>
      </c>
      <c r="HX8" s="103">
        <v>360</v>
      </c>
      <c r="HY8" s="104">
        <v>525</v>
      </c>
      <c r="HZ8" s="101">
        <v>171</v>
      </c>
      <c r="IA8" s="102">
        <v>214</v>
      </c>
      <c r="IB8" s="103">
        <v>385</v>
      </c>
      <c r="IC8" s="413">
        <v>0</v>
      </c>
      <c r="ID8" s="102">
        <v>177</v>
      </c>
      <c r="IE8" s="102">
        <v>218</v>
      </c>
      <c r="IF8" s="102">
        <v>130</v>
      </c>
      <c r="IG8" s="102">
        <v>103</v>
      </c>
      <c r="IH8" s="102">
        <v>76</v>
      </c>
      <c r="II8" s="103">
        <v>704</v>
      </c>
      <c r="IJ8" s="104">
        <v>1089</v>
      </c>
      <c r="IK8" s="101">
        <v>455</v>
      </c>
      <c r="IL8" s="102">
        <v>514</v>
      </c>
      <c r="IM8" s="103">
        <v>969</v>
      </c>
      <c r="IN8" s="413">
        <v>0</v>
      </c>
      <c r="IO8" s="102">
        <v>472</v>
      </c>
      <c r="IP8" s="102">
        <v>496</v>
      </c>
      <c r="IQ8" s="102">
        <v>285</v>
      </c>
      <c r="IR8" s="102">
        <v>230</v>
      </c>
      <c r="IS8" s="102">
        <v>146</v>
      </c>
      <c r="IT8" s="103">
        <v>1629</v>
      </c>
      <c r="IU8" s="104">
        <v>2598</v>
      </c>
      <c r="IV8" s="101">
        <v>711</v>
      </c>
      <c r="IW8" s="102">
        <v>798</v>
      </c>
      <c r="IX8" s="103">
        <v>1509</v>
      </c>
      <c r="IY8" s="413">
        <v>0</v>
      </c>
      <c r="IZ8" s="102">
        <v>831</v>
      </c>
      <c r="JA8" s="102">
        <v>888</v>
      </c>
      <c r="JB8" s="102">
        <v>487</v>
      </c>
      <c r="JC8" s="102">
        <v>414</v>
      </c>
      <c r="JD8" s="102">
        <v>233</v>
      </c>
      <c r="JE8" s="103">
        <v>2853</v>
      </c>
      <c r="JF8" s="104">
        <v>4362</v>
      </c>
      <c r="JG8" s="101">
        <v>686</v>
      </c>
      <c r="JH8" s="102">
        <v>846</v>
      </c>
      <c r="JI8" s="103">
        <v>1532</v>
      </c>
      <c r="JJ8" s="413">
        <v>0</v>
      </c>
      <c r="JK8" s="102">
        <v>935</v>
      </c>
      <c r="JL8" s="102">
        <v>1201</v>
      </c>
      <c r="JM8" s="102">
        <v>799</v>
      </c>
      <c r="JN8" s="102">
        <v>707</v>
      </c>
      <c r="JO8" s="102">
        <v>334</v>
      </c>
      <c r="JP8" s="103">
        <v>3976</v>
      </c>
      <c r="JQ8" s="104">
        <v>5508</v>
      </c>
      <c r="JR8" s="101">
        <v>0</v>
      </c>
      <c r="JS8" s="102">
        <v>0</v>
      </c>
      <c r="JT8" s="103">
        <v>0</v>
      </c>
      <c r="JU8" s="413">
        <v>0</v>
      </c>
      <c r="JV8" s="102">
        <v>0</v>
      </c>
      <c r="JW8" s="102">
        <v>0</v>
      </c>
      <c r="JX8" s="102">
        <v>0</v>
      </c>
      <c r="JY8" s="102">
        <v>0</v>
      </c>
      <c r="JZ8" s="102">
        <v>0</v>
      </c>
      <c r="KA8" s="103">
        <v>0</v>
      </c>
      <c r="KB8" s="104">
        <v>0</v>
      </c>
      <c r="KC8" s="101">
        <v>2119</v>
      </c>
      <c r="KD8" s="102">
        <v>2509</v>
      </c>
      <c r="KE8" s="103">
        <v>4628</v>
      </c>
      <c r="KF8" s="413">
        <v>0</v>
      </c>
      <c r="KG8" s="102">
        <v>2509</v>
      </c>
      <c r="KH8" s="102">
        <v>2969</v>
      </c>
      <c r="KI8" s="102">
        <v>1799</v>
      </c>
      <c r="KJ8" s="102">
        <v>1537</v>
      </c>
      <c r="KK8" s="102">
        <v>857</v>
      </c>
      <c r="KL8" s="103">
        <v>9671</v>
      </c>
      <c r="KM8" s="104">
        <v>14299</v>
      </c>
    </row>
    <row r="9" spans="2:299" s="70" customFormat="1" ht="21" customHeight="1" x14ac:dyDescent="0.2">
      <c r="B9" s="106" t="s">
        <v>6</v>
      </c>
      <c r="C9" s="96">
        <v>491</v>
      </c>
      <c r="D9" s="97">
        <v>390</v>
      </c>
      <c r="E9" s="98">
        <v>881</v>
      </c>
      <c r="F9" s="413">
        <v>0</v>
      </c>
      <c r="G9" s="97">
        <v>816</v>
      </c>
      <c r="H9" s="97">
        <v>632</v>
      </c>
      <c r="I9" s="97">
        <v>384</v>
      </c>
      <c r="J9" s="97">
        <v>340</v>
      </c>
      <c r="K9" s="97">
        <v>198</v>
      </c>
      <c r="L9" s="99">
        <v>2370</v>
      </c>
      <c r="M9" s="100">
        <v>3251</v>
      </c>
      <c r="N9" s="101">
        <v>9</v>
      </c>
      <c r="O9" s="102">
        <v>6</v>
      </c>
      <c r="P9" s="103">
        <v>15</v>
      </c>
      <c r="Q9" s="413">
        <v>0</v>
      </c>
      <c r="R9" s="102">
        <v>9</v>
      </c>
      <c r="S9" s="102">
        <v>13</v>
      </c>
      <c r="T9" s="102">
        <v>10</v>
      </c>
      <c r="U9" s="102">
        <v>3</v>
      </c>
      <c r="V9" s="102">
        <v>6</v>
      </c>
      <c r="W9" s="103">
        <v>41</v>
      </c>
      <c r="X9" s="104">
        <v>56</v>
      </c>
      <c r="Y9" s="101">
        <v>25</v>
      </c>
      <c r="Z9" s="102">
        <v>17</v>
      </c>
      <c r="AA9" s="103">
        <v>42</v>
      </c>
      <c r="AB9" s="413">
        <v>0</v>
      </c>
      <c r="AC9" s="102">
        <v>29</v>
      </c>
      <c r="AD9" s="102">
        <v>21</v>
      </c>
      <c r="AE9" s="102">
        <v>12</v>
      </c>
      <c r="AF9" s="102">
        <v>18</v>
      </c>
      <c r="AG9" s="102">
        <v>12</v>
      </c>
      <c r="AH9" s="103">
        <v>92</v>
      </c>
      <c r="AI9" s="104">
        <v>134</v>
      </c>
      <c r="AJ9" s="101">
        <v>47</v>
      </c>
      <c r="AK9" s="102">
        <v>35</v>
      </c>
      <c r="AL9" s="103">
        <v>82</v>
      </c>
      <c r="AM9" s="413">
        <v>0</v>
      </c>
      <c r="AN9" s="102">
        <v>65</v>
      </c>
      <c r="AO9" s="102">
        <v>50</v>
      </c>
      <c r="AP9" s="102">
        <v>23</v>
      </c>
      <c r="AQ9" s="102">
        <v>33</v>
      </c>
      <c r="AR9" s="102">
        <v>16</v>
      </c>
      <c r="AS9" s="103">
        <v>187</v>
      </c>
      <c r="AT9" s="104">
        <v>269</v>
      </c>
      <c r="AU9" s="101">
        <v>93</v>
      </c>
      <c r="AV9" s="102">
        <v>70</v>
      </c>
      <c r="AW9" s="103">
        <v>163</v>
      </c>
      <c r="AX9" s="413">
        <v>0</v>
      </c>
      <c r="AY9" s="102">
        <v>151</v>
      </c>
      <c r="AZ9" s="102">
        <v>120</v>
      </c>
      <c r="BA9" s="102">
        <v>70</v>
      </c>
      <c r="BB9" s="102">
        <v>38</v>
      </c>
      <c r="BC9" s="102">
        <v>33</v>
      </c>
      <c r="BD9" s="103">
        <v>412</v>
      </c>
      <c r="BE9" s="104">
        <v>575</v>
      </c>
      <c r="BF9" s="101">
        <v>172</v>
      </c>
      <c r="BG9" s="102">
        <v>134</v>
      </c>
      <c r="BH9" s="103">
        <v>306</v>
      </c>
      <c r="BI9" s="413">
        <v>0</v>
      </c>
      <c r="BJ9" s="102">
        <v>233</v>
      </c>
      <c r="BK9" s="102">
        <v>182</v>
      </c>
      <c r="BL9" s="102">
        <v>104</v>
      </c>
      <c r="BM9" s="102">
        <v>103</v>
      </c>
      <c r="BN9" s="102">
        <v>65</v>
      </c>
      <c r="BO9" s="103">
        <v>687</v>
      </c>
      <c r="BP9" s="104">
        <v>993</v>
      </c>
      <c r="BQ9" s="101">
        <v>145</v>
      </c>
      <c r="BR9" s="102">
        <v>128</v>
      </c>
      <c r="BS9" s="103">
        <v>273</v>
      </c>
      <c r="BT9" s="413">
        <v>0</v>
      </c>
      <c r="BU9" s="102">
        <v>329</v>
      </c>
      <c r="BV9" s="102">
        <v>246</v>
      </c>
      <c r="BW9" s="102">
        <v>165</v>
      </c>
      <c r="BX9" s="102">
        <v>145</v>
      </c>
      <c r="BY9" s="102">
        <v>66</v>
      </c>
      <c r="BZ9" s="103">
        <v>951</v>
      </c>
      <c r="CA9" s="104">
        <v>1224</v>
      </c>
      <c r="CB9" s="101">
        <v>0</v>
      </c>
      <c r="CC9" s="102">
        <v>0</v>
      </c>
      <c r="CD9" s="103">
        <v>0</v>
      </c>
      <c r="CE9" s="413">
        <v>0</v>
      </c>
      <c r="CF9" s="102">
        <v>0</v>
      </c>
      <c r="CG9" s="102">
        <v>0</v>
      </c>
      <c r="CH9" s="102">
        <v>0</v>
      </c>
      <c r="CI9" s="102">
        <v>0</v>
      </c>
      <c r="CJ9" s="102">
        <v>0</v>
      </c>
      <c r="CK9" s="103">
        <v>0</v>
      </c>
      <c r="CL9" s="104">
        <v>0</v>
      </c>
      <c r="CM9" s="101">
        <v>491</v>
      </c>
      <c r="CN9" s="102">
        <v>390</v>
      </c>
      <c r="CO9" s="103">
        <v>881</v>
      </c>
      <c r="CP9" s="413">
        <v>0</v>
      </c>
      <c r="CQ9" s="102">
        <v>816</v>
      </c>
      <c r="CR9" s="102">
        <v>632</v>
      </c>
      <c r="CS9" s="102">
        <v>384</v>
      </c>
      <c r="CT9" s="102">
        <v>340</v>
      </c>
      <c r="CU9" s="102">
        <v>198</v>
      </c>
      <c r="CV9" s="103">
        <v>2370</v>
      </c>
      <c r="CW9" s="104">
        <v>3251</v>
      </c>
      <c r="CX9" s="105">
        <v>102</v>
      </c>
      <c r="CY9" s="97">
        <v>101</v>
      </c>
      <c r="CZ9" s="98">
        <v>203</v>
      </c>
      <c r="DA9" s="413">
        <v>0</v>
      </c>
      <c r="DB9" s="97">
        <v>129</v>
      </c>
      <c r="DC9" s="97">
        <v>104</v>
      </c>
      <c r="DD9" s="97">
        <v>79</v>
      </c>
      <c r="DE9" s="97">
        <v>87</v>
      </c>
      <c r="DF9" s="97">
        <v>55</v>
      </c>
      <c r="DG9" s="99">
        <v>454</v>
      </c>
      <c r="DH9" s="100">
        <v>657</v>
      </c>
      <c r="DI9" s="101">
        <v>1</v>
      </c>
      <c r="DJ9" s="102">
        <v>1</v>
      </c>
      <c r="DK9" s="103">
        <v>2</v>
      </c>
      <c r="DL9" s="413">
        <v>0</v>
      </c>
      <c r="DM9" s="102">
        <v>2</v>
      </c>
      <c r="DN9" s="102">
        <v>1</v>
      </c>
      <c r="DO9" s="102">
        <v>1</v>
      </c>
      <c r="DP9" s="102">
        <v>2</v>
      </c>
      <c r="DQ9" s="102">
        <v>0</v>
      </c>
      <c r="DR9" s="103">
        <v>6</v>
      </c>
      <c r="DS9" s="104">
        <v>8</v>
      </c>
      <c r="DT9" s="101">
        <v>4</v>
      </c>
      <c r="DU9" s="102">
        <v>8</v>
      </c>
      <c r="DV9" s="103">
        <v>12</v>
      </c>
      <c r="DW9" s="413">
        <v>0</v>
      </c>
      <c r="DX9" s="102">
        <v>5</v>
      </c>
      <c r="DY9" s="102">
        <v>2</v>
      </c>
      <c r="DZ9" s="102">
        <v>4</v>
      </c>
      <c r="EA9" s="102">
        <v>4</v>
      </c>
      <c r="EB9" s="102">
        <v>2</v>
      </c>
      <c r="EC9" s="103">
        <v>17</v>
      </c>
      <c r="ED9" s="104">
        <v>29</v>
      </c>
      <c r="EE9" s="101">
        <v>14</v>
      </c>
      <c r="EF9" s="102">
        <v>7</v>
      </c>
      <c r="EG9" s="103">
        <v>21</v>
      </c>
      <c r="EH9" s="413">
        <v>0</v>
      </c>
      <c r="EI9" s="102">
        <v>11</v>
      </c>
      <c r="EJ9" s="102">
        <v>4</v>
      </c>
      <c r="EK9" s="102">
        <v>4</v>
      </c>
      <c r="EL9" s="102">
        <v>3</v>
      </c>
      <c r="EM9" s="102">
        <v>1</v>
      </c>
      <c r="EN9" s="103">
        <v>23</v>
      </c>
      <c r="EO9" s="104">
        <v>44</v>
      </c>
      <c r="EP9" s="101">
        <v>33</v>
      </c>
      <c r="EQ9" s="102">
        <v>26</v>
      </c>
      <c r="ER9" s="103">
        <v>59</v>
      </c>
      <c r="ES9" s="413">
        <v>0</v>
      </c>
      <c r="ET9" s="102">
        <v>26</v>
      </c>
      <c r="EU9" s="102">
        <v>18</v>
      </c>
      <c r="EV9" s="102">
        <v>7</v>
      </c>
      <c r="EW9" s="102">
        <v>9</v>
      </c>
      <c r="EX9" s="102">
        <v>5</v>
      </c>
      <c r="EY9" s="103">
        <v>65</v>
      </c>
      <c r="EZ9" s="104">
        <v>124</v>
      </c>
      <c r="FA9" s="101">
        <v>30</v>
      </c>
      <c r="FB9" s="102">
        <v>34</v>
      </c>
      <c r="FC9" s="103">
        <v>64</v>
      </c>
      <c r="FD9" s="413">
        <v>0</v>
      </c>
      <c r="FE9" s="102">
        <v>38</v>
      </c>
      <c r="FF9" s="102">
        <v>28</v>
      </c>
      <c r="FG9" s="102">
        <v>26</v>
      </c>
      <c r="FH9" s="102">
        <v>24</v>
      </c>
      <c r="FI9" s="102">
        <v>19</v>
      </c>
      <c r="FJ9" s="103">
        <v>135</v>
      </c>
      <c r="FK9" s="104">
        <v>199</v>
      </c>
      <c r="FL9" s="101">
        <v>20</v>
      </c>
      <c r="FM9" s="102">
        <v>25</v>
      </c>
      <c r="FN9" s="103">
        <v>45</v>
      </c>
      <c r="FO9" s="413">
        <v>0</v>
      </c>
      <c r="FP9" s="102">
        <v>47</v>
      </c>
      <c r="FQ9" s="102">
        <v>51</v>
      </c>
      <c r="FR9" s="102">
        <v>37</v>
      </c>
      <c r="FS9" s="102">
        <v>45</v>
      </c>
      <c r="FT9" s="102">
        <v>28</v>
      </c>
      <c r="FU9" s="103">
        <v>208</v>
      </c>
      <c r="FV9" s="104">
        <v>253</v>
      </c>
      <c r="FW9" s="101">
        <v>0</v>
      </c>
      <c r="FX9" s="102">
        <v>0</v>
      </c>
      <c r="FY9" s="103">
        <v>0</v>
      </c>
      <c r="FZ9" s="413">
        <v>0</v>
      </c>
      <c r="GA9" s="102">
        <v>0</v>
      </c>
      <c r="GB9" s="102">
        <v>0</v>
      </c>
      <c r="GC9" s="102">
        <v>0</v>
      </c>
      <c r="GD9" s="102">
        <v>0</v>
      </c>
      <c r="GE9" s="102">
        <v>0</v>
      </c>
      <c r="GF9" s="103">
        <v>0</v>
      </c>
      <c r="GG9" s="104">
        <v>0</v>
      </c>
      <c r="GH9" s="101">
        <v>102</v>
      </c>
      <c r="GI9" s="102">
        <v>101</v>
      </c>
      <c r="GJ9" s="103">
        <v>203</v>
      </c>
      <c r="GK9" s="413">
        <v>0</v>
      </c>
      <c r="GL9" s="102">
        <v>129</v>
      </c>
      <c r="GM9" s="102">
        <v>104</v>
      </c>
      <c r="GN9" s="102">
        <v>79</v>
      </c>
      <c r="GO9" s="102">
        <v>87</v>
      </c>
      <c r="GP9" s="102">
        <v>55</v>
      </c>
      <c r="GQ9" s="103">
        <v>454</v>
      </c>
      <c r="GR9" s="104">
        <v>657</v>
      </c>
      <c r="GS9" s="105">
        <v>593</v>
      </c>
      <c r="GT9" s="97">
        <v>491</v>
      </c>
      <c r="GU9" s="98">
        <v>1084</v>
      </c>
      <c r="GV9" s="413">
        <v>0</v>
      </c>
      <c r="GW9" s="97">
        <v>945</v>
      </c>
      <c r="GX9" s="97">
        <v>736</v>
      </c>
      <c r="GY9" s="97">
        <v>463</v>
      </c>
      <c r="GZ9" s="97">
        <v>427</v>
      </c>
      <c r="HA9" s="97">
        <v>253</v>
      </c>
      <c r="HB9" s="99">
        <v>2824</v>
      </c>
      <c r="HC9" s="100">
        <v>3908</v>
      </c>
      <c r="HD9" s="101">
        <v>10</v>
      </c>
      <c r="HE9" s="102">
        <v>7</v>
      </c>
      <c r="HF9" s="103">
        <v>17</v>
      </c>
      <c r="HG9" s="413">
        <v>0</v>
      </c>
      <c r="HH9" s="102">
        <v>11</v>
      </c>
      <c r="HI9" s="102">
        <v>14</v>
      </c>
      <c r="HJ9" s="102">
        <v>11</v>
      </c>
      <c r="HK9" s="102">
        <v>5</v>
      </c>
      <c r="HL9" s="102">
        <v>6</v>
      </c>
      <c r="HM9" s="103">
        <v>47</v>
      </c>
      <c r="HN9" s="104">
        <v>64</v>
      </c>
      <c r="HO9" s="101">
        <v>29</v>
      </c>
      <c r="HP9" s="102">
        <v>25</v>
      </c>
      <c r="HQ9" s="103">
        <v>54</v>
      </c>
      <c r="HR9" s="413">
        <v>0</v>
      </c>
      <c r="HS9" s="102">
        <v>34</v>
      </c>
      <c r="HT9" s="102">
        <v>23</v>
      </c>
      <c r="HU9" s="102">
        <v>16</v>
      </c>
      <c r="HV9" s="102">
        <v>22</v>
      </c>
      <c r="HW9" s="102">
        <v>14</v>
      </c>
      <c r="HX9" s="103">
        <v>109</v>
      </c>
      <c r="HY9" s="104">
        <v>163</v>
      </c>
      <c r="HZ9" s="101">
        <v>61</v>
      </c>
      <c r="IA9" s="102">
        <v>42</v>
      </c>
      <c r="IB9" s="103">
        <v>103</v>
      </c>
      <c r="IC9" s="413">
        <v>0</v>
      </c>
      <c r="ID9" s="102">
        <v>76</v>
      </c>
      <c r="IE9" s="102">
        <v>54</v>
      </c>
      <c r="IF9" s="102">
        <v>27</v>
      </c>
      <c r="IG9" s="102">
        <v>36</v>
      </c>
      <c r="IH9" s="102">
        <v>17</v>
      </c>
      <c r="II9" s="103">
        <v>210</v>
      </c>
      <c r="IJ9" s="104">
        <v>313</v>
      </c>
      <c r="IK9" s="101">
        <v>126</v>
      </c>
      <c r="IL9" s="102">
        <v>96</v>
      </c>
      <c r="IM9" s="103">
        <v>222</v>
      </c>
      <c r="IN9" s="413">
        <v>0</v>
      </c>
      <c r="IO9" s="102">
        <v>177</v>
      </c>
      <c r="IP9" s="102">
        <v>138</v>
      </c>
      <c r="IQ9" s="102">
        <v>77</v>
      </c>
      <c r="IR9" s="102">
        <v>47</v>
      </c>
      <c r="IS9" s="102">
        <v>38</v>
      </c>
      <c r="IT9" s="103">
        <v>477</v>
      </c>
      <c r="IU9" s="104">
        <v>699</v>
      </c>
      <c r="IV9" s="101">
        <v>202</v>
      </c>
      <c r="IW9" s="102">
        <v>168</v>
      </c>
      <c r="IX9" s="103">
        <v>370</v>
      </c>
      <c r="IY9" s="413">
        <v>0</v>
      </c>
      <c r="IZ9" s="102">
        <v>271</v>
      </c>
      <c r="JA9" s="102">
        <v>210</v>
      </c>
      <c r="JB9" s="102">
        <v>130</v>
      </c>
      <c r="JC9" s="102">
        <v>127</v>
      </c>
      <c r="JD9" s="102">
        <v>84</v>
      </c>
      <c r="JE9" s="103">
        <v>822</v>
      </c>
      <c r="JF9" s="104">
        <v>1192</v>
      </c>
      <c r="JG9" s="101">
        <v>165</v>
      </c>
      <c r="JH9" s="102">
        <v>153</v>
      </c>
      <c r="JI9" s="103">
        <v>318</v>
      </c>
      <c r="JJ9" s="413">
        <v>0</v>
      </c>
      <c r="JK9" s="102">
        <v>376</v>
      </c>
      <c r="JL9" s="102">
        <v>297</v>
      </c>
      <c r="JM9" s="102">
        <v>202</v>
      </c>
      <c r="JN9" s="102">
        <v>190</v>
      </c>
      <c r="JO9" s="102">
        <v>94</v>
      </c>
      <c r="JP9" s="103">
        <v>1159</v>
      </c>
      <c r="JQ9" s="104">
        <v>1477</v>
      </c>
      <c r="JR9" s="101">
        <v>0</v>
      </c>
      <c r="JS9" s="102">
        <v>0</v>
      </c>
      <c r="JT9" s="103">
        <v>0</v>
      </c>
      <c r="JU9" s="413">
        <v>0</v>
      </c>
      <c r="JV9" s="102">
        <v>0</v>
      </c>
      <c r="JW9" s="102">
        <v>0</v>
      </c>
      <c r="JX9" s="102">
        <v>0</v>
      </c>
      <c r="JY9" s="102">
        <v>0</v>
      </c>
      <c r="JZ9" s="102">
        <v>0</v>
      </c>
      <c r="KA9" s="103">
        <v>0</v>
      </c>
      <c r="KB9" s="104">
        <v>0</v>
      </c>
      <c r="KC9" s="101">
        <v>593</v>
      </c>
      <c r="KD9" s="102">
        <v>491</v>
      </c>
      <c r="KE9" s="103">
        <v>1084</v>
      </c>
      <c r="KF9" s="413">
        <v>0</v>
      </c>
      <c r="KG9" s="102">
        <v>945</v>
      </c>
      <c r="KH9" s="102">
        <v>736</v>
      </c>
      <c r="KI9" s="102">
        <v>463</v>
      </c>
      <c r="KJ9" s="102">
        <v>427</v>
      </c>
      <c r="KK9" s="102">
        <v>253</v>
      </c>
      <c r="KL9" s="103">
        <v>2824</v>
      </c>
      <c r="KM9" s="104">
        <v>3908</v>
      </c>
    </row>
    <row r="10" spans="2:299" s="70" customFormat="1" ht="21" customHeight="1" x14ac:dyDescent="0.2">
      <c r="B10" s="106" t="s">
        <v>14</v>
      </c>
      <c r="C10" s="96">
        <v>278</v>
      </c>
      <c r="D10" s="97">
        <v>345</v>
      </c>
      <c r="E10" s="98">
        <v>623</v>
      </c>
      <c r="F10" s="413">
        <v>0</v>
      </c>
      <c r="G10" s="97">
        <v>395</v>
      </c>
      <c r="H10" s="97">
        <v>405</v>
      </c>
      <c r="I10" s="97">
        <v>289</v>
      </c>
      <c r="J10" s="97">
        <v>223</v>
      </c>
      <c r="K10" s="97">
        <v>139</v>
      </c>
      <c r="L10" s="99">
        <v>1451</v>
      </c>
      <c r="M10" s="100">
        <v>2074</v>
      </c>
      <c r="N10" s="101">
        <v>5</v>
      </c>
      <c r="O10" s="102">
        <v>7</v>
      </c>
      <c r="P10" s="103">
        <v>12</v>
      </c>
      <c r="Q10" s="413">
        <v>0</v>
      </c>
      <c r="R10" s="102">
        <v>5</v>
      </c>
      <c r="S10" s="102">
        <v>5</v>
      </c>
      <c r="T10" s="102">
        <v>6</v>
      </c>
      <c r="U10" s="102">
        <v>7</v>
      </c>
      <c r="V10" s="102">
        <v>3</v>
      </c>
      <c r="W10" s="103">
        <v>26</v>
      </c>
      <c r="X10" s="104">
        <v>38</v>
      </c>
      <c r="Y10" s="101">
        <v>11</v>
      </c>
      <c r="Z10" s="102">
        <v>24</v>
      </c>
      <c r="AA10" s="103">
        <v>35</v>
      </c>
      <c r="AB10" s="413">
        <v>0</v>
      </c>
      <c r="AC10" s="102">
        <v>15</v>
      </c>
      <c r="AD10" s="102">
        <v>21</v>
      </c>
      <c r="AE10" s="102">
        <v>9</v>
      </c>
      <c r="AF10" s="102">
        <v>8</v>
      </c>
      <c r="AG10" s="102">
        <v>9</v>
      </c>
      <c r="AH10" s="103">
        <v>62</v>
      </c>
      <c r="AI10" s="104">
        <v>97</v>
      </c>
      <c r="AJ10" s="101">
        <v>19</v>
      </c>
      <c r="AK10" s="102">
        <v>28</v>
      </c>
      <c r="AL10" s="103">
        <v>47</v>
      </c>
      <c r="AM10" s="413">
        <v>0</v>
      </c>
      <c r="AN10" s="102">
        <v>34</v>
      </c>
      <c r="AO10" s="102">
        <v>31</v>
      </c>
      <c r="AP10" s="102">
        <v>13</v>
      </c>
      <c r="AQ10" s="102">
        <v>17</v>
      </c>
      <c r="AR10" s="102">
        <v>16</v>
      </c>
      <c r="AS10" s="103">
        <v>111</v>
      </c>
      <c r="AT10" s="104">
        <v>158</v>
      </c>
      <c r="AU10" s="101">
        <v>70</v>
      </c>
      <c r="AV10" s="102">
        <v>85</v>
      </c>
      <c r="AW10" s="103">
        <v>155</v>
      </c>
      <c r="AX10" s="413">
        <v>0</v>
      </c>
      <c r="AY10" s="102">
        <v>87</v>
      </c>
      <c r="AZ10" s="102">
        <v>90</v>
      </c>
      <c r="BA10" s="102">
        <v>68</v>
      </c>
      <c r="BB10" s="102">
        <v>43</v>
      </c>
      <c r="BC10" s="102">
        <v>20</v>
      </c>
      <c r="BD10" s="103">
        <v>308</v>
      </c>
      <c r="BE10" s="104">
        <v>463</v>
      </c>
      <c r="BF10" s="101">
        <v>89</v>
      </c>
      <c r="BG10" s="102">
        <v>109</v>
      </c>
      <c r="BH10" s="103">
        <v>198</v>
      </c>
      <c r="BI10" s="413">
        <v>0</v>
      </c>
      <c r="BJ10" s="102">
        <v>122</v>
      </c>
      <c r="BK10" s="102">
        <v>129</v>
      </c>
      <c r="BL10" s="102">
        <v>74</v>
      </c>
      <c r="BM10" s="102">
        <v>73</v>
      </c>
      <c r="BN10" s="102">
        <v>39</v>
      </c>
      <c r="BO10" s="103">
        <v>437</v>
      </c>
      <c r="BP10" s="104">
        <v>635</v>
      </c>
      <c r="BQ10" s="101">
        <v>84</v>
      </c>
      <c r="BR10" s="102">
        <v>92</v>
      </c>
      <c r="BS10" s="103">
        <v>176</v>
      </c>
      <c r="BT10" s="413">
        <v>0</v>
      </c>
      <c r="BU10" s="102">
        <v>132</v>
      </c>
      <c r="BV10" s="102">
        <v>129</v>
      </c>
      <c r="BW10" s="102">
        <v>119</v>
      </c>
      <c r="BX10" s="102">
        <v>75</v>
      </c>
      <c r="BY10" s="102">
        <v>52</v>
      </c>
      <c r="BZ10" s="103">
        <v>507</v>
      </c>
      <c r="CA10" s="104">
        <v>683</v>
      </c>
      <c r="CB10" s="101">
        <v>0</v>
      </c>
      <c r="CC10" s="102">
        <v>0</v>
      </c>
      <c r="CD10" s="103">
        <v>0</v>
      </c>
      <c r="CE10" s="413">
        <v>0</v>
      </c>
      <c r="CF10" s="102">
        <v>0</v>
      </c>
      <c r="CG10" s="102">
        <v>0</v>
      </c>
      <c r="CH10" s="102">
        <v>0</v>
      </c>
      <c r="CI10" s="102">
        <v>0</v>
      </c>
      <c r="CJ10" s="102">
        <v>0</v>
      </c>
      <c r="CK10" s="103">
        <v>0</v>
      </c>
      <c r="CL10" s="104">
        <v>0</v>
      </c>
      <c r="CM10" s="101">
        <v>278</v>
      </c>
      <c r="CN10" s="102">
        <v>345</v>
      </c>
      <c r="CO10" s="103">
        <v>623</v>
      </c>
      <c r="CP10" s="413">
        <v>0</v>
      </c>
      <c r="CQ10" s="102">
        <v>395</v>
      </c>
      <c r="CR10" s="102">
        <v>405</v>
      </c>
      <c r="CS10" s="102">
        <v>289</v>
      </c>
      <c r="CT10" s="102">
        <v>223</v>
      </c>
      <c r="CU10" s="102">
        <v>139</v>
      </c>
      <c r="CV10" s="103">
        <v>1451</v>
      </c>
      <c r="CW10" s="104">
        <v>2074</v>
      </c>
      <c r="CX10" s="105">
        <v>36</v>
      </c>
      <c r="CY10" s="97">
        <v>45</v>
      </c>
      <c r="CZ10" s="98">
        <v>81</v>
      </c>
      <c r="DA10" s="413">
        <v>0</v>
      </c>
      <c r="DB10" s="97">
        <v>42</v>
      </c>
      <c r="DC10" s="97">
        <v>58</v>
      </c>
      <c r="DD10" s="97">
        <v>39</v>
      </c>
      <c r="DE10" s="97">
        <v>32</v>
      </c>
      <c r="DF10" s="97">
        <v>15</v>
      </c>
      <c r="DG10" s="99">
        <v>186</v>
      </c>
      <c r="DH10" s="100">
        <v>267</v>
      </c>
      <c r="DI10" s="101">
        <v>0</v>
      </c>
      <c r="DJ10" s="102">
        <v>1</v>
      </c>
      <c r="DK10" s="103">
        <v>1</v>
      </c>
      <c r="DL10" s="413">
        <v>0</v>
      </c>
      <c r="DM10" s="102">
        <v>0</v>
      </c>
      <c r="DN10" s="102">
        <v>3</v>
      </c>
      <c r="DO10" s="102">
        <v>2</v>
      </c>
      <c r="DP10" s="102">
        <v>0</v>
      </c>
      <c r="DQ10" s="102">
        <v>1</v>
      </c>
      <c r="DR10" s="103">
        <v>6</v>
      </c>
      <c r="DS10" s="104">
        <v>7</v>
      </c>
      <c r="DT10" s="101">
        <v>4</v>
      </c>
      <c r="DU10" s="102">
        <v>1</v>
      </c>
      <c r="DV10" s="103">
        <v>5</v>
      </c>
      <c r="DW10" s="413">
        <v>0</v>
      </c>
      <c r="DX10" s="102">
        <v>1</v>
      </c>
      <c r="DY10" s="102">
        <v>5</v>
      </c>
      <c r="DZ10" s="102">
        <v>1</v>
      </c>
      <c r="EA10" s="102">
        <v>0</v>
      </c>
      <c r="EB10" s="102">
        <v>1</v>
      </c>
      <c r="EC10" s="103">
        <v>8</v>
      </c>
      <c r="ED10" s="104">
        <v>13</v>
      </c>
      <c r="EE10" s="101">
        <v>5</v>
      </c>
      <c r="EF10" s="102">
        <v>6</v>
      </c>
      <c r="EG10" s="103">
        <v>11</v>
      </c>
      <c r="EH10" s="413">
        <v>0</v>
      </c>
      <c r="EI10" s="102">
        <v>4</v>
      </c>
      <c r="EJ10" s="102">
        <v>6</v>
      </c>
      <c r="EK10" s="102">
        <v>4</v>
      </c>
      <c r="EL10" s="102">
        <v>2</v>
      </c>
      <c r="EM10" s="102">
        <v>2</v>
      </c>
      <c r="EN10" s="103">
        <v>18</v>
      </c>
      <c r="EO10" s="104">
        <v>29</v>
      </c>
      <c r="EP10" s="101">
        <v>11</v>
      </c>
      <c r="EQ10" s="102">
        <v>13</v>
      </c>
      <c r="ER10" s="103">
        <v>24</v>
      </c>
      <c r="ES10" s="413">
        <v>0</v>
      </c>
      <c r="ET10" s="102">
        <v>9</v>
      </c>
      <c r="EU10" s="102">
        <v>15</v>
      </c>
      <c r="EV10" s="102">
        <v>5</v>
      </c>
      <c r="EW10" s="102">
        <v>2</v>
      </c>
      <c r="EX10" s="102">
        <v>1</v>
      </c>
      <c r="EY10" s="103">
        <v>32</v>
      </c>
      <c r="EZ10" s="104">
        <v>56</v>
      </c>
      <c r="FA10" s="101">
        <v>8</v>
      </c>
      <c r="FB10" s="102">
        <v>13</v>
      </c>
      <c r="FC10" s="103">
        <v>21</v>
      </c>
      <c r="FD10" s="413">
        <v>0</v>
      </c>
      <c r="FE10" s="102">
        <v>15</v>
      </c>
      <c r="FF10" s="102">
        <v>15</v>
      </c>
      <c r="FG10" s="102">
        <v>10</v>
      </c>
      <c r="FH10" s="102">
        <v>9</v>
      </c>
      <c r="FI10" s="102">
        <v>5</v>
      </c>
      <c r="FJ10" s="103">
        <v>54</v>
      </c>
      <c r="FK10" s="104">
        <v>75</v>
      </c>
      <c r="FL10" s="101">
        <v>8</v>
      </c>
      <c r="FM10" s="102">
        <v>11</v>
      </c>
      <c r="FN10" s="103">
        <v>19</v>
      </c>
      <c r="FO10" s="413">
        <v>0</v>
      </c>
      <c r="FP10" s="102">
        <v>13</v>
      </c>
      <c r="FQ10" s="102">
        <v>14</v>
      </c>
      <c r="FR10" s="102">
        <v>17</v>
      </c>
      <c r="FS10" s="102">
        <v>19</v>
      </c>
      <c r="FT10" s="102">
        <v>5</v>
      </c>
      <c r="FU10" s="103">
        <v>68</v>
      </c>
      <c r="FV10" s="104">
        <v>87</v>
      </c>
      <c r="FW10" s="101">
        <v>0</v>
      </c>
      <c r="FX10" s="102">
        <v>0</v>
      </c>
      <c r="FY10" s="103">
        <v>0</v>
      </c>
      <c r="FZ10" s="413">
        <v>0</v>
      </c>
      <c r="GA10" s="102">
        <v>0</v>
      </c>
      <c r="GB10" s="102">
        <v>0</v>
      </c>
      <c r="GC10" s="102">
        <v>0</v>
      </c>
      <c r="GD10" s="102">
        <v>0</v>
      </c>
      <c r="GE10" s="102">
        <v>0</v>
      </c>
      <c r="GF10" s="103">
        <v>0</v>
      </c>
      <c r="GG10" s="104">
        <v>0</v>
      </c>
      <c r="GH10" s="101">
        <v>36</v>
      </c>
      <c r="GI10" s="102">
        <v>45</v>
      </c>
      <c r="GJ10" s="103">
        <v>81</v>
      </c>
      <c r="GK10" s="413">
        <v>0</v>
      </c>
      <c r="GL10" s="102">
        <v>42</v>
      </c>
      <c r="GM10" s="102">
        <v>58</v>
      </c>
      <c r="GN10" s="102">
        <v>39</v>
      </c>
      <c r="GO10" s="102">
        <v>32</v>
      </c>
      <c r="GP10" s="102">
        <v>15</v>
      </c>
      <c r="GQ10" s="103">
        <v>186</v>
      </c>
      <c r="GR10" s="104">
        <v>267</v>
      </c>
      <c r="GS10" s="105">
        <v>314</v>
      </c>
      <c r="GT10" s="97">
        <v>390</v>
      </c>
      <c r="GU10" s="98">
        <v>704</v>
      </c>
      <c r="GV10" s="413">
        <v>0</v>
      </c>
      <c r="GW10" s="97">
        <v>437</v>
      </c>
      <c r="GX10" s="97">
        <v>463</v>
      </c>
      <c r="GY10" s="97">
        <v>328</v>
      </c>
      <c r="GZ10" s="97">
        <v>255</v>
      </c>
      <c r="HA10" s="97">
        <v>154</v>
      </c>
      <c r="HB10" s="99">
        <v>1637</v>
      </c>
      <c r="HC10" s="100">
        <v>2341</v>
      </c>
      <c r="HD10" s="101">
        <v>5</v>
      </c>
      <c r="HE10" s="102">
        <v>8</v>
      </c>
      <c r="HF10" s="103">
        <v>13</v>
      </c>
      <c r="HG10" s="413">
        <v>0</v>
      </c>
      <c r="HH10" s="102">
        <v>5</v>
      </c>
      <c r="HI10" s="102">
        <v>8</v>
      </c>
      <c r="HJ10" s="102">
        <v>8</v>
      </c>
      <c r="HK10" s="102">
        <v>7</v>
      </c>
      <c r="HL10" s="102">
        <v>4</v>
      </c>
      <c r="HM10" s="103">
        <v>32</v>
      </c>
      <c r="HN10" s="104">
        <v>45</v>
      </c>
      <c r="HO10" s="101">
        <v>15</v>
      </c>
      <c r="HP10" s="102">
        <v>25</v>
      </c>
      <c r="HQ10" s="103">
        <v>40</v>
      </c>
      <c r="HR10" s="413">
        <v>0</v>
      </c>
      <c r="HS10" s="102">
        <v>16</v>
      </c>
      <c r="HT10" s="102">
        <v>26</v>
      </c>
      <c r="HU10" s="102">
        <v>10</v>
      </c>
      <c r="HV10" s="102">
        <v>8</v>
      </c>
      <c r="HW10" s="102">
        <v>10</v>
      </c>
      <c r="HX10" s="103">
        <v>70</v>
      </c>
      <c r="HY10" s="104">
        <v>110</v>
      </c>
      <c r="HZ10" s="101">
        <v>24</v>
      </c>
      <c r="IA10" s="102">
        <v>34</v>
      </c>
      <c r="IB10" s="103">
        <v>58</v>
      </c>
      <c r="IC10" s="413">
        <v>0</v>
      </c>
      <c r="ID10" s="102">
        <v>38</v>
      </c>
      <c r="IE10" s="102">
        <v>37</v>
      </c>
      <c r="IF10" s="102">
        <v>17</v>
      </c>
      <c r="IG10" s="102">
        <v>19</v>
      </c>
      <c r="IH10" s="102">
        <v>18</v>
      </c>
      <c r="II10" s="103">
        <v>129</v>
      </c>
      <c r="IJ10" s="104">
        <v>187</v>
      </c>
      <c r="IK10" s="101">
        <v>81</v>
      </c>
      <c r="IL10" s="102">
        <v>98</v>
      </c>
      <c r="IM10" s="103">
        <v>179</v>
      </c>
      <c r="IN10" s="413">
        <v>0</v>
      </c>
      <c r="IO10" s="102">
        <v>96</v>
      </c>
      <c r="IP10" s="102">
        <v>105</v>
      </c>
      <c r="IQ10" s="102">
        <v>73</v>
      </c>
      <c r="IR10" s="102">
        <v>45</v>
      </c>
      <c r="IS10" s="102">
        <v>21</v>
      </c>
      <c r="IT10" s="103">
        <v>340</v>
      </c>
      <c r="IU10" s="104">
        <v>519</v>
      </c>
      <c r="IV10" s="101">
        <v>97</v>
      </c>
      <c r="IW10" s="102">
        <v>122</v>
      </c>
      <c r="IX10" s="103">
        <v>219</v>
      </c>
      <c r="IY10" s="413">
        <v>0</v>
      </c>
      <c r="IZ10" s="102">
        <v>137</v>
      </c>
      <c r="JA10" s="102">
        <v>144</v>
      </c>
      <c r="JB10" s="102">
        <v>84</v>
      </c>
      <c r="JC10" s="102">
        <v>82</v>
      </c>
      <c r="JD10" s="102">
        <v>44</v>
      </c>
      <c r="JE10" s="103">
        <v>491</v>
      </c>
      <c r="JF10" s="104">
        <v>710</v>
      </c>
      <c r="JG10" s="101">
        <v>92</v>
      </c>
      <c r="JH10" s="102">
        <v>103</v>
      </c>
      <c r="JI10" s="103">
        <v>195</v>
      </c>
      <c r="JJ10" s="413">
        <v>0</v>
      </c>
      <c r="JK10" s="102">
        <v>145</v>
      </c>
      <c r="JL10" s="102">
        <v>143</v>
      </c>
      <c r="JM10" s="102">
        <v>136</v>
      </c>
      <c r="JN10" s="102">
        <v>94</v>
      </c>
      <c r="JO10" s="102">
        <v>57</v>
      </c>
      <c r="JP10" s="103">
        <v>575</v>
      </c>
      <c r="JQ10" s="104">
        <v>770</v>
      </c>
      <c r="JR10" s="101">
        <v>0</v>
      </c>
      <c r="JS10" s="102">
        <v>0</v>
      </c>
      <c r="JT10" s="103">
        <v>0</v>
      </c>
      <c r="JU10" s="413">
        <v>0</v>
      </c>
      <c r="JV10" s="102">
        <v>0</v>
      </c>
      <c r="JW10" s="102">
        <v>0</v>
      </c>
      <c r="JX10" s="102">
        <v>0</v>
      </c>
      <c r="JY10" s="102">
        <v>0</v>
      </c>
      <c r="JZ10" s="102">
        <v>0</v>
      </c>
      <c r="KA10" s="103">
        <v>0</v>
      </c>
      <c r="KB10" s="104">
        <v>0</v>
      </c>
      <c r="KC10" s="101">
        <v>314</v>
      </c>
      <c r="KD10" s="102">
        <v>390</v>
      </c>
      <c r="KE10" s="103">
        <v>704</v>
      </c>
      <c r="KF10" s="413">
        <v>0</v>
      </c>
      <c r="KG10" s="102">
        <v>437</v>
      </c>
      <c r="KH10" s="102">
        <v>463</v>
      </c>
      <c r="KI10" s="102">
        <v>328</v>
      </c>
      <c r="KJ10" s="102">
        <v>255</v>
      </c>
      <c r="KK10" s="102">
        <v>154</v>
      </c>
      <c r="KL10" s="103">
        <v>1637</v>
      </c>
      <c r="KM10" s="104">
        <v>2341</v>
      </c>
    </row>
    <row r="11" spans="2:299" s="70" customFormat="1" ht="21" customHeight="1" x14ac:dyDescent="0.2">
      <c r="B11" s="106" t="s">
        <v>7</v>
      </c>
      <c r="C11" s="96">
        <v>254</v>
      </c>
      <c r="D11" s="97">
        <v>188</v>
      </c>
      <c r="E11" s="98">
        <v>442</v>
      </c>
      <c r="F11" s="413">
        <v>0</v>
      </c>
      <c r="G11" s="97">
        <v>517</v>
      </c>
      <c r="H11" s="97">
        <v>327</v>
      </c>
      <c r="I11" s="97">
        <v>188</v>
      </c>
      <c r="J11" s="97">
        <v>173</v>
      </c>
      <c r="K11" s="97">
        <v>93</v>
      </c>
      <c r="L11" s="99">
        <v>1298</v>
      </c>
      <c r="M11" s="100">
        <v>1740</v>
      </c>
      <c r="N11" s="101">
        <v>4</v>
      </c>
      <c r="O11" s="102">
        <v>1</v>
      </c>
      <c r="P11" s="103">
        <v>5</v>
      </c>
      <c r="Q11" s="413">
        <v>0</v>
      </c>
      <c r="R11" s="102">
        <v>7</v>
      </c>
      <c r="S11" s="102">
        <v>4</v>
      </c>
      <c r="T11" s="102">
        <v>3</v>
      </c>
      <c r="U11" s="102">
        <v>4</v>
      </c>
      <c r="V11" s="102">
        <v>1</v>
      </c>
      <c r="W11" s="103">
        <v>19</v>
      </c>
      <c r="X11" s="104">
        <v>24</v>
      </c>
      <c r="Y11" s="101">
        <v>7</v>
      </c>
      <c r="Z11" s="102">
        <v>5</v>
      </c>
      <c r="AA11" s="103">
        <v>12</v>
      </c>
      <c r="AB11" s="413">
        <v>0</v>
      </c>
      <c r="AC11" s="102">
        <v>15</v>
      </c>
      <c r="AD11" s="102">
        <v>9</v>
      </c>
      <c r="AE11" s="102">
        <v>6</v>
      </c>
      <c r="AF11" s="102">
        <v>6</v>
      </c>
      <c r="AG11" s="102">
        <v>7</v>
      </c>
      <c r="AH11" s="103">
        <v>43</v>
      </c>
      <c r="AI11" s="104">
        <v>55</v>
      </c>
      <c r="AJ11" s="101">
        <v>18</v>
      </c>
      <c r="AK11" s="102">
        <v>11</v>
      </c>
      <c r="AL11" s="103">
        <v>29</v>
      </c>
      <c r="AM11" s="413">
        <v>0</v>
      </c>
      <c r="AN11" s="102">
        <v>39</v>
      </c>
      <c r="AO11" s="102">
        <v>25</v>
      </c>
      <c r="AP11" s="102">
        <v>9</v>
      </c>
      <c r="AQ11" s="102">
        <v>13</v>
      </c>
      <c r="AR11" s="102">
        <v>8</v>
      </c>
      <c r="AS11" s="103">
        <v>94</v>
      </c>
      <c r="AT11" s="104">
        <v>123</v>
      </c>
      <c r="AU11" s="101">
        <v>57</v>
      </c>
      <c r="AV11" s="102">
        <v>40</v>
      </c>
      <c r="AW11" s="103">
        <v>97</v>
      </c>
      <c r="AX11" s="413">
        <v>0</v>
      </c>
      <c r="AY11" s="102">
        <v>101</v>
      </c>
      <c r="AZ11" s="102">
        <v>57</v>
      </c>
      <c r="BA11" s="102">
        <v>25</v>
      </c>
      <c r="BB11" s="102">
        <v>33</v>
      </c>
      <c r="BC11" s="102">
        <v>20</v>
      </c>
      <c r="BD11" s="103">
        <v>236</v>
      </c>
      <c r="BE11" s="104">
        <v>333</v>
      </c>
      <c r="BF11" s="101">
        <v>85</v>
      </c>
      <c r="BG11" s="102">
        <v>64</v>
      </c>
      <c r="BH11" s="103">
        <v>149</v>
      </c>
      <c r="BI11" s="413">
        <v>0</v>
      </c>
      <c r="BJ11" s="102">
        <v>182</v>
      </c>
      <c r="BK11" s="102">
        <v>99</v>
      </c>
      <c r="BL11" s="102">
        <v>70</v>
      </c>
      <c r="BM11" s="102">
        <v>51</v>
      </c>
      <c r="BN11" s="102">
        <v>26</v>
      </c>
      <c r="BO11" s="103">
        <v>428</v>
      </c>
      <c r="BP11" s="104">
        <v>577</v>
      </c>
      <c r="BQ11" s="101">
        <v>83</v>
      </c>
      <c r="BR11" s="102">
        <v>67</v>
      </c>
      <c r="BS11" s="103">
        <v>150</v>
      </c>
      <c r="BT11" s="413">
        <v>0</v>
      </c>
      <c r="BU11" s="102">
        <v>173</v>
      </c>
      <c r="BV11" s="102">
        <v>133</v>
      </c>
      <c r="BW11" s="102">
        <v>75</v>
      </c>
      <c r="BX11" s="102">
        <v>66</v>
      </c>
      <c r="BY11" s="102">
        <v>31</v>
      </c>
      <c r="BZ11" s="103">
        <v>478</v>
      </c>
      <c r="CA11" s="104">
        <v>628</v>
      </c>
      <c r="CB11" s="101">
        <v>0</v>
      </c>
      <c r="CC11" s="102">
        <v>0</v>
      </c>
      <c r="CD11" s="103">
        <v>0</v>
      </c>
      <c r="CE11" s="413">
        <v>0</v>
      </c>
      <c r="CF11" s="102">
        <v>0</v>
      </c>
      <c r="CG11" s="102">
        <v>0</v>
      </c>
      <c r="CH11" s="102">
        <v>0</v>
      </c>
      <c r="CI11" s="102">
        <v>0</v>
      </c>
      <c r="CJ11" s="102">
        <v>0</v>
      </c>
      <c r="CK11" s="103">
        <v>0</v>
      </c>
      <c r="CL11" s="104">
        <v>0</v>
      </c>
      <c r="CM11" s="101">
        <v>254</v>
      </c>
      <c r="CN11" s="102">
        <v>188</v>
      </c>
      <c r="CO11" s="103">
        <v>442</v>
      </c>
      <c r="CP11" s="413">
        <v>0</v>
      </c>
      <c r="CQ11" s="102">
        <v>517</v>
      </c>
      <c r="CR11" s="102">
        <v>327</v>
      </c>
      <c r="CS11" s="102">
        <v>188</v>
      </c>
      <c r="CT11" s="102">
        <v>173</v>
      </c>
      <c r="CU11" s="102">
        <v>93</v>
      </c>
      <c r="CV11" s="103">
        <v>1298</v>
      </c>
      <c r="CW11" s="104">
        <v>1740</v>
      </c>
      <c r="CX11" s="105">
        <v>36</v>
      </c>
      <c r="CY11" s="97">
        <v>36</v>
      </c>
      <c r="CZ11" s="98">
        <v>72</v>
      </c>
      <c r="DA11" s="413">
        <v>0</v>
      </c>
      <c r="DB11" s="97">
        <v>80</v>
      </c>
      <c r="DC11" s="97">
        <v>37</v>
      </c>
      <c r="DD11" s="97">
        <v>32</v>
      </c>
      <c r="DE11" s="97">
        <v>19</v>
      </c>
      <c r="DF11" s="97">
        <v>15</v>
      </c>
      <c r="DG11" s="99">
        <v>183</v>
      </c>
      <c r="DH11" s="100">
        <v>255</v>
      </c>
      <c r="DI11" s="101">
        <v>1</v>
      </c>
      <c r="DJ11" s="102">
        <v>1</v>
      </c>
      <c r="DK11" s="103">
        <v>2</v>
      </c>
      <c r="DL11" s="413">
        <v>0</v>
      </c>
      <c r="DM11" s="102">
        <v>2</v>
      </c>
      <c r="DN11" s="102">
        <v>0</v>
      </c>
      <c r="DO11" s="102">
        <v>0</v>
      </c>
      <c r="DP11" s="102">
        <v>0</v>
      </c>
      <c r="DQ11" s="102">
        <v>0</v>
      </c>
      <c r="DR11" s="103">
        <v>2</v>
      </c>
      <c r="DS11" s="104">
        <v>4</v>
      </c>
      <c r="DT11" s="101">
        <v>4</v>
      </c>
      <c r="DU11" s="102">
        <v>1</v>
      </c>
      <c r="DV11" s="103">
        <v>5</v>
      </c>
      <c r="DW11" s="413">
        <v>0</v>
      </c>
      <c r="DX11" s="102">
        <v>1</v>
      </c>
      <c r="DY11" s="102">
        <v>0</v>
      </c>
      <c r="DZ11" s="102">
        <v>0</v>
      </c>
      <c r="EA11" s="102">
        <v>1</v>
      </c>
      <c r="EB11" s="102">
        <v>0</v>
      </c>
      <c r="EC11" s="103">
        <v>2</v>
      </c>
      <c r="ED11" s="104">
        <v>7</v>
      </c>
      <c r="EE11" s="101">
        <v>5</v>
      </c>
      <c r="EF11" s="102">
        <v>4</v>
      </c>
      <c r="EG11" s="103">
        <v>9</v>
      </c>
      <c r="EH11" s="413">
        <v>0</v>
      </c>
      <c r="EI11" s="102">
        <v>5</v>
      </c>
      <c r="EJ11" s="102">
        <v>1</v>
      </c>
      <c r="EK11" s="102">
        <v>3</v>
      </c>
      <c r="EL11" s="102">
        <v>0</v>
      </c>
      <c r="EM11" s="102">
        <v>2</v>
      </c>
      <c r="EN11" s="103">
        <v>11</v>
      </c>
      <c r="EO11" s="104">
        <v>20</v>
      </c>
      <c r="EP11" s="101">
        <v>8</v>
      </c>
      <c r="EQ11" s="102">
        <v>7</v>
      </c>
      <c r="ER11" s="103">
        <v>15</v>
      </c>
      <c r="ES11" s="413">
        <v>0</v>
      </c>
      <c r="ET11" s="102">
        <v>15</v>
      </c>
      <c r="EU11" s="102">
        <v>10</v>
      </c>
      <c r="EV11" s="102">
        <v>5</v>
      </c>
      <c r="EW11" s="102">
        <v>1</v>
      </c>
      <c r="EX11" s="102">
        <v>1</v>
      </c>
      <c r="EY11" s="103">
        <v>32</v>
      </c>
      <c r="EZ11" s="104">
        <v>47</v>
      </c>
      <c r="FA11" s="101">
        <v>9</v>
      </c>
      <c r="FB11" s="102">
        <v>14</v>
      </c>
      <c r="FC11" s="103">
        <v>23</v>
      </c>
      <c r="FD11" s="413">
        <v>0</v>
      </c>
      <c r="FE11" s="102">
        <v>23</v>
      </c>
      <c r="FF11" s="102">
        <v>5</v>
      </c>
      <c r="FG11" s="102">
        <v>7</v>
      </c>
      <c r="FH11" s="102">
        <v>4</v>
      </c>
      <c r="FI11" s="102">
        <v>7</v>
      </c>
      <c r="FJ11" s="103">
        <v>46</v>
      </c>
      <c r="FK11" s="104">
        <v>69</v>
      </c>
      <c r="FL11" s="101">
        <v>9</v>
      </c>
      <c r="FM11" s="102">
        <v>9</v>
      </c>
      <c r="FN11" s="103">
        <v>18</v>
      </c>
      <c r="FO11" s="413">
        <v>0</v>
      </c>
      <c r="FP11" s="102">
        <v>34</v>
      </c>
      <c r="FQ11" s="102">
        <v>21</v>
      </c>
      <c r="FR11" s="102">
        <v>17</v>
      </c>
      <c r="FS11" s="102">
        <v>13</v>
      </c>
      <c r="FT11" s="102">
        <v>5</v>
      </c>
      <c r="FU11" s="103">
        <v>90</v>
      </c>
      <c r="FV11" s="104">
        <v>108</v>
      </c>
      <c r="FW11" s="101">
        <v>0</v>
      </c>
      <c r="FX11" s="102">
        <v>0</v>
      </c>
      <c r="FY11" s="103">
        <v>0</v>
      </c>
      <c r="FZ11" s="413">
        <v>0</v>
      </c>
      <c r="GA11" s="102">
        <v>0</v>
      </c>
      <c r="GB11" s="102">
        <v>0</v>
      </c>
      <c r="GC11" s="102">
        <v>0</v>
      </c>
      <c r="GD11" s="102">
        <v>0</v>
      </c>
      <c r="GE11" s="102">
        <v>0</v>
      </c>
      <c r="GF11" s="103">
        <v>0</v>
      </c>
      <c r="GG11" s="104">
        <v>0</v>
      </c>
      <c r="GH11" s="101">
        <v>36</v>
      </c>
      <c r="GI11" s="102">
        <v>36</v>
      </c>
      <c r="GJ11" s="103">
        <v>72</v>
      </c>
      <c r="GK11" s="413">
        <v>0</v>
      </c>
      <c r="GL11" s="102">
        <v>80</v>
      </c>
      <c r="GM11" s="102">
        <v>37</v>
      </c>
      <c r="GN11" s="102">
        <v>32</v>
      </c>
      <c r="GO11" s="102">
        <v>19</v>
      </c>
      <c r="GP11" s="102">
        <v>15</v>
      </c>
      <c r="GQ11" s="103">
        <v>183</v>
      </c>
      <c r="GR11" s="104">
        <v>255</v>
      </c>
      <c r="GS11" s="105">
        <v>290</v>
      </c>
      <c r="GT11" s="97">
        <v>224</v>
      </c>
      <c r="GU11" s="98">
        <v>514</v>
      </c>
      <c r="GV11" s="413">
        <v>0</v>
      </c>
      <c r="GW11" s="97">
        <v>597</v>
      </c>
      <c r="GX11" s="97">
        <v>364</v>
      </c>
      <c r="GY11" s="97">
        <v>220</v>
      </c>
      <c r="GZ11" s="97">
        <v>192</v>
      </c>
      <c r="HA11" s="97">
        <v>108</v>
      </c>
      <c r="HB11" s="99">
        <v>1481</v>
      </c>
      <c r="HC11" s="100">
        <v>1995</v>
      </c>
      <c r="HD11" s="101">
        <v>5</v>
      </c>
      <c r="HE11" s="102">
        <v>2</v>
      </c>
      <c r="HF11" s="103">
        <v>7</v>
      </c>
      <c r="HG11" s="413">
        <v>0</v>
      </c>
      <c r="HH11" s="102">
        <v>9</v>
      </c>
      <c r="HI11" s="102">
        <v>4</v>
      </c>
      <c r="HJ11" s="102">
        <v>3</v>
      </c>
      <c r="HK11" s="102">
        <v>4</v>
      </c>
      <c r="HL11" s="102">
        <v>1</v>
      </c>
      <c r="HM11" s="103">
        <v>21</v>
      </c>
      <c r="HN11" s="104">
        <v>28</v>
      </c>
      <c r="HO11" s="101">
        <v>11</v>
      </c>
      <c r="HP11" s="102">
        <v>6</v>
      </c>
      <c r="HQ11" s="103">
        <v>17</v>
      </c>
      <c r="HR11" s="413">
        <v>0</v>
      </c>
      <c r="HS11" s="102">
        <v>16</v>
      </c>
      <c r="HT11" s="102">
        <v>9</v>
      </c>
      <c r="HU11" s="102">
        <v>6</v>
      </c>
      <c r="HV11" s="102">
        <v>7</v>
      </c>
      <c r="HW11" s="102">
        <v>7</v>
      </c>
      <c r="HX11" s="103">
        <v>45</v>
      </c>
      <c r="HY11" s="104">
        <v>62</v>
      </c>
      <c r="HZ11" s="101">
        <v>23</v>
      </c>
      <c r="IA11" s="102">
        <v>15</v>
      </c>
      <c r="IB11" s="103">
        <v>38</v>
      </c>
      <c r="IC11" s="413">
        <v>0</v>
      </c>
      <c r="ID11" s="102">
        <v>44</v>
      </c>
      <c r="IE11" s="102">
        <v>26</v>
      </c>
      <c r="IF11" s="102">
        <v>12</v>
      </c>
      <c r="IG11" s="102">
        <v>13</v>
      </c>
      <c r="IH11" s="102">
        <v>10</v>
      </c>
      <c r="II11" s="103">
        <v>105</v>
      </c>
      <c r="IJ11" s="104">
        <v>143</v>
      </c>
      <c r="IK11" s="101">
        <v>65</v>
      </c>
      <c r="IL11" s="102">
        <v>47</v>
      </c>
      <c r="IM11" s="103">
        <v>112</v>
      </c>
      <c r="IN11" s="413">
        <v>0</v>
      </c>
      <c r="IO11" s="102">
        <v>116</v>
      </c>
      <c r="IP11" s="102">
        <v>67</v>
      </c>
      <c r="IQ11" s="102">
        <v>30</v>
      </c>
      <c r="IR11" s="102">
        <v>34</v>
      </c>
      <c r="IS11" s="102">
        <v>21</v>
      </c>
      <c r="IT11" s="103">
        <v>268</v>
      </c>
      <c r="IU11" s="104">
        <v>380</v>
      </c>
      <c r="IV11" s="101">
        <v>94</v>
      </c>
      <c r="IW11" s="102">
        <v>78</v>
      </c>
      <c r="IX11" s="103">
        <v>172</v>
      </c>
      <c r="IY11" s="413">
        <v>0</v>
      </c>
      <c r="IZ11" s="102">
        <v>205</v>
      </c>
      <c r="JA11" s="102">
        <v>104</v>
      </c>
      <c r="JB11" s="102">
        <v>77</v>
      </c>
      <c r="JC11" s="102">
        <v>55</v>
      </c>
      <c r="JD11" s="102">
        <v>33</v>
      </c>
      <c r="JE11" s="103">
        <v>474</v>
      </c>
      <c r="JF11" s="104">
        <v>646</v>
      </c>
      <c r="JG11" s="101">
        <v>92</v>
      </c>
      <c r="JH11" s="102">
        <v>76</v>
      </c>
      <c r="JI11" s="103">
        <v>168</v>
      </c>
      <c r="JJ11" s="413">
        <v>0</v>
      </c>
      <c r="JK11" s="102">
        <v>207</v>
      </c>
      <c r="JL11" s="102">
        <v>154</v>
      </c>
      <c r="JM11" s="102">
        <v>92</v>
      </c>
      <c r="JN11" s="102">
        <v>79</v>
      </c>
      <c r="JO11" s="102">
        <v>36</v>
      </c>
      <c r="JP11" s="103">
        <v>568</v>
      </c>
      <c r="JQ11" s="104">
        <v>736</v>
      </c>
      <c r="JR11" s="101">
        <v>0</v>
      </c>
      <c r="JS11" s="102">
        <v>0</v>
      </c>
      <c r="JT11" s="103">
        <v>0</v>
      </c>
      <c r="JU11" s="413">
        <v>0</v>
      </c>
      <c r="JV11" s="102">
        <v>0</v>
      </c>
      <c r="JW11" s="102">
        <v>0</v>
      </c>
      <c r="JX11" s="102">
        <v>0</v>
      </c>
      <c r="JY11" s="102">
        <v>0</v>
      </c>
      <c r="JZ11" s="102">
        <v>0</v>
      </c>
      <c r="KA11" s="103">
        <v>0</v>
      </c>
      <c r="KB11" s="104">
        <v>0</v>
      </c>
      <c r="KC11" s="101">
        <v>290</v>
      </c>
      <c r="KD11" s="102">
        <v>224</v>
      </c>
      <c r="KE11" s="103">
        <v>514</v>
      </c>
      <c r="KF11" s="413">
        <v>0</v>
      </c>
      <c r="KG11" s="102">
        <v>597</v>
      </c>
      <c r="KH11" s="102">
        <v>364</v>
      </c>
      <c r="KI11" s="102">
        <v>220</v>
      </c>
      <c r="KJ11" s="102">
        <v>192</v>
      </c>
      <c r="KK11" s="102">
        <v>108</v>
      </c>
      <c r="KL11" s="103">
        <v>1481</v>
      </c>
      <c r="KM11" s="104">
        <v>1995</v>
      </c>
    </row>
    <row r="12" spans="2:299" s="70" customFormat="1" ht="21" customHeight="1" x14ac:dyDescent="0.2">
      <c r="B12" s="106" t="s">
        <v>8</v>
      </c>
      <c r="C12" s="96">
        <v>102</v>
      </c>
      <c r="D12" s="97">
        <v>66</v>
      </c>
      <c r="E12" s="98">
        <v>168</v>
      </c>
      <c r="F12" s="413">
        <v>0</v>
      </c>
      <c r="G12" s="97">
        <v>155</v>
      </c>
      <c r="H12" s="97">
        <v>119</v>
      </c>
      <c r="I12" s="97">
        <v>90</v>
      </c>
      <c r="J12" s="97">
        <v>61</v>
      </c>
      <c r="K12" s="97">
        <v>41</v>
      </c>
      <c r="L12" s="99">
        <v>466</v>
      </c>
      <c r="M12" s="100">
        <v>634</v>
      </c>
      <c r="N12" s="101">
        <v>2</v>
      </c>
      <c r="O12" s="102">
        <v>1</v>
      </c>
      <c r="P12" s="103">
        <v>3</v>
      </c>
      <c r="Q12" s="413">
        <v>0</v>
      </c>
      <c r="R12" s="102">
        <v>0</v>
      </c>
      <c r="S12" s="102">
        <v>1</v>
      </c>
      <c r="T12" s="102">
        <v>2</v>
      </c>
      <c r="U12" s="102">
        <v>1</v>
      </c>
      <c r="V12" s="102">
        <v>0</v>
      </c>
      <c r="W12" s="103">
        <v>4</v>
      </c>
      <c r="X12" s="104">
        <v>7</v>
      </c>
      <c r="Y12" s="101">
        <v>2</v>
      </c>
      <c r="Z12" s="102">
        <v>2</v>
      </c>
      <c r="AA12" s="103">
        <v>4</v>
      </c>
      <c r="AB12" s="413">
        <v>0</v>
      </c>
      <c r="AC12" s="102">
        <v>8</v>
      </c>
      <c r="AD12" s="102">
        <v>8</v>
      </c>
      <c r="AE12" s="102">
        <v>6</v>
      </c>
      <c r="AF12" s="102">
        <v>4</v>
      </c>
      <c r="AG12" s="102">
        <v>5</v>
      </c>
      <c r="AH12" s="103">
        <v>31</v>
      </c>
      <c r="AI12" s="104">
        <v>35</v>
      </c>
      <c r="AJ12" s="101">
        <v>5</v>
      </c>
      <c r="AK12" s="102">
        <v>6</v>
      </c>
      <c r="AL12" s="103">
        <v>11</v>
      </c>
      <c r="AM12" s="413">
        <v>0</v>
      </c>
      <c r="AN12" s="102">
        <v>14</v>
      </c>
      <c r="AO12" s="102">
        <v>15</v>
      </c>
      <c r="AP12" s="102">
        <v>2</v>
      </c>
      <c r="AQ12" s="102">
        <v>10</v>
      </c>
      <c r="AR12" s="102">
        <v>2</v>
      </c>
      <c r="AS12" s="103">
        <v>43</v>
      </c>
      <c r="AT12" s="104">
        <v>54</v>
      </c>
      <c r="AU12" s="101">
        <v>22</v>
      </c>
      <c r="AV12" s="102">
        <v>8</v>
      </c>
      <c r="AW12" s="103">
        <v>30</v>
      </c>
      <c r="AX12" s="413">
        <v>0</v>
      </c>
      <c r="AY12" s="102">
        <v>39</v>
      </c>
      <c r="AZ12" s="102">
        <v>23</v>
      </c>
      <c r="BA12" s="102">
        <v>13</v>
      </c>
      <c r="BB12" s="102">
        <v>11</v>
      </c>
      <c r="BC12" s="102">
        <v>6</v>
      </c>
      <c r="BD12" s="103">
        <v>92</v>
      </c>
      <c r="BE12" s="104">
        <v>122</v>
      </c>
      <c r="BF12" s="101">
        <v>41</v>
      </c>
      <c r="BG12" s="102">
        <v>20</v>
      </c>
      <c r="BH12" s="103">
        <v>61</v>
      </c>
      <c r="BI12" s="413">
        <v>0</v>
      </c>
      <c r="BJ12" s="102">
        <v>42</v>
      </c>
      <c r="BK12" s="102">
        <v>26</v>
      </c>
      <c r="BL12" s="102">
        <v>29</v>
      </c>
      <c r="BM12" s="102">
        <v>11</v>
      </c>
      <c r="BN12" s="102">
        <v>12</v>
      </c>
      <c r="BO12" s="103">
        <v>120</v>
      </c>
      <c r="BP12" s="104">
        <v>181</v>
      </c>
      <c r="BQ12" s="101">
        <v>30</v>
      </c>
      <c r="BR12" s="102">
        <v>29</v>
      </c>
      <c r="BS12" s="103">
        <v>59</v>
      </c>
      <c r="BT12" s="413">
        <v>0</v>
      </c>
      <c r="BU12" s="102">
        <v>52</v>
      </c>
      <c r="BV12" s="102">
        <v>46</v>
      </c>
      <c r="BW12" s="102">
        <v>38</v>
      </c>
      <c r="BX12" s="102">
        <v>24</v>
      </c>
      <c r="BY12" s="102">
        <v>16</v>
      </c>
      <c r="BZ12" s="103">
        <v>176</v>
      </c>
      <c r="CA12" s="104">
        <v>235</v>
      </c>
      <c r="CB12" s="101">
        <v>0</v>
      </c>
      <c r="CC12" s="102">
        <v>0</v>
      </c>
      <c r="CD12" s="103">
        <v>0</v>
      </c>
      <c r="CE12" s="413">
        <v>0</v>
      </c>
      <c r="CF12" s="102">
        <v>0</v>
      </c>
      <c r="CG12" s="102">
        <v>0</v>
      </c>
      <c r="CH12" s="102">
        <v>0</v>
      </c>
      <c r="CI12" s="102">
        <v>0</v>
      </c>
      <c r="CJ12" s="102">
        <v>0</v>
      </c>
      <c r="CK12" s="103">
        <v>0</v>
      </c>
      <c r="CL12" s="104">
        <v>0</v>
      </c>
      <c r="CM12" s="101">
        <v>102</v>
      </c>
      <c r="CN12" s="102">
        <v>66</v>
      </c>
      <c r="CO12" s="103">
        <v>168</v>
      </c>
      <c r="CP12" s="413">
        <v>0</v>
      </c>
      <c r="CQ12" s="102">
        <v>155</v>
      </c>
      <c r="CR12" s="102">
        <v>119</v>
      </c>
      <c r="CS12" s="102">
        <v>90</v>
      </c>
      <c r="CT12" s="102">
        <v>61</v>
      </c>
      <c r="CU12" s="102">
        <v>41</v>
      </c>
      <c r="CV12" s="103">
        <v>466</v>
      </c>
      <c r="CW12" s="104">
        <v>634</v>
      </c>
      <c r="CX12" s="105">
        <v>12</v>
      </c>
      <c r="CY12" s="97">
        <v>8</v>
      </c>
      <c r="CZ12" s="98">
        <v>20</v>
      </c>
      <c r="DA12" s="413">
        <v>0</v>
      </c>
      <c r="DB12" s="97">
        <v>24</v>
      </c>
      <c r="DC12" s="97">
        <v>24</v>
      </c>
      <c r="DD12" s="97">
        <v>15</v>
      </c>
      <c r="DE12" s="97">
        <v>13</v>
      </c>
      <c r="DF12" s="97">
        <v>6</v>
      </c>
      <c r="DG12" s="99">
        <v>82</v>
      </c>
      <c r="DH12" s="100">
        <v>102</v>
      </c>
      <c r="DI12" s="101">
        <v>0</v>
      </c>
      <c r="DJ12" s="102">
        <v>0</v>
      </c>
      <c r="DK12" s="103">
        <v>0</v>
      </c>
      <c r="DL12" s="413">
        <v>0</v>
      </c>
      <c r="DM12" s="102">
        <v>0</v>
      </c>
      <c r="DN12" s="102">
        <v>1</v>
      </c>
      <c r="DO12" s="102">
        <v>0</v>
      </c>
      <c r="DP12" s="102">
        <v>0</v>
      </c>
      <c r="DQ12" s="102">
        <v>0</v>
      </c>
      <c r="DR12" s="103">
        <v>1</v>
      </c>
      <c r="DS12" s="104">
        <v>1</v>
      </c>
      <c r="DT12" s="101">
        <v>3</v>
      </c>
      <c r="DU12" s="102">
        <v>0</v>
      </c>
      <c r="DV12" s="103">
        <v>3</v>
      </c>
      <c r="DW12" s="413">
        <v>0</v>
      </c>
      <c r="DX12" s="102">
        <v>0</v>
      </c>
      <c r="DY12" s="102">
        <v>1</v>
      </c>
      <c r="DZ12" s="102">
        <v>1</v>
      </c>
      <c r="EA12" s="102">
        <v>0</v>
      </c>
      <c r="EB12" s="102">
        <v>0</v>
      </c>
      <c r="EC12" s="103">
        <v>2</v>
      </c>
      <c r="ED12" s="104">
        <v>5</v>
      </c>
      <c r="EE12" s="101">
        <v>0</v>
      </c>
      <c r="EF12" s="102">
        <v>0</v>
      </c>
      <c r="EG12" s="103">
        <v>0</v>
      </c>
      <c r="EH12" s="413">
        <v>0</v>
      </c>
      <c r="EI12" s="102">
        <v>0</v>
      </c>
      <c r="EJ12" s="102">
        <v>1</v>
      </c>
      <c r="EK12" s="102">
        <v>0</v>
      </c>
      <c r="EL12" s="102">
        <v>2</v>
      </c>
      <c r="EM12" s="102">
        <v>0</v>
      </c>
      <c r="EN12" s="103">
        <v>3</v>
      </c>
      <c r="EO12" s="104">
        <v>3</v>
      </c>
      <c r="EP12" s="101">
        <v>3</v>
      </c>
      <c r="EQ12" s="102">
        <v>0</v>
      </c>
      <c r="ER12" s="103">
        <v>3</v>
      </c>
      <c r="ES12" s="413">
        <v>0</v>
      </c>
      <c r="ET12" s="102">
        <v>4</v>
      </c>
      <c r="EU12" s="102">
        <v>2</v>
      </c>
      <c r="EV12" s="102">
        <v>3</v>
      </c>
      <c r="EW12" s="102">
        <v>1</v>
      </c>
      <c r="EX12" s="102">
        <v>1</v>
      </c>
      <c r="EY12" s="103">
        <v>11</v>
      </c>
      <c r="EZ12" s="104">
        <v>14</v>
      </c>
      <c r="FA12" s="101">
        <v>3</v>
      </c>
      <c r="FB12" s="102">
        <v>5</v>
      </c>
      <c r="FC12" s="103">
        <v>8</v>
      </c>
      <c r="FD12" s="413">
        <v>0</v>
      </c>
      <c r="FE12" s="102">
        <v>8</v>
      </c>
      <c r="FF12" s="102">
        <v>9</v>
      </c>
      <c r="FG12" s="102">
        <v>1</v>
      </c>
      <c r="FH12" s="102">
        <v>2</v>
      </c>
      <c r="FI12" s="102">
        <v>3</v>
      </c>
      <c r="FJ12" s="103">
        <v>23</v>
      </c>
      <c r="FK12" s="104">
        <v>31</v>
      </c>
      <c r="FL12" s="101">
        <v>3</v>
      </c>
      <c r="FM12" s="102">
        <v>3</v>
      </c>
      <c r="FN12" s="103">
        <v>6</v>
      </c>
      <c r="FO12" s="413">
        <v>0</v>
      </c>
      <c r="FP12" s="102">
        <v>12</v>
      </c>
      <c r="FQ12" s="102">
        <v>10</v>
      </c>
      <c r="FR12" s="102">
        <v>10</v>
      </c>
      <c r="FS12" s="102">
        <v>8</v>
      </c>
      <c r="FT12" s="102">
        <v>2</v>
      </c>
      <c r="FU12" s="103">
        <v>42</v>
      </c>
      <c r="FV12" s="104">
        <v>48</v>
      </c>
      <c r="FW12" s="101">
        <v>0</v>
      </c>
      <c r="FX12" s="102">
        <v>0</v>
      </c>
      <c r="FY12" s="103">
        <v>0</v>
      </c>
      <c r="FZ12" s="413">
        <v>0</v>
      </c>
      <c r="GA12" s="102">
        <v>0</v>
      </c>
      <c r="GB12" s="102">
        <v>0</v>
      </c>
      <c r="GC12" s="102">
        <v>0</v>
      </c>
      <c r="GD12" s="102">
        <v>0</v>
      </c>
      <c r="GE12" s="102">
        <v>0</v>
      </c>
      <c r="GF12" s="103">
        <v>0</v>
      </c>
      <c r="GG12" s="104">
        <v>0</v>
      </c>
      <c r="GH12" s="101">
        <v>12</v>
      </c>
      <c r="GI12" s="102">
        <v>8</v>
      </c>
      <c r="GJ12" s="103">
        <v>20</v>
      </c>
      <c r="GK12" s="413">
        <v>0</v>
      </c>
      <c r="GL12" s="102">
        <v>24</v>
      </c>
      <c r="GM12" s="102">
        <v>24</v>
      </c>
      <c r="GN12" s="102">
        <v>15</v>
      </c>
      <c r="GO12" s="102">
        <v>13</v>
      </c>
      <c r="GP12" s="102">
        <v>6</v>
      </c>
      <c r="GQ12" s="103">
        <v>82</v>
      </c>
      <c r="GR12" s="104">
        <v>102</v>
      </c>
      <c r="GS12" s="105">
        <v>114</v>
      </c>
      <c r="GT12" s="97">
        <v>74</v>
      </c>
      <c r="GU12" s="98">
        <v>188</v>
      </c>
      <c r="GV12" s="413">
        <v>0</v>
      </c>
      <c r="GW12" s="97">
        <v>179</v>
      </c>
      <c r="GX12" s="97">
        <v>143</v>
      </c>
      <c r="GY12" s="97">
        <v>105</v>
      </c>
      <c r="GZ12" s="97">
        <v>74</v>
      </c>
      <c r="HA12" s="97">
        <v>47</v>
      </c>
      <c r="HB12" s="99">
        <v>548</v>
      </c>
      <c r="HC12" s="100">
        <v>736</v>
      </c>
      <c r="HD12" s="101">
        <v>2</v>
      </c>
      <c r="HE12" s="102">
        <v>1</v>
      </c>
      <c r="HF12" s="103">
        <v>3</v>
      </c>
      <c r="HG12" s="413">
        <v>0</v>
      </c>
      <c r="HH12" s="102">
        <v>0</v>
      </c>
      <c r="HI12" s="102">
        <v>2</v>
      </c>
      <c r="HJ12" s="102">
        <v>2</v>
      </c>
      <c r="HK12" s="102">
        <v>1</v>
      </c>
      <c r="HL12" s="102">
        <v>0</v>
      </c>
      <c r="HM12" s="103">
        <v>5</v>
      </c>
      <c r="HN12" s="104">
        <v>8</v>
      </c>
      <c r="HO12" s="101">
        <v>5</v>
      </c>
      <c r="HP12" s="102">
        <v>2</v>
      </c>
      <c r="HQ12" s="103">
        <v>7</v>
      </c>
      <c r="HR12" s="413">
        <v>0</v>
      </c>
      <c r="HS12" s="102">
        <v>8</v>
      </c>
      <c r="HT12" s="102">
        <v>9</v>
      </c>
      <c r="HU12" s="102">
        <v>7</v>
      </c>
      <c r="HV12" s="102">
        <v>4</v>
      </c>
      <c r="HW12" s="102">
        <v>5</v>
      </c>
      <c r="HX12" s="103">
        <v>33</v>
      </c>
      <c r="HY12" s="104">
        <v>40</v>
      </c>
      <c r="HZ12" s="101">
        <v>5</v>
      </c>
      <c r="IA12" s="102">
        <v>6</v>
      </c>
      <c r="IB12" s="103">
        <v>11</v>
      </c>
      <c r="IC12" s="413">
        <v>0</v>
      </c>
      <c r="ID12" s="102">
        <v>14</v>
      </c>
      <c r="IE12" s="102">
        <v>16</v>
      </c>
      <c r="IF12" s="102">
        <v>2</v>
      </c>
      <c r="IG12" s="102">
        <v>12</v>
      </c>
      <c r="IH12" s="102">
        <v>2</v>
      </c>
      <c r="II12" s="103">
        <v>46</v>
      </c>
      <c r="IJ12" s="104">
        <v>57</v>
      </c>
      <c r="IK12" s="101">
        <v>25</v>
      </c>
      <c r="IL12" s="102">
        <v>8</v>
      </c>
      <c r="IM12" s="103">
        <v>33</v>
      </c>
      <c r="IN12" s="413">
        <v>0</v>
      </c>
      <c r="IO12" s="102">
        <v>43</v>
      </c>
      <c r="IP12" s="102">
        <v>25</v>
      </c>
      <c r="IQ12" s="102">
        <v>16</v>
      </c>
      <c r="IR12" s="102">
        <v>12</v>
      </c>
      <c r="IS12" s="102">
        <v>7</v>
      </c>
      <c r="IT12" s="103">
        <v>103</v>
      </c>
      <c r="IU12" s="104">
        <v>136</v>
      </c>
      <c r="IV12" s="101">
        <v>44</v>
      </c>
      <c r="IW12" s="102">
        <v>25</v>
      </c>
      <c r="IX12" s="103">
        <v>69</v>
      </c>
      <c r="IY12" s="413">
        <v>0</v>
      </c>
      <c r="IZ12" s="102">
        <v>50</v>
      </c>
      <c r="JA12" s="102">
        <v>35</v>
      </c>
      <c r="JB12" s="102">
        <v>30</v>
      </c>
      <c r="JC12" s="102">
        <v>13</v>
      </c>
      <c r="JD12" s="102">
        <v>15</v>
      </c>
      <c r="JE12" s="103">
        <v>143</v>
      </c>
      <c r="JF12" s="104">
        <v>212</v>
      </c>
      <c r="JG12" s="101">
        <v>33</v>
      </c>
      <c r="JH12" s="102">
        <v>32</v>
      </c>
      <c r="JI12" s="103">
        <v>65</v>
      </c>
      <c r="JJ12" s="413">
        <v>0</v>
      </c>
      <c r="JK12" s="102">
        <v>64</v>
      </c>
      <c r="JL12" s="102">
        <v>56</v>
      </c>
      <c r="JM12" s="102">
        <v>48</v>
      </c>
      <c r="JN12" s="102">
        <v>32</v>
      </c>
      <c r="JO12" s="102">
        <v>18</v>
      </c>
      <c r="JP12" s="103">
        <v>218</v>
      </c>
      <c r="JQ12" s="104">
        <v>283</v>
      </c>
      <c r="JR12" s="101">
        <v>0</v>
      </c>
      <c r="JS12" s="102">
        <v>0</v>
      </c>
      <c r="JT12" s="103">
        <v>0</v>
      </c>
      <c r="JU12" s="413">
        <v>0</v>
      </c>
      <c r="JV12" s="102">
        <v>0</v>
      </c>
      <c r="JW12" s="102">
        <v>0</v>
      </c>
      <c r="JX12" s="102">
        <v>0</v>
      </c>
      <c r="JY12" s="102">
        <v>0</v>
      </c>
      <c r="JZ12" s="102">
        <v>0</v>
      </c>
      <c r="KA12" s="103">
        <v>0</v>
      </c>
      <c r="KB12" s="104">
        <v>0</v>
      </c>
      <c r="KC12" s="101">
        <v>114</v>
      </c>
      <c r="KD12" s="102">
        <v>74</v>
      </c>
      <c r="KE12" s="103">
        <v>188</v>
      </c>
      <c r="KF12" s="413">
        <v>0</v>
      </c>
      <c r="KG12" s="102">
        <v>179</v>
      </c>
      <c r="KH12" s="102">
        <v>143</v>
      </c>
      <c r="KI12" s="102">
        <v>105</v>
      </c>
      <c r="KJ12" s="102">
        <v>74</v>
      </c>
      <c r="KK12" s="102">
        <v>47</v>
      </c>
      <c r="KL12" s="103">
        <v>548</v>
      </c>
      <c r="KM12" s="104">
        <v>736</v>
      </c>
    </row>
    <row r="13" spans="2:299" s="70" customFormat="1" ht="21" customHeight="1" x14ac:dyDescent="0.2">
      <c r="B13" s="106" t="s">
        <v>9</v>
      </c>
      <c r="C13" s="96">
        <v>199</v>
      </c>
      <c r="D13" s="97">
        <v>92</v>
      </c>
      <c r="E13" s="98">
        <v>291</v>
      </c>
      <c r="F13" s="413">
        <v>0</v>
      </c>
      <c r="G13" s="97">
        <v>227</v>
      </c>
      <c r="H13" s="97">
        <v>123</v>
      </c>
      <c r="I13" s="97">
        <v>112</v>
      </c>
      <c r="J13" s="97">
        <v>100</v>
      </c>
      <c r="K13" s="97">
        <v>40</v>
      </c>
      <c r="L13" s="99">
        <v>602</v>
      </c>
      <c r="M13" s="100">
        <v>893</v>
      </c>
      <c r="N13" s="101">
        <v>4</v>
      </c>
      <c r="O13" s="102">
        <v>0</v>
      </c>
      <c r="P13" s="103">
        <v>4</v>
      </c>
      <c r="Q13" s="413">
        <v>0</v>
      </c>
      <c r="R13" s="102">
        <v>0</v>
      </c>
      <c r="S13" s="102">
        <v>2</v>
      </c>
      <c r="T13" s="102">
        <v>0</v>
      </c>
      <c r="U13" s="102">
        <v>0</v>
      </c>
      <c r="V13" s="102">
        <v>1</v>
      </c>
      <c r="W13" s="103">
        <v>3</v>
      </c>
      <c r="X13" s="104">
        <v>7</v>
      </c>
      <c r="Y13" s="101">
        <v>5</v>
      </c>
      <c r="Z13" s="102">
        <v>1</v>
      </c>
      <c r="AA13" s="103">
        <v>6</v>
      </c>
      <c r="AB13" s="413">
        <v>0</v>
      </c>
      <c r="AC13" s="102">
        <v>3</v>
      </c>
      <c r="AD13" s="102">
        <v>4</v>
      </c>
      <c r="AE13" s="102">
        <v>2</v>
      </c>
      <c r="AF13" s="102">
        <v>1</v>
      </c>
      <c r="AG13" s="102">
        <v>0</v>
      </c>
      <c r="AH13" s="103">
        <v>10</v>
      </c>
      <c r="AI13" s="104">
        <v>16</v>
      </c>
      <c r="AJ13" s="101">
        <v>13</v>
      </c>
      <c r="AK13" s="102">
        <v>3</v>
      </c>
      <c r="AL13" s="103">
        <v>16</v>
      </c>
      <c r="AM13" s="413">
        <v>0</v>
      </c>
      <c r="AN13" s="102">
        <v>10</v>
      </c>
      <c r="AO13" s="102">
        <v>12</v>
      </c>
      <c r="AP13" s="102">
        <v>10</v>
      </c>
      <c r="AQ13" s="102">
        <v>4</v>
      </c>
      <c r="AR13" s="102">
        <v>2</v>
      </c>
      <c r="AS13" s="103">
        <v>38</v>
      </c>
      <c r="AT13" s="104">
        <v>54</v>
      </c>
      <c r="AU13" s="101">
        <v>38</v>
      </c>
      <c r="AV13" s="102">
        <v>15</v>
      </c>
      <c r="AW13" s="103">
        <v>53</v>
      </c>
      <c r="AX13" s="413">
        <v>0</v>
      </c>
      <c r="AY13" s="102">
        <v>37</v>
      </c>
      <c r="AZ13" s="102">
        <v>10</v>
      </c>
      <c r="BA13" s="102">
        <v>15</v>
      </c>
      <c r="BB13" s="102">
        <v>14</v>
      </c>
      <c r="BC13" s="102">
        <v>8</v>
      </c>
      <c r="BD13" s="103">
        <v>84</v>
      </c>
      <c r="BE13" s="104">
        <v>137</v>
      </c>
      <c r="BF13" s="101">
        <v>68</v>
      </c>
      <c r="BG13" s="102">
        <v>41</v>
      </c>
      <c r="BH13" s="103">
        <v>109</v>
      </c>
      <c r="BI13" s="413">
        <v>0</v>
      </c>
      <c r="BJ13" s="102">
        <v>76</v>
      </c>
      <c r="BK13" s="102">
        <v>34</v>
      </c>
      <c r="BL13" s="102">
        <v>35</v>
      </c>
      <c r="BM13" s="102">
        <v>30</v>
      </c>
      <c r="BN13" s="102">
        <v>11</v>
      </c>
      <c r="BO13" s="103">
        <v>186</v>
      </c>
      <c r="BP13" s="104">
        <v>295</v>
      </c>
      <c r="BQ13" s="101">
        <v>71</v>
      </c>
      <c r="BR13" s="102">
        <v>32</v>
      </c>
      <c r="BS13" s="103">
        <v>103</v>
      </c>
      <c r="BT13" s="413">
        <v>0</v>
      </c>
      <c r="BU13" s="102">
        <v>101</v>
      </c>
      <c r="BV13" s="102">
        <v>61</v>
      </c>
      <c r="BW13" s="102">
        <v>50</v>
      </c>
      <c r="BX13" s="102">
        <v>51</v>
      </c>
      <c r="BY13" s="102">
        <v>18</v>
      </c>
      <c r="BZ13" s="103">
        <v>281</v>
      </c>
      <c r="CA13" s="104">
        <v>384</v>
      </c>
      <c r="CB13" s="101">
        <v>0</v>
      </c>
      <c r="CC13" s="102">
        <v>0</v>
      </c>
      <c r="CD13" s="103">
        <v>0</v>
      </c>
      <c r="CE13" s="413">
        <v>0</v>
      </c>
      <c r="CF13" s="102">
        <v>0</v>
      </c>
      <c r="CG13" s="102">
        <v>0</v>
      </c>
      <c r="CH13" s="102">
        <v>0</v>
      </c>
      <c r="CI13" s="102">
        <v>0</v>
      </c>
      <c r="CJ13" s="102">
        <v>0</v>
      </c>
      <c r="CK13" s="103">
        <v>0</v>
      </c>
      <c r="CL13" s="104">
        <v>0</v>
      </c>
      <c r="CM13" s="101">
        <v>199</v>
      </c>
      <c r="CN13" s="102">
        <v>92</v>
      </c>
      <c r="CO13" s="103">
        <v>291</v>
      </c>
      <c r="CP13" s="413">
        <v>0</v>
      </c>
      <c r="CQ13" s="102">
        <v>227</v>
      </c>
      <c r="CR13" s="102">
        <v>123</v>
      </c>
      <c r="CS13" s="102">
        <v>112</v>
      </c>
      <c r="CT13" s="102">
        <v>100</v>
      </c>
      <c r="CU13" s="102">
        <v>40</v>
      </c>
      <c r="CV13" s="103">
        <v>602</v>
      </c>
      <c r="CW13" s="104">
        <v>893</v>
      </c>
      <c r="CX13" s="105">
        <v>34</v>
      </c>
      <c r="CY13" s="97">
        <v>21</v>
      </c>
      <c r="CZ13" s="98">
        <v>55</v>
      </c>
      <c r="DA13" s="413">
        <v>0</v>
      </c>
      <c r="DB13" s="97">
        <v>31</v>
      </c>
      <c r="DC13" s="97">
        <v>22</v>
      </c>
      <c r="DD13" s="97">
        <v>20</v>
      </c>
      <c r="DE13" s="97">
        <v>18</v>
      </c>
      <c r="DF13" s="97">
        <v>9</v>
      </c>
      <c r="DG13" s="99">
        <v>100</v>
      </c>
      <c r="DH13" s="100">
        <v>155</v>
      </c>
      <c r="DI13" s="101">
        <v>0</v>
      </c>
      <c r="DJ13" s="102">
        <v>1</v>
      </c>
      <c r="DK13" s="103">
        <v>1</v>
      </c>
      <c r="DL13" s="413">
        <v>0</v>
      </c>
      <c r="DM13" s="102">
        <v>1</v>
      </c>
      <c r="DN13" s="102">
        <v>0</v>
      </c>
      <c r="DO13" s="102">
        <v>1</v>
      </c>
      <c r="DP13" s="102">
        <v>0</v>
      </c>
      <c r="DQ13" s="102">
        <v>0</v>
      </c>
      <c r="DR13" s="103">
        <v>2</v>
      </c>
      <c r="DS13" s="104">
        <v>3</v>
      </c>
      <c r="DT13" s="101">
        <v>3</v>
      </c>
      <c r="DU13" s="102">
        <v>1</v>
      </c>
      <c r="DV13" s="103">
        <v>4</v>
      </c>
      <c r="DW13" s="413">
        <v>0</v>
      </c>
      <c r="DX13" s="102">
        <v>1</v>
      </c>
      <c r="DY13" s="102">
        <v>0</v>
      </c>
      <c r="DZ13" s="102">
        <v>0</v>
      </c>
      <c r="EA13" s="102">
        <v>0</v>
      </c>
      <c r="EB13" s="102">
        <v>0</v>
      </c>
      <c r="EC13" s="103">
        <v>1</v>
      </c>
      <c r="ED13" s="104">
        <v>5</v>
      </c>
      <c r="EE13" s="101">
        <v>7</v>
      </c>
      <c r="EF13" s="102">
        <v>0</v>
      </c>
      <c r="EG13" s="103">
        <v>7</v>
      </c>
      <c r="EH13" s="413">
        <v>0</v>
      </c>
      <c r="EI13" s="102">
        <v>2</v>
      </c>
      <c r="EJ13" s="102">
        <v>1</v>
      </c>
      <c r="EK13" s="102">
        <v>0</v>
      </c>
      <c r="EL13" s="102">
        <v>0</v>
      </c>
      <c r="EM13" s="102">
        <v>2</v>
      </c>
      <c r="EN13" s="103">
        <v>5</v>
      </c>
      <c r="EO13" s="104">
        <v>12</v>
      </c>
      <c r="EP13" s="101">
        <v>11</v>
      </c>
      <c r="EQ13" s="102">
        <v>5</v>
      </c>
      <c r="ER13" s="103">
        <v>16</v>
      </c>
      <c r="ES13" s="413">
        <v>0</v>
      </c>
      <c r="ET13" s="102">
        <v>6</v>
      </c>
      <c r="EU13" s="102">
        <v>1</v>
      </c>
      <c r="EV13" s="102">
        <v>3</v>
      </c>
      <c r="EW13" s="102">
        <v>2</v>
      </c>
      <c r="EX13" s="102">
        <v>0</v>
      </c>
      <c r="EY13" s="103">
        <v>12</v>
      </c>
      <c r="EZ13" s="104">
        <v>28</v>
      </c>
      <c r="FA13" s="101">
        <v>8</v>
      </c>
      <c r="FB13" s="102">
        <v>8</v>
      </c>
      <c r="FC13" s="103">
        <v>16</v>
      </c>
      <c r="FD13" s="413">
        <v>0</v>
      </c>
      <c r="FE13" s="102">
        <v>8</v>
      </c>
      <c r="FF13" s="102">
        <v>7</v>
      </c>
      <c r="FG13" s="102">
        <v>5</v>
      </c>
      <c r="FH13" s="102">
        <v>4</v>
      </c>
      <c r="FI13" s="102">
        <v>1</v>
      </c>
      <c r="FJ13" s="103">
        <v>25</v>
      </c>
      <c r="FK13" s="104">
        <v>41</v>
      </c>
      <c r="FL13" s="101">
        <v>5</v>
      </c>
      <c r="FM13" s="102">
        <v>6</v>
      </c>
      <c r="FN13" s="103">
        <v>11</v>
      </c>
      <c r="FO13" s="413">
        <v>0</v>
      </c>
      <c r="FP13" s="102">
        <v>13</v>
      </c>
      <c r="FQ13" s="102">
        <v>13</v>
      </c>
      <c r="FR13" s="102">
        <v>11</v>
      </c>
      <c r="FS13" s="102">
        <v>12</v>
      </c>
      <c r="FT13" s="102">
        <v>6</v>
      </c>
      <c r="FU13" s="103">
        <v>55</v>
      </c>
      <c r="FV13" s="104">
        <v>66</v>
      </c>
      <c r="FW13" s="101">
        <v>0</v>
      </c>
      <c r="FX13" s="102">
        <v>0</v>
      </c>
      <c r="FY13" s="103">
        <v>0</v>
      </c>
      <c r="FZ13" s="413">
        <v>0</v>
      </c>
      <c r="GA13" s="102">
        <v>0</v>
      </c>
      <c r="GB13" s="102">
        <v>0</v>
      </c>
      <c r="GC13" s="102">
        <v>0</v>
      </c>
      <c r="GD13" s="102">
        <v>0</v>
      </c>
      <c r="GE13" s="102">
        <v>0</v>
      </c>
      <c r="GF13" s="103">
        <v>0</v>
      </c>
      <c r="GG13" s="104">
        <v>0</v>
      </c>
      <c r="GH13" s="101">
        <v>34</v>
      </c>
      <c r="GI13" s="102">
        <v>21</v>
      </c>
      <c r="GJ13" s="103">
        <v>55</v>
      </c>
      <c r="GK13" s="413">
        <v>0</v>
      </c>
      <c r="GL13" s="102">
        <v>31</v>
      </c>
      <c r="GM13" s="102">
        <v>22</v>
      </c>
      <c r="GN13" s="102">
        <v>20</v>
      </c>
      <c r="GO13" s="102">
        <v>18</v>
      </c>
      <c r="GP13" s="102">
        <v>9</v>
      </c>
      <c r="GQ13" s="103">
        <v>100</v>
      </c>
      <c r="GR13" s="104">
        <v>155</v>
      </c>
      <c r="GS13" s="105">
        <v>233</v>
      </c>
      <c r="GT13" s="97">
        <v>113</v>
      </c>
      <c r="GU13" s="98">
        <v>346</v>
      </c>
      <c r="GV13" s="413">
        <v>0</v>
      </c>
      <c r="GW13" s="97">
        <v>258</v>
      </c>
      <c r="GX13" s="97">
        <v>145</v>
      </c>
      <c r="GY13" s="97">
        <v>132</v>
      </c>
      <c r="GZ13" s="97">
        <v>118</v>
      </c>
      <c r="HA13" s="97">
        <v>49</v>
      </c>
      <c r="HB13" s="99">
        <v>702</v>
      </c>
      <c r="HC13" s="100">
        <v>1048</v>
      </c>
      <c r="HD13" s="101">
        <v>4</v>
      </c>
      <c r="HE13" s="102">
        <v>1</v>
      </c>
      <c r="HF13" s="103">
        <v>5</v>
      </c>
      <c r="HG13" s="413">
        <v>0</v>
      </c>
      <c r="HH13" s="102">
        <v>1</v>
      </c>
      <c r="HI13" s="102">
        <v>2</v>
      </c>
      <c r="HJ13" s="102">
        <v>1</v>
      </c>
      <c r="HK13" s="102">
        <v>0</v>
      </c>
      <c r="HL13" s="102">
        <v>1</v>
      </c>
      <c r="HM13" s="103">
        <v>5</v>
      </c>
      <c r="HN13" s="104">
        <v>10</v>
      </c>
      <c r="HO13" s="101">
        <v>8</v>
      </c>
      <c r="HP13" s="102">
        <v>2</v>
      </c>
      <c r="HQ13" s="103">
        <v>10</v>
      </c>
      <c r="HR13" s="413">
        <v>0</v>
      </c>
      <c r="HS13" s="102">
        <v>4</v>
      </c>
      <c r="HT13" s="102">
        <v>4</v>
      </c>
      <c r="HU13" s="102">
        <v>2</v>
      </c>
      <c r="HV13" s="102">
        <v>1</v>
      </c>
      <c r="HW13" s="102">
        <v>0</v>
      </c>
      <c r="HX13" s="103">
        <v>11</v>
      </c>
      <c r="HY13" s="104">
        <v>21</v>
      </c>
      <c r="HZ13" s="101">
        <v>20</v>
      </c>
      <c r="IA13" s="102">
        <v>3</v>
      </c>
      <c r="IB13" s="103">
        <v>23</v>
      </c>
      <c r="IC13" s="413">
        <v>0</v>
      </c>
      <c r="ID13" s="102">
        <v>12</v>
      </c>
      <c r="IE13" s="102">
        <v>13</v>
      </c>
      <c r="IF13" s="102">
        <v>10</v>
      </c>
      <c r="IG13" s="102">
        <v>4</v>
      </c>
      <c r="IH13" s="102">
        <v>4</v>
      </c>
      <c r="II13" s="103">
        <v>43</v>
      </c>
      <c r="IJ13" s="104">
        <v>66</v>
      </c>
      <c r="IK13" s="101">
        <v>49</v>
      </c>
      <c r="IL13" s="102">
        <v>20</v>
      </c>
      <c r="IM13" s="103">
        <v>69</v>
      </c>
      <c r="IN13" s="413">
        <v>0</v>
      </c>
      <c r="IO13" s="102">
        <v>43</v>
      </c>
      <c r="IP13" s="102">
        <v>11</v>
      </c>
      <c r="IQ13" s="102">
        <v>18</v>
      </c>
      <c r="IR13" s="102">
        <v>16</v>
      </c>
      <c r="IS13" s="102">
        <v>8</v>
      </c>
      <c r="IT13" s="103">
        <v>96</v>
      </c>
      <c r="IU13" s="104">
        <v>165</v>
      </c>
      <c r="IV13" s="101">
        <v>76</v>
      </c>
      <c r="IW13" s="102">
        <v>49</v>
      </c>
      <c r="IX13" s="103">
        <v>125</v>
      </c>
      <c r="IY13" s="413">
        <v>0</v>
      </c>
      <c r="IZ13" s="102">
        <v>84</v>
      </c>
      <c r="JA13" s="102">
        <v>41</v>
      </c>
      <c r="JB13" s="102">
        <v>40</v>
      </c>
      <c r="JC13" s="102">
        <v>34</v>
      </c>
      <c r="JD13" s="102">
        <v>12</v>
      </c>
      <c r="JE13" s="103">
        <v>211</v>
      </c>
      <c r="JF13" s="104">
        <v>336</v>
      </c>
      <c r="JG13" s="101">
        <v>76</v>
      </c>
      <c r="JH13" s="102">
        <v>38</v>
      </c>
      <c r="JI13" s="103">
        <v>114</v>
      </c>
      <c r="JJ13" s="413">
        <v>0</v>
      </c>
      <c r="JK13" s="102">
        <v>114</v>
      </c>
      <c r="JL13" s="102">
        <v>74</v>
      </c>
      <c r="JM13" s="102">
        <v>61</v>
      </c>
      <c r="JN13" s="102">
        <v>63</v>
      </c>
      <c r="JO13" s="102">
        <v>24</v>
      </c>
      <c r="JP13" s="103">
        <v>336</v>
      </c>
      <c r="JQ13" s="104">
        <v>450</v>
      </c>
      <c r="JR13" s="101">
        <v>0</v>
      </c>
      <c r="JS13" s="102">
        <v>0</v>
      </c>
      <c r="JT13" s="103">
        <v>0</v>
      </c>
      <c r="JU13" s="413">
        <v>0</v>
      </c>
      <c r="JV13" s="102">
        <v>0</v>
      </c>
      <c r="JW13" s="102">
        <v>0</v>
      </c>
      <c r="JX13" s="102">
        <v>0</v>
      </c>
      <c r="JY13" s="102">
        <v>0</v>
      </c>
      <c r="JZ13" s="102">
        <v>0</v>
      </c>
      <c r="KA13" s="103">
        <v>0</v>
      </c>
      <c r="KB13" s="104">
        <v>0</v>
      </c>
      <c r="KC13" s="101">
        <v>233</v>
      </c>
      <c r="KD13" s="102">
        <v>113</v>
      </c>
      <c r="KE13" s="103">
        <v>346</v>
      </c>
      <c r="KF13" s="413">
        <v>0</v>
      </c>
      <c r="KG13" s="102">
        <v>258</v>
      </c>
      <c r="KH13" s="102">
        <v>145</v>
      </c>
      <c r="KI13" s="102">
        <v>132</v>
      </c>
      <c r="KJ13" s="102">
        <v>118</v>
      </c>
      <c r="KK13" s="102">
        <v>49</v>
      </c>
      <c r="KL13" s="103">
        <v>702</v>
      </c>
      <c r="KM13" s="104">
        <v>1048</v>
      </c>
    </row>
    <row r="14" spans="2:299" s="70" customFormat="1" ht="21" customHeight="1" x14ac:dyDescent="0.2">
      <c r="B14" s="106" t="s">
        <v>10</v>
      </c>
      <c r="C14" s="96">
        <v>354</v>
      </c>
      <c r="D14" s="97">
        <v>205</v>
      </c>
      <c r="E14" s="98">
        <v>559</v>
      </c>
      <c r="F14" s="413">
        <v>0</v>
      </c>
      <c r="G14" s="97">
        <v>343</v>
      </c>
      <c r="H14" s="97">
        <v>174</v>
      </c>
      <c r="I14" s="97">
        <v>122</v>
      </c>
      <c r="J14" s="97">
        <v>117</v>
      </c>
      <c r="K14" s="97">
        <v>91</v>
      </c>
      <c r="L14" s="99">
        <v>847</v>
      </c>
      <c r="M14" s="100">
        <v>1406</v>
      </c>
      <c r="N14" s="101">
        <v>5</v>
      </c>
      <c r="O14" s="102">
        <v>2</v>
      </c>
      <c r="P14" s="103">
        <v>7</v>
      </c>
      <c r="Q14" s="413">
        <v>0</v>
      </c>
      <c r="R14" s="102">
        <v>2</v>
      </c>
      <c r="S14" s="102">
        <v>4</v>
      </c>
      <c r="T14" s="102">
        <v>1</v>
      </c>
      <c r="U14" s="102">
        <v>5</v>
      </c>
      <c r="V14" s="102">
        <v>2</v>
      </c>
      <c r="W14" s="103">
        <v>14</v>
      </c>
      <c r="X14" s="104">
        <v>21</v>
      </c>
      <c r="Y14" s="101">
        <v>13</v>
      </c>
      <c r="Z14" s="102">
        <v>5</v>
      </c>
      <c r="AA14" s="103">
        <v>18</v>
      </c>
      <c r="AB14" s="413">
        <v>0</v>
      </c>
      <c r="AC14" s="102">
        <v>13</v>
      </c>
      <c r="AD14" s="102">
        <v>7</v>
      </c>
      <c r="AE14" s="102">
        <v>2</v>
      </c>
      <c r="AF14" s="102">
        <v>3</v>
      </c>
      <c r="AG14" s="102">
        <v>9</v>
      </c>
      <c r="AH14" s="103">
        <v>34</v>
      </c>
      <c r="AI14" s="104">
        <v>52</v>
      </c>
      <c r="AJ14" s="101">
        <v>25</v>
      </c>
      <c r="AK14" s="102">
        <v>12</v>
      </c>
      <c r="AL14" s="103">
        <v>37</v>
      </c>
      <c r="AM14" s="413">
        <v>0</v>
      </c>
      <c r="AN14" s="102">
        <v>28</v>
      </c>
      <c r="AO14" s="102">
        <v>12</v>
      </c>
      <c r="AP14" s="102">
        <v>6</v>
      </c>
      <c r="AQ14" s="102">
        <v>13</v>
      </c>
      <c r="AR14" s="102">
        <v>10</v>
      </c>
      <c r="AS14" s="103">
        <v>69</v>
      </c>
      <c r="AT14" s="104">
        <v>106</v>
      </c>
      <c r="AU14" s="101">
        <v>78</v>
      </c>
      <c r="AV14" s="102">
        <v>36</v>
      </c>
      <c r="AW14" s="103">
        <v>114</v>
      </c>
      <c r="AX14" s="413">
        <v>0</v>
      </c>
      <c r="AY14" s="102">
        <v>63</v>
      </c>
      <c r="AZ14" s="102">
        <v>34</v>
      </c>
      <c r="BA14" s="102">
        <v>21</v>
      </c>
      <c r="BB14" s="102">
        <v>25</v>
      </c>
      <c r="BC14" s="102">
        <v>15</v>
      </c>
      <c r="BD14" s="103">
        <v>158</v>
      </c>
      <c r="BE14" s="104">
        <v>272</v>
      </c>
      <c r="BF14" s="101">
        <v>139</v>
      </c>
      <c r="BG14" s="102">
        <v>74</v>
      </c>
      <c r="BH14" s="103">
        <v>213</v>
      </c>
      <c r="BI14" s="413">
        <v>0</v>
      </c>
      <c r="BJ14" s="102">
        <v>123</v>
      </c>
      <c r="BK14" s="102">
        <v>51</v>
      </c>
      <c r="BL14" s="102">
        <v>29</v>
      </c>
      <c r="BM14" s="102">
        <v>25</v>
      </c>
      <c r="BN14" s="102">
        <v>16</v>
      </c>
      <c r="BO14" s="103">
        <v>244</v>
      </c>
      <c r="BP14" s="104">
        <v>457</v>
      </c>
      <c r="BQ14" s="101">
        <v>94</v>
      </c>
      <c r="BR14" s="102">
        <v>76</v>
      </c>
      <c r="BS14" s="103">
        <v>170</v>
      </c>
      <c r="BT14" s="413">
        <v>0</v>
      </c>
      <c r="BU14" s="102">
        <v>114</v>
      </c>
      <c r="BV14" s="102">
        <v>66</v>
      </c>
      <c r="BW14" s="102">
        <v>63</v>
      </c>
      <c r="BX14" s="102">
        <v>46</v>
      </c>
      <c r="BY14" s="102">
        <v>39</v>
      </c>
      <c r="BZ14" s="103">
        <v>328</v>
      </c>
      <c r="CA14" s="104">
        <v>498</v>
      </c>
      <c r="CB14" s="101">
        <v>0</v>
      </c>
      <c r="CC14" s="102">
        <v>0</v>
      </c>
      <c r="CD14" s="103">
        <v>0</v>
      </c>
      <c r="CE14" s="413">
        <v>0</v>
      </c>
      <c r="CF14" s="102">
        <v>0</v>
      </c>
      <c r="CG14" s="102">
        <v>0</v>
      </c>
      <c r="CH14" s="102">
        <v>0</v>
      </c>
      <c r="CI14" s="102">
        <v>0</v>
      </c>
      <c r="CJ14" s="102">
        <v>0</v>
      </c>
      <c r="CK14" s="103">
        <v>0</v>
      </c>
      <c r="CL14" s="104">
        <v>0</v>
      </c>
      <c r="CM14" s="101">
        <v>354</v>
      </c>
      <c r="CN14" s="102">
        <v>205</v>
      </c>
      <c r="CO14" s="103">
        <v>559</v>
      </c>
      <c r="CP14" s="413">
        <v>0</v>
      </c>
      <c r="CQ14" s="102">
        <v>343</v>
      </c>
      <c r="CR14" s="102">
        <v>174</v>
      </c>
      <c r="CS14" s="102">
        <v>122</v>
      </c>
      <c r="CT14" s="102">
        <v>117</v>
      </c>
      <c r="CU14" s="102">
        <v>91</v>
      </c>
      <c r="CV14" s="103">
        <v>847</v>
      </c>
      <c r="CW14" s="104">
        <v>1406</v>
      </c>
      <c r="CX14" s="105">
        <v>48</v>
      </c>
      <c r="CY14" s="97">
        <v>34</v>
      </c>
      <c r="CZ14" s="98">
        <v>82</v>
      </c>
      <c r="DA14" s="413">
        <v>0</v>
      </c>
      <c r="DB14" s="97">
        <v>59</v>
      </c>
      <c r="DC14" s="97">
        <v>23</v>
      </c>
      <c r="DD14" s="97">
        <v>13</v>
      </c>
      <c r="DE14" s="97">
        <v>30</v>
      </c>
      <c r="DF14" s="97">
        <v>16</v>
      </c>
      <c r="DG14" s="99">
        <v>141</v>
      </c>
      <c r="DH14" s="100">
        <v>223</v>
      </c>
      <c r="DI14" s="101">
        <v>1</v>
      </c>
      <c r="DJ14" s="102">
        <v>0</v>
      </c>
      <c r="DK14" s="103">
        <v>1</v>
      </c>
      <c r="DL14" s="413">
        <v>0</v>
      </c>
      <c r="DM14" s="102">
        <v>1</v>
      </c>
      <c r="DN14" s="102">
        <v>0</v>
      </c>
      <c r="DO14" s="102">
        <v>0</v>
      </c>
      <c r="DP14" s="102">
        <v>0</v>
      </c>
      <c r="DQ14" s="102">
        <v>0</v>
      </c>
      <c r="DR14" s="103">
        <v>1</v>
      </c>
      <c r="DS14" s="104">
        <v>2</v>
      </c>
      <c r="DT14" s="101">
        <v>7</v>
      </c>
      <c r="DU14" s="102">
        <v>3</v>
      </c>
      <c r="DV14" s="103">
        <v>10</v>
      </c>
      <c r="DW14" s="413">
        <v>0</v>
      </c>
      <c r="DX14" s="102">
        <v>5</v>
      </c>
      <c r="DY14" s="102">
        <v>1</v>
      </c>
      <c r="DZ14" s="102">
        <v>0</v>
      </c>
      <c r="EA14" s="102">
        <v>0</v>
      </c>
      <c r="EB14" s="102">
        <v>1</v>
      </c>
      <c r="EC14" s="103">
        <v>7</v>
      </c>
      <c r="ED14" s="104">
        <v>17</v>
      </c>
      <c r="EE14" s="101">
        <v>8</v>
      </c>
      <c r="EF14" s="102">
        <v>5</v>
      </c>
      <c r="EG14" s="103">
        <v>13</v>
      </c>
      <c r="EH14" s="413">
        <v>0</v>
      </c>
      <c r="EI14" s="102">
        <v>2</v>
      </c>
      <c r="EJ14" s="102">
        <v>3</v>
      </c>
      <c r="EK14" s="102">
        <v>0</v>
      </c>
      <c r="EL14" s="102">
        <v>1</v>
      </c>
      <c r="EM14" s="102">
        <v>0</v>
      </c>
      <c r="EN14" s="103">
        <v>6</v>
      </c>
      <c r="EO14" s="104">
        <v>19</v>
      </c>
      <c r="EP14" s="101">
        <v>8</v>
      </c>
      <c r="EQ14" s="102">
        <v>4</v>
      </c>
      <c r="ER14" s="103">
        <v>12</v>
      </c>
      <c r="ES14" s="413">
        <v>0</v>
      </c>
      <c r="ET14" s="102">
        <v>13</v>
      </c>
      <c r="EU14" s="102">
        <v>3</v>
      </c>
      <c r="EV14" s="102">
        <v>2</v>
      </c>
      <c r="EW14" s="102">
        <v>2</v>
      </c>
      <c r="EX14" s="102">
        <v>0</v>
      </c>
      <c r="EY14" s="103">
        <v>20</v>
      </c>
      <c r="EZ14" s="104">
        <v>32</v>
      </c>
      <c r="FA14" s="101">
        <v>18</v>
      </c>
      <c r="FB14" s="102">
        <v>11</v>
      </c>
      <c r="FC14" s="103">
        <v>29</v>
      </c>
      <c r="FD14" s="413">
        <v>0</v>
      </c>
      <c r="FE14" s="102">
        <v>16</v>
      </c>
      <c r="FF14" s="102">
        <v>5</v>
      </c>
      <c r="FG14" s="102">
        <v>2</v>
      </c>
      <c r="FH14" s="102">
        <v>5</v>
      </c>
      <c r="FI14" s="102">
        <v>5</v>
      </c>
      <c r="FJ14" s="103">
        <v>33</v>
      </c>
      <c r="FK14" s="104">
        <v>62</v>
      </c>
      <c r="FL14" s="101">
        <v>6</v>
      </c>
      <c r="FM14" s="102">
        <v>11</v>
      </c>
      <c r="FN14" s="103">
        <v>17</v>
      </c>
      <c r="FO14" s="413">
        <v>0</v>
      </c>
      <c r="FP14" s="102">
        <v>22</v>
      </c>
      <c r="FQ14" s="102">
        <v>11</v>
      </c>
      <c r="FR14" s="102">
        <v>9</v>
      </c>
      <c r="FS14" s="102">
        <v>22</v>
      </c>
      <c r="FT14" s="102">
        <v>10</v>
      </c>
      <c r="FU14" s="103">
        <v>74</v>
      </c>
      <c r="FV14" s="104">
        <v>91</v>
      </c>
      <c r="FW14" s="101">
        <v>0</v>
      </c>
      <c r="FX14" s="102">
        <v>0</v>
      </c>
      <c r="FY14" s="103">
        <v>0</v>
      </c>
      <c r="FZ14" s="413">
        <v>0</v>
      </c>
      <c r="GA14" s="102">
        <v>0</v>
      </c>
      <c r="GB14" s="102">
        <v>0</v>
      </c>
      <c r="GC14" s="102">
        <v>0</v>
      </c>
      <c r="GD14" s="102">
        <v>0</v>
      </c>
      <c r="GE14" s="102">
        <v>0</v>
      </c>
      <c r="GF14" s="103">
        <v>0</v>
      </c>
      <c r="GG14" s="104">
        <v>0</v>
      </c>
      <c r="GH14" s="101">
        <v>48</v>
      </c>
      <c r="GI14" s="102">
        <v>34</v>
      </c>
      <c r="GJ14" s="103">
        <v>82</v>
      </c>
      <c r="GK14" s="413">
        <v>0</v>
      </c>
      <c r="GL14" s="102">
        <v>59</v>
      </c>
      <c r="GM14" s="102">
        <v>23</v>
      </c>
      <c r="GN14" s="102">
        <v>13</v>
      </c>
      <c r="GO14" s="102">
        <v>30</v>
      </c>
      <c r="GP14" s="102">
        <v>16</v>
      </c>
      <c r="GQ14" s="103">
        <v>141</v>
      </c>
      <c r="GR14" s="104">
        <v>223</v>
      </c>
      <c r="GS14" s="105">
        <v>402</v>
      </c>
      <c r="GT14" s="97">
        <v>239</v>
      </c>
      <c r="GU14" s="98">
        <v>641</v>
      </c>
      <c r="GV14" s="413">
        <v>0</v>
      </c>
      <c r="GW14" s="97">
        <v>402</v>
      </c>
      <c r="GX14" s="97">
        <v>197</v>
      </c>
      <c r="GY14" s="97">
        <v>135</v>
      </c>
      <c r="GZ14" s="97">
        <v>147</v>
      </c>
      <c r="HA14" s="97">
        <v>107</v>
      </c>
      <c r="HB14" s="99">
        <v>988</v>
      </c>
      <c r="HC14" s="100">
        <v>1629</v>
      </c>
      <c r="HD14" s="101">
        <v>6</v>
      </c>
      <c r="HE14" s="102">
        <v>2</v>
      </c>
      <c r="HF14" s="103">
        <v>8</v>
      </c>
      <c r="HG14" s="413">
        <v>0</v>
      </c>
      <c r="HH14" s="102">
        <v>3</v>
      </c>
      <c r="HI14" s="102">
        <v>4</v>
      </c>
      <c r="HJ14" s="102">
        <v>1</v>
      </c>
      <c r="HK14" s="102">
        <v>5</v>
      </c>
      <c r="HL14" s="102">
        <v>2</v>
      </c>
      <c r="HM14" s="103">
        <v>15</v>
      </c>
      <c r="HN14" s="104">
        <v>23</v>
      </c>
      <c r="HO14" s="101">
        <v>20</v>
      </c>
      <c r="HP14" s="102">
        <v>8</v>
      </c>
      <c r="HQ14" s="103">
        <v>28</v>
      </c>
      <c r="HR14" s="413">
        <v>0</v>
      </c>
      <c r="HS14" s="102">
        <v>18</v>
      </c>
      <c r="HT14" s="102">
        <v>8</v>
      </c>
      <c r="HU14" s="102">
        <v>2</v>
      </c>
      <c r="HV14" s="102">
        <v>3</v>
      </c>
      <c r="HW14" s="102">
        <v>10</v>
      </c>
      <c r="HX14" s="103">
        <v>41</v>
      </c>
      <c r="HY14" s="104">
        <v>69</v>
      </c>
      <c r="HZ14" s="101">
        <v>33</v>
      </c>
      <c r="IA14" s="102">
        <v>17</v>
      </c>
      <c r="IB14" s="103">
        <v>50</v>
      </c>
      <c r="IC14" s="413">
        <v>0</v>
      </c>
      <c r="ID14" s="102">
        <v>30</v>
      </c>
      <c r="IE14" s="102">
        <v>15</v>
      </c>
      <c r="IF14" s="102">
        <v>6</v>
      </c>
      <c r="IG14" s="102">
        <v>14</v>
      </c>
      <c r="IH14" s="102">
        <v>10</v>
      </c>
      <c r="II14" s="103">
        <v>75</v>
      </c>
      <c r="IJ14" s="104">
        <v>125</v>
      </c>
      <c r="IK14" s="101">
        <v>86</v>
      </c>
      <c r="IL14" s="102">
        <v>40</v>
      </c>
      <c r="IM14" s="103">
        <v>126</v>
      </c>
      <c r="IN14" s="413">
        <v>0</v>
      </c>
      <c r="IO14" s="102">
        <v>76</v>
      </c>
      <c r="IP14" s="102">
        <v>37</v>
      </c>
      <c r="IQ14" s="102">
        <v>23</v>
      </c>
      <c r="IR14" s="102">
        <v>27</v>
      </c>
      <c r="IS14" s="102">
        <v>15</v>
      </c>
      <c r="IT14" s="103">
        <v>178</v>
      </c>
      <c r="IU14" s="104">
        <v>304</v>
      </c>
      <c r="IV14" s="101">
        <v>157</v>
      </c>
      <c r="IW14" s="102">
        <v>85</v>
      </c>
      <c r="IX14" s="103">
        <v>242</v>
      </c>
      <c r="IY14" s="413">
        <v>0</v>
      </c>
      <c r="IZ14" s="102">
        <v>139</v>
      </c>
      <c r="JA14" s="102">
        <v>56</v>
      </c>
      <c r="JB14" s="102">
        <v>31</v>
      </c>
      <c r="JC14" s="102">
        <v>30</v>
      </c>
      <c r="JD14" s="102">
        <v>21</v>
      </c>
      <c r="JE14" s="103">
        <v>277</v>
      </c>
      <c r="JF14" s="104">
        <v>519</v>
      </c>
      <c r="JG14" s="101">
        <v>100</v>
      </c>
      <c r="JH14" s="102">
        <v>87</v>
      </c>
      <c r="JI14" s="103">
        <v>187</v>
      </c>
      <c r="JJ14" s="413">
        <v>0</v>
      </c>
      <c r="JK14" s="102">
        <v>136</v>
      </c>
      <c r="JL14" s="102">
        <v>77</v>
      </c>
      <c r="JM14" s="102">
        <v>72</v>
      </c>
      <c r="JN14" s="102">
        <v>68</v>
      </c>
      <c r="JO14" s="102">
        <v>49</v>
      </c>
      <c r="JP14" s="103">
        <v>402</v>
      </c>
      <c r="JQ14" s="104">
        <v>589</v>
      </c>
      <c r="JR14" s="101">
        <v>0</v>
      </c>
      <c r="JS14" s="102">
        <v>0</v>
      </c>
      <c r="JT14" s="103">
        <v>0</v>
      </c>
      <c r="JU14" s="413">
        <v>0</v>
      </c>
      <c r="JV14" s="102">
        <v>0</v>
      </c>
      <c r="JW14" s="102">
        <v>0</v>
      </c>
      <c r="JX14" s="102">
        <v>0</v>
      </c>
      <c r="JY14" s="102">
        <v>0</v>
      </c>
      <c r="JZ14" s="102">
        <v>0</v>
      </c>
      <c r="KA14" s="103">
        <v>0</v>
      </c>
      <c r="KB14" s="104">
        <v>0</v>
      </c>
      <c r="KC14" s="101">
        <v>402</v>
      </c>
      <c r="KD14" s="102">
        <v>239</v>
      </c>
      <c r="KE14" s="103">
        <v>641</v>
      </c>
      <c r="KF14" s="413">
        <v>0</v>
      </c>
      <c r="KG14" s="102">
        <v>402</v>
      </c>
      <c r="KH14" s="102">
        <v>197</v>
      </c>
      <c r="KI14" s="102">
        <v>135</v>
      </c>
      <c r="KJ14" s="102">
        <v>147</v>
      </c>
      <c r="KK14" s="102">
        <v>107</v>
      </c>
      <c r="KL14" s="103">
        <v>988</v>
      </c>
      <c r="KM14" s="104">
        <v>1629</v>
      </c>
    </row>
    <row r="15" spans="2:299" s="70" customFormat="1" ht="21" customHeight="1" x14ac:dyDescent="0.2">
      <c r="B15" s="106" t="s">
        <v>11</v>
      </c>
      <c r="C15" s="96">
        <v>84</v>
      </c>
      <c r="D15" s="97">
        <v>65</v>
      </c>
      <c r="E15" s="98">
        <v>149</v>
      </c>
      <c r="F15" s="413">
        <v>0</v>
      </c>
      <c r="G15" s="97">
        <v>138</v>
      </c>
      <c r="H15" s="97">
        <v>76</v>
      </c>
      <c r="I15" s="97">
        <v>58</v>
      </c>
      <c r="J15" s="97">
        <v>65</v>
      </c>
      <c r="K15" s="97">
        <v>26</v>
      </c>
      <c r="L15" s="99">
        <v>363</v>
      </c>
      <c r="M15" s="100">
        <v>512</v>
      </c>
      <c r="N15" s="101">
        <v>0</v>
      </c>
      <c r="O15" s="102">
        <v>1</v>
      </c>
      <c r="P15" s="103">
        <v>1</v>
      </c>
      <c r="Q15" s="413">
        <v>0</v>
      </c>
      <c r="R15" s="102">
        <v>1</v>
      </c>
      <c r="S15" s="102">
        <v>0</v>
      </c>
      <c r="T15" s="102">
        <v>0</v>
      </c>
      <c r="U15" s="102">
        <v>2</v>
      </c>
      <c r="V15" s="102">
        <v>1</v>
      </c>
      <c r="W15" s="103">
        <v>4</v>
      </c>
      <c r="X15" s="104">
        <v>5</v>
      </c>
      <c r="Y15" s="101">
        <v>5</v>
      </c>
      <c r="Z15" s="102">
        <v>3</v>
      </c>
      <c r="AA15" s="103">
        <v>8</v>
      </c>
      <c r="AB15" s="413">
        <v>0</v>
      </c>
      <c r="AC15" s="102">
        <v>6</v>
      </c>
      <c r="AD15" s="102">
        <v>7</v>
      </c>
      <c r="AE15" s="102">
        <v>3</v>
      </c>
      <c r="AF15" s="102">
        <v>6</v>
      </c>
      <c r="AG15" s="102">
        <v>3</v>
      </c>
      <c r="AH15" s="103">
        <v>25</v>
      </c>
      <c r="AI15" s="104">
        <v>33</v>
      </c>
      <c r="AJ15" s="101">
        <v>6</v>
      </c>
      <c r="AK15" s="102">
        <v>9</v>
      </c>
      <c r="AL15" s="103">
        <v>15</v>
      </c>
      <c r="AM15" s="413">
        <v>0</v>
      </c>
      <c r="AN15" s="102">
        <v>7</v>
      </c>
      <c r="AO15" s="102">
        <v>9</v>
      </c>
      <c r="AP15" s="102">
        <v>8</v>
      </c>
      <c r="AQ15" s="102">
        <v>2</v>
      </c>
      <c r="AR15" s="102">
        <v>0</v>
      </c>
      <c r="AS15" s="103">
        <v>26</v>
      </c>
      <c r="AT15" s="104">
        <v>41</v>
      </c>
      <c r="AU15" s="101">
        <v>13</v>
      </c>
      <c r="AV15" s="102">
        <v>11</v>
      </c>
      <c r="AW15" s="103">
        <v>24</v>
      </c>
      <c r="AX15" s="413">
        <v>0</v>
      </c>
      <c r="AY15" s="102">
        <v>24</v>
      </c>
      <c r="AZ15" s="102">
        <v>8</v>
      </c>
      <c r="BA15" s="102">
        <v>6</v>
      </c>
      <c r="BB15" s="102">
        <v>9</v>
      </c>
      <c r="BC15" s="102">
        <v>3</v>
      </c>
      <c r="BD15" s="103">
        <v>50</v>
      </c>
      <c r="BE15" s="104">
        <v>74</v>
      </c>
      <c r="BF15" s="101">
        <v>35</v>
      </c>
      <c r="BG15" s="102">
        <v>19</v>
      </c>
      <c r="BH15" s="103">
        <v>54</v>
      </c>
      <c r="BI15" s="413">
        <v>0</v>
      </c>
      <c r="BJ15" s="102">
        <v>40</v>
      </c>
      <c r="BK15" s="102">
        <v>20</v>
      </c>
      <c r="BL15" s="102">
        <v>18</v>
      </c>
      <c r="BM15" s="102">
        <v>22</v>
      </c>
      <c r="BN15" s="102">
        <v>9</v>
      </c>
      <c r="BO15" s="103">
        <v>109</v>
      </c>
      <c r="BP15" s="104">
        <v>163</v>
      </c>
      <c r="BQ15" s="101">
        <v>25</v>
      </c>
      <c r="BR15" s="102">
        <v>22</v>
      </c>
      <c r="BS15" s="103">
        <v>47</v>
      </c>
      <c r="BT15" s="413">
        <v>0</v>
      </c>
      <c r="BU15" s="102">
        <v>60</v>
      </c>
      <c r="BV15" s="102">
        <v>32</v>
      </c>
      <c r="BW15" s="102">
        <v>23</v>
      </c>
      <c r="BX15" s="102">
        <v>24</v>
      </c>
      <c r="BY15" s="102">
        <v>10</v>
      </c>
      <c r="BZ15" s="103">
        <v>149</v>
      </c>
      <c r="CA15" s="104">
        <v>196</v>
      </c>
      <c r="CB15" s="101">
        <v>0</v>
      </c>
      <c r="CC15" s="102">
        <v>0</v>
      </c>
      <c r="CD15" s="103">
        <v>0</v>
      </c>
      <c r="CE15" s="413">
        <v>0</v>
      </c>
      <c r="CF15" s="102">
        <v>0</v>
      </c>
      <c r="CG15" s="102">
        <v>0</v>
      </c>
      <c r="CH15" s="102">
        <v>0</v>
      </c>
      <c r="CI15" s="102">
        <v>0</v>
      </c>
      <c r="CJ15" s="102">
        <v>0</v>
      </c>
      <c r="CK15" s="103">
        <v>0</v>
      </c>
      <c r="CL15" s="104">
        <v>0</v>
      </c>
      <c r="CM15" s="101">
        <v>84</v>
      </c>
      <c r="CN15" s="102">
        <v>65</v>
      </c>
      <c r="CO15" s="103">
        <v>149</v>
      </c>
      <c r="CP15" s="413">
        <v>0</v>
      </c>
      <c r="CQ15" s="102">
        <v>138</v>
      </c>
      <c r="CR15" s="102">
        <v>76</v>
      </c>
      <c r="CS15" s="102">
        <v>58</v>
      </c>
      <c r="CT15" s="102">
        <v>65</v>
      </c>
      <c r="CU15" s="102">
        <v>26</v>
      </c>
      <c r="CV15" s="103">
        <v>363</v>
      </c>
      <c r="CW15" s="104">
        <v>512</v>
      </c>
      <c r="CX15" s="105">
        <v>8</v>
      </c>
      <c r="CY15" s="97">
        <v>14</v>
      </c>
      <c r="CZ15" s="98">
        <v>22</v>
      </c>
      <c r="DA15" s="413">
        <v>0</v>
      </c>
      <c r="DB15" s="97">
        <v>24</v>
      </c>
      <c r="DC15" s="97">
        <v>16</v>
      </c>
      <c r="DD15" s="97">
        <v>11</v>
      </c>
      <c r="DE15" s="97">
        <v>17</v>
      </c>
      <c r="DF15" s="97">
        <v>11</v>
      </c>
      <c r="DG15" s="99">
        <v>79</v>
      </c>
      <c r="DH15" s="100">
        <v>101</v>
      </c>
      <c r="DI15" s="101">
        <v>1</v>
      </c>
      <c r="DJ15" s="102">
        <v>0</v>
      </c>
      <c r="DK15" s="103">
        <v>1</v>
      </c>
      <c r="DL15" s="413">
        <v>0</v>
      </c>
      <c r="DM15" s="102">
        <v>1</v>
      </c>
      <c r="DN15" s="102">
        <v>0</v>
      </c>
      <c r="DO15" s="102">
        <v>0</v>
      </c>
      <c r="DP15" s="102">
        <v>0</v>
      </c>
      <c r="DQ15" s="102">
        <v>0</v>
      </c>
      <c r="DR15" s="103">
        <v>1</v>
      </c>
      <c r="DS15" s="104">
        <v>2</v>
      </c>
      <c r="DT15" s="101">
        <v>1</v>
      </c>
      <c r="DU15" s="102">
        <v>1</v>
      </c>
      <c r="DV15" s="103">
        <v>2</v>
      </c>
      <c r="DW15" s="413">
        <v>0</v>
      </c>
      <c r="DX15" s="102">
        <v>1</v>
      </c>
      <c r="DY15" s="102">
        <v>0</v>
      </c>
      <c r="DZ15" s="102">
        <v>0</v>
      </c>
      <c r="EA15" s="102">
        <v>1</v>
      </c>
      <c r="EB15" s="102">
        <v>0</v>
      </c>
      <c r="EC15" s="103">
        <v>2</v>
      </c>
      <c r="ED15" s="104">
        <v>4</v>
      </c>
      <c r="EE15" s="101">
        <v>1</v>
      </c>
      <c r="EF15" s="102">
        <v>1</v>
      </c>
      <c r="EG15" s="103">
        <v>2</v>
      </c>
      <c r="EH15" s="413">
        <v>0</v>
      </c>
      <c r="EI15" s="102">
        <v>1</v>
      </c>
      <c r="EJ15" s="102">
        <v>2</v>
      </c>
      <c r="EK15" s="102">
        <v>0</v>
      </c>
      <c r="EL15" s="102">
        <v>1</v>
      </c>
      <c r="EM15" s="102">
        <v>2</v>
      </c>
      <c r="EN15" s="103">
        <v>6</v>
      </c>
      <c r="EO15" s="104">
        <v>8</v>
      </c>
      <c r="EP15" s="101">
        <v>1</v>
      </c>
      <c r="EQ15" s="102">
        <v>3</v>
      </c>
      <c r="ER15" s="103">
        <v>4</v>
      </c>
      <c r="ES15" s="413">
        <v>0</v>
      </c>
      <c r="ET15" s="102">
        <v>5</v>
      </c>
      <c r="EU15" s="102">
        <v>4</v>
      </c>
      <c r="EV15" s="102">
        <v>2</v>
      </c>
      <c r="EW15" s="102">
        <v>1</v>
      </c>
      <c r="EX15" s="102">
        <v>1</v>
      </c>
      <c r="EY15" s="103">
        <v>13</v>
      </c>
      <c r="EZ15" s="104">
        <v>17</v>
      </c>
      <c r="FA15" s="101">
        <v>3</v>
      </c>
      <c r="FB15" s="102">
        <v>4</v>
      </c>
      <c r="FC15" s="103">
        <v>7</v>
      </c>
      <c r="FD15" s="413">
        <v>0</v>
      </c>
      <c r="FE15" s="102">
        <v>8</v>
      </c>
      <c r="FF15" s="102">
        <v>1</v>
      </c>
      <c r="FG15" s="102">
        <v>3</v>
      </c>
      <c r="FH15" s="102">
        <v>4</v>
      </c>
      <c r="FI15" s="102">
        <v>3</v>
      </c>
      <c r="FJ15" s="103">
        <v>19</v>
      </c>
      <c r="FK15" s="104">
        <v>26</v>
      </c>
      <c r="FL15" s="101">
        <v>1</v>
      </c>
      <c r="FM15" s="102">
        <v>5</v>
      </c>
      <c r="FN15" s="103">
        <v>6</v>
      </c>
      <c r="FO15" s="413">
        <v>0</v>
      </c>
      <c r="FP15" s="102">
        <v>8</v>
      </c>
      <c r="FQ15" s="102">
        <v>9</v>
      </c>
      <c r="FR15" s="102">
        <v>6</v>
      </c>
      <c r="FS15" s="102">
        <v>10</v>
      </c>
      <c r="FT15" s="102">
        <v>5</v>
      </c>
      <c r="FU15" s="103">
        <v>38</v>
      </c>
      <c r="FV15" s="104">
        <v>44</v>
      </c>
      <c r="FW15" s="101">
        <v>0</v>
      </c>
      <c r="FX15" s="102">
        <v>0</v>
      </c>
      <c r="FY15" s="103">
        <v>0</v>
      </c>
      <c r="FZ15" s="413">
        <v>0</v>
      </c>
      <c r="GA15" s="102">
        <v>0</v>
      </c>
      <c r="GB15" s="102">
        <v>0</v>
      </c>
      <c r="GC15" s="102">
        <v>0</v>
      </c>
      <c r="GD15" s="102">
        <v>0</v>
      </c>
      <c r="GE15" s="102">
        <v>0</v>
      </c>
      <c r="GF15" s="103">
        <v>0</v>
      </c>
      <c r="GG15" s="104">
        <v>0</v>
      </c>
      <c r="GH15" s="101">
        <v>8</v>
      </c>
      <c r="GI15" s="102">
        <v>14</v>
      </c>
      <c r="GJ15" s="103">
        <v>22</v>
      </c>
      <c r="GK15" s="413">
        <v>0</v>
      </c>
      <c r="GL15" s="102">
        <v>24</v>
      </c>
      <c r="GM15" s="102">
        <v>16</v>
      </c>
      <c r="GN15" s="102">
        <v>11</v>
      </c>
      <c r="GO15" s="102">
        <v>17</v>
      </c>
      <c r="GP15" s="102">
        <v>11</v>
      </c>
      <c r="GQ15" s="103">
        <v>79</v>
      </c>
      <c r="GR15" s="104">
        <v>101</v>
      </c>
      <c r="GS15" s="105">
        <v>92</v>
      </c>
      <c r="GT15" s="97">
        <v>79</v>
      </c>
      <c r="GU15" s="98">
        <v>171</v>
      </c>
      <c r="GV15" s="413">
        <v>0</v>
      </c>
      <c r="GW15" s="97">
        <v>162</v>
      </c>
      <c r="GX15" s="97">
        <v>92</v>
      </c>
      <c r="GY15" s="97">
        <v>69</v>
      </c>
      <c r="GZ15" s="97">
        <v>82</v>
      </c>
      <c r="HA15" s="97">
        <v>37</v>
      </c>
      <c r="HB15" s="99">
        <v>442</v>
      </c>
      <c r="HC15" s="100">
        <v>613</v>
      </c>
      <c r="HD15" s="101">
        <v>1</v>
      </c>
      <c r="HE15" s="102">
        <v>1</v>
      </c>
      <c r="HF15" s="103">
        <v>2</v>
      </c>
      <c r="HG15" s="413">
        <v>0</v>
      </c>
      <c r="HH15" s="102">
        <v>2</v>
      </c>
      <c r="HI15" s="102">
        <v>0</v>
      </c>
      <c r="HJ15" s="102">
        <v>0</v>
      </c>
      <c r="HK15" s="102">
        <v>2</v>
      </c>
      <c r="HL15" s="102">
        <v>1</v>
      </c>
      <c r="HM15" s="103">
        <v>5</v>
      </c>
      <c r="HN15" s="104">
        <v>7</v>
      </c>
      <c r="HO15" s="101">
        <v>6</v>
      </c>
      <c r="HP15" s="102">
        <v>4</v>
      </c>
      <c r="HQ15" s="103">
        <v>10</v>
      </c>
      <c r="HR15" s="413">
        <v>0</v>
      </c>
      <c r="HS15" s="102">
        <v>7</v>
      </c>
      <c r="HT15" s="102">
        <v>7</v>
      </c>
      <c r="HU15" s="102">
        <v>3</v>
      </c>
      <c r="HV15" s="102">
        <v>7</v>
      </c>
      <c r="HW15" s="102">
        <v>3</v>
      </c>
      <c r="HX15" s="103">
        <v>27</v>
      </c>
      <c r="HY15" s="104">
        <v>37</v>
      </c>
      <c r="HZ15" s="101">
        <v>7</v>
      </c>
      <c r="IA15" s="102">
        <v>10</v>
      </c>
      <c r="IB15" s="103">
        <v>17</v>
      </c>
      <c r="IC15" s="413">
        <v>0</v>
      </c>
      <c r="ID15" s="102">
        <v>8</v>
      </c>
      <c r="IE15" s="102">
        <v>11</v>
      </c>
      <c r="IF15" s="102">
        <v>8</v>
      </c>
      <c r="IG15" s="102">
        <v>3</v>
      </c>
      <c r="IH15" s="102">
        <v>2</v>
      </c>
      <c r="II15" s="103">
        <v>32</v>
      </c>
      <c r="IJ15" s="104">
        <v>49</v>
      </c>
      <c r="IK15" s="101">
        <v>14</v>
      </c>
      <c r="IL15" s="102">
        <v>14</v>
      </c>
      <c r="IM15" s="103">
        <v>28</v>
      </c>
      <c r="IN15" s="413">
        <v>0</v>
      </c>
      <c r="IO15" s="102">
        <v>29</v>
      </c>
      <c r="IP15" s="102">
        <v>12</v>
      </c>
      <c r="IQ15" s="102">
        <v>8</v>
      </c>
      <c r="IR15" s="102">
        <v>10</v>
      </c>
      <c r="IS15" s="102">
        <v>4</v>
      </c>
      <c r="IT15" s="103">
        <v>63</v>
      </c>
      <c r="IU15" s="104">
        <v>91</v>
      </c>
      <c r="IV15" s="101">
        <v>38</v>
      </c>
      <c r="IW15" s="102">
        <v>23</v>
      </c>
      <c r="IX15" s="103">
        <v>61</v>
      </c>
      <c r="IY15" s="413">
        <v>0</v>
      </c>
      <c r="IZ15" s="102">
        <v>48</v>
      </c>
      <c r="JA15" s="102">
        <v>21</v>
      </c>
      <c r="JB15" s="102">
        <v>21</v>
      </c>
      <c r="JC15" s="102">
        <v>26</v>
      </c>
      <c r="JD15" s="102">
        <v>12</v>
      </c>
      <c r="JE15" s="103">
        <v>128</v>
      </c>
      <c r="JF15" s="104">
        <v>189</v>
      </c>
      <c r="JG15" s="101">
        <v>26</v>
      </c>
      <c r="JH15" s="102">
        <v>27</v>
      </c>
      <c r="JI15" s="103">
        <v>53</v>
      </c>
      <c r="JJ15" s="413">
        <v>0</v>
      </c>
      <c r="JK15" s="102">
        <v>68</v>
      </c>
      <c r="JL15" s="102">
        <v>41</v>
      </c>
      <c r="JM15" s="102">
        <v>29</v>
      </c>
      <c r="JN15" s="102">
        <v>34</v>
      </c>
      <c r="JO15" s="102">
        <v>15</v>
      </c>
      <c r="JP15" s="103">
        <v>187</v>
      </c>
      <c r="JQ15" s="104">
        <v>240</v>
      </c>
      <c r="JR15" s="101">
        <v>0</v>
      </c>
      <c r="JS15" s="102">
        <v>0</v>
      </c>
      <c r="JT15" s="103">
        <v>0</v>
      </c>
      <c r="JU15" s="413">
        <v>0</v>
      </c>
      <c r="JV15" s="102">
        <v>0</v>
      </c>
      <c r="JW15" s="102">
        <v>0</v>
      </c>
      <c r="JX15" s="102">
        <v>0</v>
      </c>
      <c r="JY15" s="102">
        <v>0</v>
      </c>
      <c r="JZ15" s="102">
        <v>0</v>
      </c>
      <c r="KA15" s="103">
        <v>0</v>
      </c>
      <c r="KB15" s="104">
        <v>0</v>
      </c>
      <c r="KC15" s="101">
        <v>92</v>
      </c>
      <c r="KD15" s="102">
        <v>79</v>
      </c>
      <c r="KE15" s="103">
        <v>171</v>
      </c>
      <c r="KF15" s="413">
        <v>0</v>
      </c>
      <c r="KG15" s="102">
        <v>162</v>
      </c>
      <c r="KH15" s="102">
        <v>92</v>
      </c>
      <c r="KI15" s="102">
        <v>69</v>
      </c>
      <c r="KJ15" s="102">
        <v>82</v>
      </c>
      <c r="KK15" s="102">
        <v>37</v>
      </c>
      <c r="KL15" s="103">
        <v>442</v>
      </c>
      <c r="KM15" s="104">
        <v>613</v>
      </c>
    </row>
    <row r="16" spans="2:299" s="70" customFormat="1" ht="21" customHeight="1" x14ac:dyDescent="0.2">
      <c r="B16" s="106" t="s">
        <v>12</v>
      </c>
      <c r="C16" s="96">
        <v>180</v>
      </c>
      <c r="D16" s="97">
        <v>157</v>
      </c>
      <c r="E16" s="98">
        <v>337</v>
      </c>
      <c r="F16" s="413">
        <v>0</v>
      </c>
      <c r="G16" s="97">
        <v>149</v>
      </c>
      <c r="H16" s="97">
        <v>152</v>
      </c>
      <c r="I16" s="97">
        <v>92</v>
      </c>
      <c r="J16" s="97">
        <v>83</v>
      </c>
      <c r="K16" s="97">
        <v>34</v>
      </c>
      <c r="L16" s="99">
        <v>510</v>
      </c>
      <c r="M16" s="100">
        <v>847</v>
      </c>
      <c r="N16" s="107">
        <v>4</v>
      </c>
      <c r="O16" s="102">
        <v>2</v>
      </c>
      <c r="P16" s="103">
        <v>6</v>
      </c>
      <c r="Q16" s="413">
        <v>0</v>
      </c>
      <c r="R16" s="102">
        <v>0</v>
      </c>
      <c r="S16" s="102">
        <v>5</v>
      </c>
      <c r="T16" s="102">
        <v>0</v>
      </c>
      <c r="U16" s="102">
        <v>2</v>
      </c>
      <c r="V16" s="102">
        <v>1</v>
      </c>
      <c r="W16" s="103">
        <v>8</v>
      </c>
      <c r="X16" s="104">
        <v>14</v>
      </c>
      <c r="Y16" s="101">
        <v>11</v>
      </c>
      <c r="Z16" s="102">
        <v>9</v>
      </c>
      <c r="AA16" s="103">
        <v>20</v>
      </c>
      <c r="AB16" s="413">
        <v>0</v>
      </c>
      <c r="AC16" s="102">
        <v>2</v>
      </c>
      <c r="AD16" s="102">
        <v>4</v>
      </c>
      <c r="AE16" s="102">
        <v>4</v>
      </c>
      <c r="AF16" s="102">
        <v>1</v>
      </c>
      <c r="AG16" s="102">
        <v>0</v>
      </c>
      <c r="AH16" s="103">
        <v>11</v>
      </c>
      <c r="AI16" s="104">
        <v>31</v>
      </c>
      <c r="AJ16" s="107">
        <v>9</v>
      </c>
      <c r="AK16" s="102">
        <v>14</v>
      </c>
      <c r="AL16" s="103">
        <v>23</v>
      </c>
      <c r="AM16" s="413">
        <v>0</v>
      </c>
      <c r="AN16" s="102">
        <v>13</v>
      </c>
      <c r="AO16" s="102">
        <v>9</v>
      </c>
      <c r="AP16" s="102">
        <v>10</v>
      </c>
      <c r="AQ16" s="102">
        <v>9</v>
      </c>
      <c r="AR16" s="102">
        <v>3</v>
      </c>
      <c r="AS16" s="103">
        <v>44</v>
      </c>
      <c r="AT16" s="104">
        <v>67</v>
      </c>
      <c r="AU16" s="101">
        <v>40</v>
      </c>
      <c r="AV16" s="102">
        <v>28</v>
      </c>
      <c r="AW16" s="103">
        <v>68</v>
      </c>
      <c r="AX16" s="413">
        <v>0</v>
      </c>
      <c r="AY16" s="102">
        <v>25</v>
      </c>
      <c r="AZ16" s="102">
        <v>30</v>
      </c>
      <c r="BA16" s="102">
        <v>21</v>
      </c>
      <c r="BB16" s="102">
        <v>11</v>
      </c>
      <c r="BC16" s="102">
        <v>7</v>
      </c>
      <c r="BD16" s="103">
        <v>94</v>
      </c>
      <c r="BE16" s="104">
        <v>162</v>
      </c>
      <c r="BF16" s="107">
        <v>67</v>
      </c>
      <c r="BG16" s="102">
        <v>54</v>
      </c>
      <c r="BH16" s="103">
        <v>121</v>
      </c>
      <c r="BI16" s="413">
        <v>0</v>
      </c>
      <c r="BJ16" s="102">
        <v>57</v>
      </c>
      <c r="BK16" s="102">
        <v>39</v>
      </c>
      <c r="BL16" s="102">
        <v>22</v>
      </c>
      <c r="BM16" s="102">
        <v>20</v>
      </c>
      <c r="BN16" s="102">
        <v>13</v>
      </c>
      <c r="BO16" s="103">
        <v>151</v>
      </c>
      <c r="BP16" s="104">
        <v>272</v>
      </c>
      <c r="BQ16" s="101">
        <v>49</v>
      </c>
      <c r="BR16" s="102">
        <v>50</v>
      </c>
      <c r="BS16" s="103">
        <v>99</v>
      </c>
      <c r="BT16" s="413">
        <v>0</v>
      </c>
      <c r="BU16" s="102">
        <v>52</v>
      </c>
      <c r="BV16" s="102">
        <v>65</v>
      </c>
      <c r="BW16" s="102">
        <v>35</v>
      </c>
      <c r="BX16" s="102">
        <v>40</v>
      </c>
      <c r="BY16" s="102">
        <v>10</v>
      </c>
      <c r="BZ16" s="103">
        <v>202</v>
      </c>
      <c r="CA16" s="104">
        <v>301</v>
      </c>
      <c r="CB16" s="101">
        <v>0</v>
      </c>
      <c r="CC16" s="102">
        <v>0</v>
      </c>
      <c r="CD16" s="103">
        <v>0</v>
      </c>
      <c r="CE16" s="413">
        <v>0</v>
      </c>
      <c r="CF16" s="102">
        <v>0</v>
      </c>
      <c r="CG16" s="102">
        <v>0</v>
      </c>
      <c r="CH16" s="102">
        <v>0</v>
      </c>
      <c r="CI16" s="102">
        <v>0</v>
      </c>
      <c r="CJ16" s="102">
        <v>0</v>
      </c>
      <c r="CK16" s="103">
        <v>0</v>
      </c>
      <c r="CL16" s="104">
        <v>0</v>
      </c>
      <c r="CM16" s="101">
        <v>180</v>
      </c>
      <c r="CN16" s="102">
        <v>157</v>
      </c>
      <c r="CO16" s="103">
        <v>337</v>
      </c>
      <c r="CP16" s="413">
        <v>0</v>
      </c>
      <c r="CQ16" s="102">
        <v>149</v>
      </c>
      <c r="CR16" s="102">
        <v>152</v>
      </c>
      <c r="CS16" s="102">
        <v>92</v>
      </c>
      <c r="CT16" s="102">
        <v>83</v>
      </c>
      <c r="CU16" s="102">
        <v>34</v>
      </c>
      <c r="CV16" s="103">
        <v>510</v>
      </c>
      <c r="CW16" s="104">
        <v>847</v>
      </c>
      <c r="CX16" s="105">
        <v>23</v>
      </c>
      <c r="CY16" s="97">
        <v>19</v>
      </c>
      <c r="CZ16" s="98">
        <v>42</v>
      </c>
      <c r="DA16" s="413">
        <v>0</v>
      </c>
      <c r="DB16" s="97">
        <v>20</v>
      </c>
      <c r="DC16" s="97">
        <v>21</v>
      </c>
      <c r="DD16" s="97">
        <v>11</v>
      </c>
      <c r="DE16" s="97">
        <v>14</v>
      </c>
      <c r="DF16" s="97">
        <v>8</v>
      </c>
      <c r="DG16" s="99">
        <v>74</v>
      </c>
      <c r="DH16" s="100">
        <v>116</v>
      </c>
      <c r="DI16" s="107">
        <v>0</v>
      </c>
      <c r="DJ16" s="102">
        <v>0</v>
      </c>
      <c r="DK16" s="103">
        <v>0</v>
      </c>
      <c r="DL16" s="413">
        <v>0</v>
      </c>
      <c r="DM16" s="102">
        <v>0</v>
      </c>
      <c r="DN16" s="102">
        <v>0</v>
      </c>
      <c r="DO16" s="102">
        <v>1</v>
      </c>
      <c r="DP16" s="102">
        <v>0</v>
      </c>
      <c r="DQ16" s="102">
        <v>1</v>
      </c>
      <c r="DR16" s="103">
        <v>2</v>
      </c>
      <c r="DS16" s="104">
        <v>2</v>
      </c>
      <c r="DT16" s="101">
        <v>2</v>
      </c>
      <c r="DU16" s="102">
        <v>1</v>
      </c>
      <c r="DV16" s="103">
        <v>3</v>
      </c>
      <c r="DW16" s="413">
        <v>0</v>
      </c>
      <c r="DX16" s="102">
        <v>0</v>
      </c>
      <c r="DY16" s="102">
        <v>1</v>
      </c>
      <c r="DZ16" s="102">
        <v>0</v>
      </c>
      <c r="EA16" s="102">
        <v>0</v>
      </c>
      <c r="EB16" s="102">
        <v>0</v>
      </c>
      <c r="EC16" s="103">
        <v>1</v>
      </c>
      <c r="ED16" s="104">
        <v>4</v>
      </c>
      <c r="EE16" s="107">
        <v>2</v>
      </c>
      <c r="EF16" s="102">
        <v>3</v>
      </c>
      <c r="EG16" s="103">
        <v>5</v>
      </c>
      <c r="EH16" s="413">
        <v>0</v>
      </c>
      <c r="EI16" s="102">
        <v>1</v>
      </c>
      <c r="EJ16" s="102">
        <v>2</v>
      </c>
      <c r="EK16" s="102">
        <v>1</v>
      </c>
      <c r="EL16" s="102">
        <v>1</v>
      </c>
      <c r="EM16" s="102">
        <v>0</v>
      </c>
      <c r="EN16" s="103">
        <v>5</v>
      </c>
      <c r="EO16" s="104">
        <v>10</v>
      </c>
      <c r="EP16" s="101">
        <v>4</v>
      </c>
      <c r="EQ16" s="102">
        <v>3</v>
      </c>
      <c r="ER16" s="103">
        <v>7</v>
      </c>
      <c r="ES16" s="413">
        <v>0</v>
      </c>
      <c r="ET16" s="102">
        <v>4</v>
      </c>
      <c r="EU16" s="102">
        <v>2</v>
      </c>
      <c r="EV16" s="102">
        <v>1</v>
      </c>
      <c r="EW16" s="102">
        <v>2</v>
      </c>
      <c r="EX16" s="102">
        <v>0</v>
      </c>
      <c r="EY16" s="103">
        <v>9</v>
      </c>
      <c r="EZ16" s="104">
        <v>16</v>
      </c>
      <c r="FA16" s="107">
        <v>6</v>
      </c>
      <c r="FB16" s="102">
        <v>8</v>
      </c>
      <c r="FC16" s="103">
        <v>14</v>
      </c>
      <c r="FD16" s="413">
        <v>0</v>
      </c>
      <c r="FE16" s="102">
        <v>8</v>
      </c>
      <c r="FF16" s="102">
        <v>7</v>
      </c>
      <c r="FG16" s="102">
        <v>2</v>
      </c>
      <c r="FH16" s="102">
        <v>3</v>
      </c>
      <c r="FI16" s="102">
        <v>2</v>
      </c>
      <c r="FJ16" s="103">
        <v>22</v>
      </c>
      <c r="FK16" s="104">
        <v>36</v>
      </c>
      <c r="FL16" s="101">
        <v>9</v>
      </c>
      <c r="FM16" s="102">
        <v>4</v>
      </c>
      <c r="FN16" s="103">
        <v>13</v>
      </c>
      <c r="FO16" s="413">
        <v>0</v>
      </c>
      <c r="FP16" s="102">
        <v>7</v>
      </c>
      <c r="FQ16" s="102">
        <v>9</v>
      </c>
      <c r="FR16" s="102">
        <v>6</v>
      </c>
      <c r="FS16" s="102">
        <v>8</v>
      </c>
      <c r="FT16" s="102">
        <v>5</v>
      </c>
      <c r="FU16" s="103">
        <v>35</v>
      </c>
      <c r="FV16" s="104">
        <v>48</v>
      </c>
      <c r="FW16" s="101">
        <v>0</v>
      </c>
      <c r="FX16" s="102">
        <v>0</v>
      </c>
      <c r="FY16" s="103">
        <v>0</v>
      </c>
      <c r="FZ16" s="413">
        <v>0</v>
      </c>
      <c r="GA16" s="102">
        <v>0</v>
      </c>
      <c r="GB16" s="102">
        <v>0</v>
      </c>
      <c r="GC16" s="102">
        <v>0</v>
      </c>
      <c r="GD16" s="102">
        <v>0</v>
      </c>
      <c r="GE16" s="102">
        <v>0</v>
      </c>
      <c r="GF16" s="103">
        <v>0</v>
      </c>
      <c r="GG16" s="104">
        <v>0</v>
      </c>
      <c r="GH16" s="101">
        <v>23</v>
      </c>
      <c r="GI16" s="102">
        <v>19</v>
      </c>
      <c r="GJ16" s="103">
        <v>42</v>
      </c>
      <c r="GK16" s="413">
        <v>0</v>
      </c>
      <c r="GL16" s="102">
        <v>20</v>
      </c>
      <c r="GM16" s="102">
        <v>21</v>
      </c>
      <c r="GN16" s="102">
        <v>11</v>
      </c>
      <c r="GO16" s="102">
        <v>14</v>
      </c>
      <c r="GP16" s="102">
        <v>8</v>
      </c>
      <c r="GQ16" s="103">
        <v>74</v>
      </c>
      <c r="GR16" s="104">
        <v>116</v>
      </c>
      <c r="GS16" s="105">
        <v>203</v>
      </c>
      <c r="GT16" s="97">
        <v>176</v>
      </c>
      <c r="GU16" s="98">
        <v>379</v>
      </c>
      <c r="GV16" s="413">
        <v>0</v>
      </c>
      <c r="GW16" s="97">
        <v>169</v>
      </c>
      <c r="GX16" s="97">
        <v>173</v>
      </c>
      <c r="GY16" s="97">
        <v>103</v>
      </c>
      <c r="GZ16" s="97">
        <v>97</v>
      </c>
      <c r="HA16" s="97">
        <v>42</v>
      </c>
      <c r="HB16" s="99">
        <v>584</v>
      </c>
      <c r="HC16" s="100">
        <v>963</v>
      </c>
      <c r="HD16" s="107">
        <v>4</v>
      </c>
      <c r="HE16" s="102">
        <v>2</v>
      </c>
      <c r="HF16" s="103">
        <v>6</v>
      </c>
      <c r="HG16" s="413">
        <v>0</v>
      </c>
      <c r="HH16" s="102">
        <v>0</v>
      </c>
      <c r="HI16" s="102">
        <v>5</v>
      </c>
      <c r="HJ16" s="102">
        <v>1</v>
      </c>
      <c r="HK16" s="102">
        <v>2</v>
      </c>
      <c r="HL16" s="102">
        <v>2</v>
      </c>
      <c r="HM16" s="103">
        <v>10</v>
      </c>
      <c r="HN16" s="104">
        <v>16</v>
      </c>
      <c r="HO16" s="101">
        <v>13</v>
      </c>
      <c r="HP16" s="102">
        <v>10</v>
      </c>
      <c r="HQ16" s="103">
        <v>23</v>
      </c>
      <c r="HR16" s="413">
        <v>0</v>
      </c>
      <c r="HS16" s="102">
        <v>2</v>
      </c>
      <c r="HT16" s="102">
        <v>5</v>
      </c>
      <c r="HU16" s="102">
        <v>4</v>
      </c>
      <c r="HV16" s="102">
        <v>1</v>
      </c>
      <c r="HW16" s="102">
        <v>0</v>
      </c>
      <c r="HX16" s="103">
        <v>12</v>
      </c>
      <c r="HY16" s="104">
        <v>35</v>
      </c>
      <c r="HZ16" s="107">
        <v>11</v>
      </c>
      <c r="IA16" s="102">
        <v>17</v>
      </c>
      <c r="IB16" s="103">
        <v>28</v>
      </c>
      <c r="IC16" s="413">
        <v>0</v>
      </c>
      <c r="ID16" s="102">
        <v>14</v>
      </c>
      <c r="IE16" s="102">
        <v>11</v>
      </c>
      <c r="IF16" s="102">
        <v>11</v>
      </c>
      <c r="IG16" s="102">
        <v>10</v>
      </c>
      <c r="IH16" s="102">
        <v>3</v>
      </c>
      <c r="II16" s="103">
        <v>49</v>
      </c>
      <c r="IJ16" s="104">
        <v>77</v>
      </c>
      <c r="IK16" s="101">
        <v>44</v>
      </c>
      <c r="IL16" s="102">
        <v>31</v>
      </c>
      <c r="IM16" s="103">
        <v>75</v>
      </c>
      <c r="IN16" s="413">
        <v>0</v>
      </c>
      <c r="IO16" s="102">
        <v>29</v>
      </c>
      <c r="IP16" s="102">
        <v>32</v>
      </c>
      <c r="IQ16" s="102">
        <v>22</v>
      </c>
      <c r="IR16" s="102">
        <v>13</v>
      </c>
      <c r="IS16" s="102">
        <v>7</v>
      </c>
      <c r="IT16" s="103">
        <v>103</v>
      </c>
      <c r="IU16" s="104">
        <v>178</v>
      </c>
      <c r="IV16" s="107">
        <v>73</v>
      </c>
      <c r="IW16" s="102">
        <v>62</v>
      </c>
      <c r="IX16" s="103">
        <v>135</v>
      </c>
      <c r="IY16" s="413">
        <v>0</v>
      </c>
      <c r="IZ16" s="102">
        <v>65</v>
      </c>
      <c r="JA16" s="102">
        <v>46</v>
      </c>
      <c r="JB16" s="102">
        <v>24</v>
      </c>
      <c r="JC16" s="102">
        <v>23</v>
      </c>
      <c r="JD16" s="102">
        <v>15</v>
      </c>
      <c r="JE16" s="103">
        <v>173</v>
      </c>
      <c r="JF16" s="104">
        <v>308</v>
      </c>
      <c r="JG16" s="101">
        <v>58</v>
      </c>
      <c r="JH16" s="102">
        <v>54</v>
      </c>
      <c r="JI16" s="103">
        <v>112</v>
      </c>
      <c r="JJ16" s="413">
        <v>0</v>
      </c>
      <c r="JK16" s="102">
        <v>59</v>
      </c>
      <c r="JL16" s="102">
        <v>74</v>
      </c>
      <c r="JM16" s="102">
        <v>41</v>
      </c>
      <c r="JN16" s="102">
        <v>48</v>
      </c>
      <c r="JO16" s="102">
        <v>15</v>
      </c>
      <c r="JP16" s="103">
        <v>237</v>
      </c>
      <c r="JQ16" s="104">
        <v>349</v>
      </c>
      <c r="JR16" s="101">
        <v>0</v>
      </c>
      <c r="JS16" s="102">
        <v>0</v>
      </c>
      <c r="JT16" s="103">
        <v>0</v>
      </c>
      <c r="JU16" s="413">
        <v>0</v>
      </c>
      <c r="JV16" s="102">
        <v>0</v>
      </c>
      <c r="JW16" s="102">
        <v>0</v>
      </c>
      <c r="JX16" s="102">
        <v>0</v>
      </c>
      <c r="JY16" s="102">
        <v>0</v>
      </c>
      <c r="JZ16" s="102">
        <v>0</v>
      </c>
      <c r="KA16" s="103">
        <v>0</v>
      </c>
      <c r="KB16" s="104">
        <v>0</v>
      </c>
      <c r="KC16" s="101">
        <v>203</v>
      </c>
      <c r="KD16" s="102">
        <v>176</v>
      </c>
      <c r="KE16" s="103">
        <v>379</v>
      </c>
      <c r="KF16" s="413">
        <v>0</v>
      </c>
      <c r="KG16" s="102">
        <v>169</v>
      </c>
      <c r="KH16" s="102">
        <v>173</v>
      </c>
      <c r="KI16" s="102">
        <v>103</v>
      </c>
      <c r="KJ16" s="102">
        <v>97</v>
      </c>
      <c r="KK16" s="102">
        <v>42</v>
      </c>
      <c r="KL16" s="103">
        <v>584</v>
      </c>
      <c r="KM16" s="104">
        <v>963</v>
      </c>
    </row>
    <row r="17" spans="2:299" s="70" customFormat="1" ht="21" customHeight="1" x14ac:dyDescent="0.2">
      <c r="B17" s="106" t="s">
        <v>13</v>
      </c>
      <c r="C17" s="96">
        <v>45</v>
      </c>
      <c r="D17" s="97">
        <v>40</v>
      </c>
      <c r="E17" s="98">
        <v>85</v>
      </c>
      <c r="F17" s="413">
        <v>0</v>
      </c>
      <c r="G17" s="97">
        <v>73</v>
      </c>
      <c r="H17" s="97">
        <v>79</v>
      </c>
      <c r="I17" s="97">
        <v>46</v>
      </c>
      <c r="J17" s="97">
        <v>36</v>
      </c>
      <c r="K17" s="97">
        <v>26</v>
      </c>
      <c r="L17" s="99">
        <v>260</v>
      </c>
      <c r="M17" s="100">
        <v>345</v>
      </c>
      <c r="N17" s="101">
        <v>0</v>
      </c>
      <c r="O17" s="102">
        <v>0</v>
      </c>
      <c r="P17" s="103">
        <v>0</v>
      </c>
      <c r="Q17" s="413">
        <v>0</v>
      </c>
      <c r="R17" s="102">
        <v>3</v>
      </c>
      <c r="S17" s="102">
        <v>0</v>
      </c>
      <c r="T17" s="102">
        <v>0</v>
      </c>
      <c r="U17" s="102">
        <v>0</v>
      </c>
      <c r="V17" s="102">
        <v>0</v>
      </c>
      <c r="W17" s="103">
        <v>3</v>
      </c>
      <c r="X17" s="104">
        <v>3</v>
      </c>
      <c r="Y17" s="101">
        <v>1</v>
      </c>
      <c r="Z17" s="102">
        <v>0</v>
      </c>
      <c r="AA17" s="103">
        <v>1</v>
      </c>
      <c r="AB17" s="413">
        <v>0</v>
      </c>
      <c r="AC17" s="102">
        <v>0</v>
      </c>
      <c r="AD17" s="102">
        <v>0</v>
      </c>
      <c r="AE17" s="102">
        <v>2</v>
      </c>
      <c r="AF17" s="102">
        <v>2</v>
      </c>
      <c r="AG17" s="102">
        <v>1</v>
      </c>
      <c r="AH17" s="103">
        <v>5</v>
      </c>
      <c r="AI17" s="104">
        <v>6</v>
      </c>
      <c r="AJ17" s="101">
        <v>3</v>
      </c>
      <c r="AK17" s="102">
        <v>0</v>
      </c>
      <c r="AL17" s="103">
        <v>3</v>
      </c>
      <c r="AM17" s="413">
        <v>0</v>
      </c>
      <c r="AN17" s="102">
        <v>6</v>
      </c>
      <c r="AO17" s="102">
        <v>5</v>
      </c>
      <c r="AP17" s="102">
        <v>3</v>
      </c>
      <c r="AQ17" s="102">
        <v>0</v>
      </c>
      <c r="AR17" s="102">
        <v>1</v>
      </c>
      <c r="AS17" s="103">
        <v>15</v>
      </c>
      <c r="AT17" s="104">
        <v>18</v>
      </c>
      <c r="AU17" s="101">
        <v>8</v>
      </c>
      <c r="AV17" s="102">
        <v>7</v>
      </c>
      <c r="AW17" s="103">
        <v>15</v>
      </c>
      <c r="AX17" s="413">
        <v>0</v>
      </c>
      <c r="AY17" s="102">
        <v>12</v>
      </c>
      <c r="AZ17" s="102">
        <v>11</v>
      </c>
      <c r="BA17" s="102">
        <v>8</v>
      </c>
      <c r="BB17" s="102">
        <v>8</v>
      </c>
      <c r="BC17" s="102">
        <v>5</v>
      </c>
      <c r="BD17" s="103">
        <v>44</v>
      </c>
      <c r="BE17" s="104">
        <v>59</v>
      </c>
      <c r="BF17" s="101">
        <v>19</v>
      </c>
      <c r="BG17" s="102">
        <v>14</v>
      </c>
      <c r="BH17" s="103">
        <v>33</v>
      </c>
      <c r="BI17" s="413">
        <v>0</v>
      </c>
      <c r="BJ17" s="102">
        <v>23</v>
      </c>
      <c r="BK17" s="102">
        <v>28</v>
      </c>
      <c r="BL17" s="102">
        <v>13</v>
      </c>
      <c r="BM17" s="102">
        <v>12</v>
      </c>
      <c r="BN17" s="102">
        <v>6</v>
      </c>
      <c r="BO17" s="103">
        <v>82</v>
      </c>
      <c r="BP17" s="104">
        <v>115</v>
      </c>
      <c r="BQ17" s="101">
        <v>14</v>
      </c>
      <c r="BR17" s="102">
        <v>19</v>
      </c>
      <c r="BS17" s="103">
        <v>33</v>
      </c>
      <c r="BT17" s="413">
        <v>0</v>
      </c>
      <c r="BU17" s="102">
        <v>29</v>
      </c>
      <c r="BV17" s="102">
        <v>35</v>
      </c>
      <c r="BW17" s="102">
        <v>20</v>
      </c>
      <c r="BX17" s="102">
        <v>14</v>
      </c>
      <c r="BY17" s="102">
        <v>13</v>
      </c>
      <c r="BZ17" s="103">
        <v>111</v>
      </c>
      <c r="CA17" s="104">
        <v>144</v>
      </c>
      <c r="CB17" s="101">
        <v>0</v>
      </c>
      <c r="CC17" s="102">
        <v>0</v>
      </c>
      <c r="CD17" s="103">
        <v>0</v>
      </c>
      <c r="CE17" s="413">
        <v>0</v>
      </c>
      <c r="CF17" s="102">
        <v>0</v>
      </c>
      <c r="CG17" s="102">
        <v>0</v>
      </c>
      <c r="CH17" s="102">
        <v>0</v>
      </c>
      <c r="CI17" s="102">
        <v>0</v>
      </c>
      <c r="CJ17" s="102">
        <v>0</v>
      </c>
      <c r="CK17" s="103">
        <v>0</v>
      </c>
      <c r="CL17" s="104">
        <v>0</v>
      </c>
      <c r="CM17" s="101">
        <v>45</v>
      </c>
      <c r="CN17" s="102">
        <v>40</v>
      </c>
      <c r="CO17" s="103">
        <v>85</v>
      </c>
      <c r="CP17" s="413">
        <v>0</v>
      </c>
      <c r="CQ17" s="102">
        <v>73</v>
      </c>
      <c r="CR17" s="102">
        <v>79</v>
      </c>
      <c r="CS17" s="102">
        <v>46</v>
      </c>
      <c r="CT17" s="102">
        <v>36</v>
      </c>
      <c r="CU17" s="102">
        <v>26</v>
      </c>
      <c r="CV17" s="103">
        <v>260</v>
      </c>
      <c r="CW17" s="104">
        <v>345</v>
      </c>
      <c r="CX17" s="105">
        <v>7</v>
      </c>
      <c r="CY17" s="97">
        <v>6</v>
      </c>
      <c r="CZ17" s="98">
        <v>13</v>
      </c>
      <c r="DA17" s="413">
        <v>0</v>
      </c>
      <c r="DB17" s="97">
        <v>15</v>
      </c>
      <c r="DC17" s="97">
        <v>13</v>
      </c>
      <c r="DD17" s="97">
        <v>4</v>
      </c>
      <c r="DE17" s="97">
        <v>11</v>
      </c>
      <c r="DF17" s="97">
        <v>3</v>
      </c>
      <c r="DG17" s="99">
        <v>46</v>
      </c>
      <c r="DH17" s="100">
        <v>59</v>
      </c>
      <c r="DI17" s="101">
        <v>0</v>
      </c>
      <c r="DJ17" s="102">
        <v>0</v>
      </c>
      <c r="DK17" s="103">
        <v>0</v>
      </c>
      <c r="DL17" s="413">
        <v>0</v>
      </c>
      <c r="DM17" s="102">
        <v>0</v>
      </c>
      <c r="DN17" s="102">
        <v>0</v>
      </c>
      <c r="DO17" s="102">
        <v>0</v>
      </c>
      <c r="DP17" s="102">
        <v>0</v>
      </c>
      <c r="DQ17" s="102">
        <v>0</v>
      </c>
      <c r="DR17" s="103">
        <v>0</v>
      </c>
      <c r="DS17" s="104">
        <v>0</v>
      </c>
      <c r="DT17" s="101">
        <v>1</v>
      </c>
      <c r="DU17" s="102">
        <v>0</v>
      </c>
      <c r="DV17" s="103">
        <v>1</v>
      </c>
      <c r="DW17" s="413">
        <v>0</v>
      </c>
      <c r="DX17" s="102">
        <v>0</v>
      </c>
      <c r="DY17" s="102">
        <v>0</v>
      </c>
      <c r="DZ17" s="102">
        <v>0</v>
      </c>
      <c r="EA17" s="102">
        <v>0</v>
      </c>
      <c r="EB17" s="102">
        <v>0</v>
      </c>
      <c r="EC17" s="103">
        <v>0</v>
      </c>
      <c r="ED17" s="104">
        <v>1</v>
      </c>
      <c r="EE17" s="101">
        <v>0</v>
      </c>
      <c r="EF17" s="102">
        <v>1</v>
      </c>
      <c r="EG17" s="103">
        <v>1</v>
      </c>
      <c r="EH17" s="413">
        <v>0</v>
      </c>
      <c r="EI17" s="102">
        <v>3</v>
      </c>
      <c r="EJ17" s="102">
        <v>0</v>
      </c>
      <c r="EK17" s="102">
        <v>0</v>
      </c>
      <c r="EL17" s="102">
        <v>0</v>
      </c>
      <c r="EM17" s="102">
        <v>0</v>
      </c>
      <c r="EN17" s="103">
        <v>3</v>
      </c>
      <c r="EO17" s="104">
        <v>4</v>
      </c>
      <c r="EP17" s="101">
        <v>1</v>
      </c>
      <c r="EQ17" s="102">
        <v>2</v>
      </c>
      <c r="ER17" s="103">
        <v>3</v>
      </c>
      <c r="ES17" s="413">
        <v>0</v>
      </c>
      <c r="ET17" s="102">
        <v>1</v>
      </c>
      <c r="EU17" s="102">
        <v>4</v>
      </c>
      <c r="EV17" s="102">
        <v>1</v>
      </c>
      <c r="EW17" s="102">
        <v>2</v>
      </c>
      <c r="EX17" s="102">
        <v>1</v>
      </c>
      <c r="EY17" s="103">
        <v>9</v>
      </c>
      <c r="EZ17" s="104">
        <v>12</v>
      </c>
      <c r="FA17" s="101">
        <v>4</v>
      </c>
      <c r="FB17" s="102">
        <v>3</v>
      </c>
      <c r="FC17" s="103">
        <v>7</v>
      </c>
      <c r="FD17" s="413">
        <v>0</v>
      </c>
      <c r="FE17" s="102">
        <v>4</v>
      </c>
      <c r="FF17" s="102">
        <v>5</v>
      </c>
      <c r="FG17" s="102">
        <v>0</v>
      </c>
      <c r="FH17" s="102">
        <v>3</v>
      </c>
      <c r="FI17" s="102">
        <v>0</v>
      </c>
      <c r="FJ17" s="103">
        <v>12</v>
      </c>
      <c r="FK17" s="104">
        <v>19</v>
      </c>
      <c r="FL17" s="101">
        <v>1</v>
      </c>
      <c r="FM17" s="102">
        <v>0</v>
      </c>
      <c r="FN17" s="103">
        <v>1</v>
      </c>
      <c r="FO17" s="413">
        <v>0</v>
      </c>
      <c r="FP17" s="102">
        <v>7</v>
      </c>
      <c r="FQ17" s="102">
        <v>4</v>
      </c>
      <c r="FR17" s="102">
        <v>3</v>
      </c>
      <c r="FS17" s="102">
        <v>6</v>
      </c>
      <c r="FT17" s="102">
        <v>2</v>
      </c>
      <c r="FU17" s="103">
        <v>22</v>
      </c>
      <c r="FV17" s="104">
        <v>23</v>
      </c>
      <c r="FW17" s="101">
        <v>0</v>
      </c>
      <c r="FX17" s="102">
        <v>0</v>
      </c>
      <c r="FY17" s="103">
        <v>0</v>
      </c>
      <c r="FZ17" s="413">
        <v>0</v>
      </c>
      <c r="GA17" s="102">
        <v>0</v>
      </c>
      <c r="GB17" s="102">
        <v>0</v>
      </c>
      <c r="GC17" s="102">
        <v>0</v>
      </c>
      <c r="GD17" s="102">
        <v>0</v>
      </c>
      <c r="GE17" s="102">
        <v>0</v>
      </c>
      <c r="GF17" s="103">
        <v>0</v>
      </c>
      <c r="GG17" s="104">
        <v>0</v>
      </c>
      <c r="GH17" s="101">
        <v>7</v>
      </c>
      <c r="GI17" s="102">
        <v>6</v>
      </c>
      <c r="GJ17" s="103">
        <v>13</v>
      </c>
      <c r="GK17" s="413">
        <v>0</v>
      </c>
      <c r="GL17" s="102">
        <v>15</v>
      </c>
      <c r="GM17" s="102">
        <v>13</v>
      </c>
      <c r="GN17" s="102">
        <v>4</v>
      </c>
      <c r="GO17" s="102">
        <v>11</v>
      </c>
      <c r="GP17" s="102">
        <v>3</v>
      </c>
      <c r="GQ17" s="103">
        <v>46</v>
      </c>
      <c r="GR17" s="104">
        <v>59</v>
      </c>
      <c r="GS17" s="105">
        <v>52</v>
      </c>
      <c r="GT17" s="97">
        <v>46</v>
      </c>
      <c r="GU17" s="98">
        <v>98</v>
      </c>
      <c r="GV17" s="413">
        <v>0</v>
      </c>
      <c r="GW17" s="97">
        <v>88</v>
      </c>
      <c r="GX17" s="97">
        <v>92</v>
      </c>
      <c r="GY17" s="97">
        <v>50</v>
      </c>
      <c r="GZ17" s="97">
        <v>47</v>
      </c>
      <c r="HA17" s="97">
        <v>29</v>
      </c>
      <c r="HB17" s="99">
        <v>306</v>
      </c>
      <c r="HC17" s="100">
        <v>404</v>
      </c>
      <c r="HD17" s="101">
        <v>0</v>
      </c>
      <c r="HE17" s="102">
        <v>0</v>
      </c>
      <c r="HF17" s="103">
        <v>0</v>
      </c>
      <c r="HG17" s="413">
        <v>0</v>
      </c>
      <c r="HH17" s="102">
        <v>3</v>
      </c>
      <c r="HI17" s="102">
        <v>0</v>
      </c>
      <c r="HJ17" s="102">
        <v>0</v>
      </c>
      <c r="HK17" s="102">
        <v>0</v>
      </c>
      <c r="HL17" s="102">
        <v>0</v>
      </c>
      <c r="HM17" s="103">
        <v>3</v>
      </c>
      <c r="HN17" s="104">
        <v>3</v>
      </c>
      <c r="HO17" s="101">
        <v>2</v>
      </c>
      <c r="HP17" s="102">
        <v>0</v>
      </c>
      <c r="HQ17" s="103">
        <v>2</v>
      </c>
      <c r="HR17" s="413">
        <v>0</v>
      </c>
      <c r="HS17" s="102">
        <v>0</v>
      </c>
      <c r="HT17" s="102">
        <v>0</v>
      </c>
      <c r="HU17" s="102">
        <v>2</v>
      </c>
      <c r="HV17" s="102">
        <v>2</v>
      </c>
      <c r="HW17" s="102">
        <v>1</v>
      </c>
      <c r="HX17" s="103">
        <v>5</v>
      </c>
      <c r="HY17" s="104">
        <v>7</v>
      </c>
      <c r="HZ17" s="101">
        <v>3</v>
      </c>
      <c r="IA17" s="102">
        <v>1</v>
      </c>
      <c r="IB17" s="103">
        <v>4</v>
      </c>
      <c r="IC17" s="413">
        <v>0</v>
      </c>
      <c r="ID17" s="102">
        <v>9</v>
      </c>
      <c r="IE17" s="102">
        <v>5</v>
      </c>
      <c r="IF17" s="102">
        <v>3</v>
      </c>
      <c r="IG17" s="102">
        <v>0</v>
      </c>
      <c r="IH17" s="102">
        <v>1</v>
      </c>
      <c r="II17" s="103">
        <v>18</v>
      </c>
      <c r="IJ17" s="104">
        <v>22</v>
      </c>
      <c r="IK17" s="101">
        <v>9</v>
      </c>
      <c r="IL17" s="102">
        <v>9</v>
      </c>
      <c r="IM17" s="103">
        <v>18</v>
      </c>
      <c r="IN17" s="413">
        <v>0</v>
      </c>
      <c r="IO17" s="102">
        <v>13</v>
      </c>
      <c r="IP17" s="102">
        <v>15</v>
      </c>
      <c r="IQ17" s="102">
        <v>9</v>
      </c>
      <c r="IR17" s="102">
        <v>10</v>
      </c>
      <c r="IS17" s="102">
        <v>6</v>
      </c>
      <c r="IT17" s="103">
        <v>53</v>
      </c>
      <c r="IU17" s="104">
        <v>71</v>
      </c>
      <c r="IV17" s="101">
        <v>23</v>
      </c>
      <c r="IW17" s="102">
        <v>17</v>
      </c>
      <c r="IX17" s="103">
        <v>40</v>
      </c>
      <c r="IY17" s="413">
        <v>0</v>
      </c>
      <c r="IZ17" s="102">
        <v>27</v>
      </c>
      <c r="JA17" s="102">
        <v>33</v>
      </c>
      <c r="JB17" s="102">
        <v>13</v>
      </c>
      <c r="JC17" s="102">
        <v>15</v>
      </c>
      <c r="JD17" s="102">
        <v>6</v>
      </c>
      <c r="JE17" s="103">
        <v>94</v>
      </c>
      <c r="JF17" s="104">
        <v>134</v>
      </c>
      <c r="JG17" s="101">
        <v>15</v>
      </c>
      <c r="JH17" s="102">
        <v>19</v>
      </c>
      <c r="JI17" s="103">
        <v>34</v>
      </c>
      <c r="JJ17" s="413">
        <v>0</v>
      </c>
      <c r="JK17" s="102">
        <v>36</v>
      </c>
      <c r="JL17" s="102">
        <v>39</v>
      </c>
      <c r="JM17" s="102">
        <v>23</v>
      </c>
      <c r="JN17" s="102">
        <v>20</v>
      </c>
      <c r="JO17" s="102">
        <v>15</v>
      </c>
      <c r="JP17" s="103">
        <v>133</v>
      </c>
      <c r="JQ17" s="104">
        <v>167</v>
      </c>
      <c r="JR17" s="101">
        <v>0</v>
      </c>
      <c r="JS17" s="102">
        <v>0</v>
      </c>
      <c r="JT17" s="103">
        <v>0</v>
      </c>
      <c r="JU17" s="413">
        <v>0</v>
      </c>
      <c r="JV17" s="102">
        <v>0</v>
      </c>
      <c r="JW17" s="102">
        <v>0</v>
      </c>
      <c r="JX17" s="102">
        <v>0</v>
      </c>
      <c r="JY17" s="102">
        <v>0</v>
      </c>
      <c r="JZ17" s="102">
        <v>0</v>
      </c>
      <c r="KA17" s="103">
        <v>0</v>
      </c>
      <c r="KB17" s="104">
        <v>0</v>
      </c>
      <c r="KC17" s="101">
        <v>52</v>
      </c>
      <c r="KD17" s="102">
        <v>46</v>
      </c>
      <c r="KE17" s="103">
        <v>98</v>
      </c>
      <c r="KF17" s="413">
        <v>0</v>
      </c>
      <c r="KG17" s="102">
        <v>88</v>
      </c>
      <c r="KH17" s="102">
        <v>92</v>
      </c>
      <c r="KI17" s="102">
        <v>50</v>
      </c>
      <c r="KJ17" s="102">
        <v>47</v>
      </c>
      <c r="KK17" s="102">
        <v>29</v>
      </c>
      <c r="KL17" s="103">
        <v>306</v>
      </c>
      <c r="KM17" s="104">
        <v>404</v>
      </c>
    </row>
    <row r="18" spans="2:299" s="70" customFormat="1" ht="21" customHeight="1" x14ac:dyDescent="0.2">
      <c r="B18" s="106" t="s">
        <v>15</v>
      </c>
      <c r="C18" s="96">
        <v>14</v>
      </c>
      <c r="D18" s="97">
        <v>22</v>
      </c>
      <c r="E18" s="98">
        <v>36</v>
      </c>
      <c r="F18" s="413">
        <v>0</v>
      </c>
      <c r="G18" s="97">
        <v>42</v>
      </c>
      <c r="H18" s="97">
        <v>26</v>
      </c>
      <c r="I18" s="97">
        <v>21</v>
      </c>
      <c r="J18" s="97">
        <v>26</v>
      </c>
      <c r="K18" s="97">
        <v>6</v>
      </c>
      <c r="L18" s="99">
        <v>121</v>
      </c>
      <c r="M18" s="100">
        <v>157</v>
      </c>
      <c r="N18" s="101">
        <v>0</v>
      </c>
      <c r="O18" s="102">
        <v>0</v>
      </c>
      <c r="P18" s="103">
        <v>0</v>
      </c>
      <c r="Q18" s="413">
        <v>0</v>
      </c>
      <c r="R18" s="102">
        <v>1</v>
      </c>
      <c r="S18" s="102">
        <v>0</v>
      </c>
      <c r="T18" s="102">
        <v>0</v>
      </c>
      <c r="U18" s="102">
        <v>0</v>
      </c>
      <c r="V18" s="102">
        <v>0</v>
      </c>
      <c r="W18" s="103">
        <v>1</v>
      </c>
      <c r="X18" s="104">
        <v>1</v>
      </c>
      <c r="Y18" s="101">
        <v>0</v>
      </c>
      <c r="Z18" s="102">
        <v>2</v>
      </c>
      <c r="AA18" s="103">
        <v>2</v>
      </c>
      <c r="AB18" s="413">
        <v>0</v>
      </c>
      <c r="AC18" s="102">
        <v>3</v>
      </c>
      <c r="AD18" s="102">
        <v>1</v>
      </c>
      <c r="AE18" s="102">
        <v>1</v>
      </c>
      <c r="AF18" s="102">
        <v>2</v>
      </c>
      <c r="AG18" s="102">
        <v>1</v>
      </c>
      <c r="AH18" s="103">
        <v>8</v>
      </c>
      <c r="AI18" s="104">
        <v>10</v>
      </c>
      <c r="AJ18" s="101">
        <v>3</v>
      </c>
      <c r="AK18" s="102">
        <v>2</v>
      </c>
      <c r="AL18" s="103">
        <v>5</v>
      </c>
      <c r="AM18" s="413">
        <v>0</v>
      </c>
      <c r="AN18" s="102">
        <v>6</v>
      </c>
      <c r="AO18" s="102">
        <v>6</v>
      </c>
      <c r="AP18" s="102">
        <v>2</v>
      </c>
      <c r="AQ18" s="102">
        <v>3</v>
      </c>
      <c r="AR18" s="102">
        <v>1</v>
      </c>
      <c r="AS18" s="103">
        <v>18</v>
      </c>
      <c r="AT18" s="104">
        <v>23</v>
      </c>
      <c r="AU18" s="101">
        <v>2</v>
      </c>
      <c r="AV18" s="102">
        <v>3</v>
      </c>
      <c r="AW18" s="103">
        <v>5</v>
      </c>
      <c r="AX18" s="413">
        <v>0</v>
      </c>
      <c r="AY18" s="102">
        <v>14</v>
      </c>
      <c r="AZ18" s="102">
        <v>5</v>
      </c>
      <c r="BA18" s="102">
        <v>2</v>
      </c>
      <c r="BB18" s="102">
        <v>2</v>
      </c>
      <c r="BC18" s="102">
        <v>1</v>
      </c>
      <c r="BD18" s="103">
        <v>24</v>
      </c>
      <c r="BE18" s="104">
        <v>29</v>
      </c>
      <c r="BF18" s="101">
        <v>3</v>
      </c>
      <c r="BG18" s="102">
        <v>9</v>
      </c>
      <c r="BH18" s="103">
        <v>12</v>
      </c>
      <c r="BI18" s="413">
        <v>0</v>
      </c>
      <c r="BJ18" s="102">
        <v>8</v>
      </c>
      <c r="BK18" s="102">
        <v>3</v>
      </c>
      <c r="BL18" s="102">
        <v>7</v>
      </c>
      <c r="BM18" s="102">
        <v>7</v>
      </c>
      <c r="BN18" s="102">
        <v>1</v>
      </c>
      <c r="BO18" s="103">
        <v>26</v>
      </c>
      <c r="BP18" s="104">
        <v>38</v>
      </c>
      <c r="BQ18" s="101">
        <v>6</v>
      </c>
      <c r="BR18" s="102">
        <v>6</v>
      </c>
      <c r="BS18" s="103">
        <v>12</v>
      </c>
      <c r="BT18" s="413">
        <v>0</v>
      </c>
      <c r="BU18" s="102">
        <v>10</v>
      </c>
      <c r="BV18" s="102">
        <v>11</v>
      </c>
      <c r="BW18" s="102">
        <v>9</v>
      </c>
      <c r="BX18" s="102">
        <v>12</v>
      </c>
      <c r="BY18" s="102">
        <v>2</v>
      </c>
      <c r="BZ18" s="103">
        <v>44</v>
      </c>
      <c r="CA18" s="104">
        <v>56</v>
      </c>
      <c r="CB18" s="101">
        <v>0</v>
      </c>
      <c r="CC18" s="102">
        <v>0</v>
      </c>
      <c r="CD18" s="103">
        <v>0</v>
      </c>
      <c r="CE18" s="413">
        <v>0</v>
      </c>
      <c r="CF18" s="102">
        <v>0</v>
      </c>
      <c r="CG18" s="102">
        <v>0</v>
      </c>
      <c r="CH18" s="102">
        <v>0</v>
      </c>
      <c r="CI18" s="102">
        <v>0</v>
      </c>
      <c r="CJ18" s="102">
        <v>0</v>
      </c>
      <c r="CK18" s="103">
        <v>0</v>
      </c>
      <c r="CL18" s="104">
        <v>0</v>
      </c>
      <c r="CM18" s="101">
        <v>14</v>
      </c>
      <c r="CN18" s="102">
        <v>22</v>
      </c>
      <c r="CO18" s="103">
        <v>36</v>
      </c>
      <c r="CP18" s="413">
        <v>0</v>
      </c>
      <c r="CQ18" s="102">
        <v>42</v>
      </c>
      <c r="CR18" s="102">
        <v>26</v>
      </c>
      <c r="CS18" s="102">
        <v>21</v>
      </c>
      <c r="CT18" s="102">
        <v>26</v>
      </c>
      <c r="CU18" s="102">
        <v>6</v>
      </c>
      <c r="CV18" s="103">
        <v>121</v>
      </c>
      <c r="CW18" s="104">
        <v>157</v>
      </c>
      <c r="CX18" s="105">
        <v>3</v>
      </c>
      <c r="CY18" s="97">
        <v>9</v>
      </c>
      <c r="CZ18" s="98">
        <v>12</v>
      </c>
      <c r="DA18" s="413">
        <v>0</v>
      </c>
      <c r="DB18" s="97">
        <v>7</v>
      </c>
      <c r="DC18" s="97">
        <v>8</v>
      </c>
      <c r="DD18" s="97">
        <v>2</v>
      </c>
      <c r="DE18" s="97">
        <v>2</v>
      </c>
      <c r="DF18" s="97">
        <v>4</v>
      </c>
      <c r="DG18" s="99">
        <v>23</v>
      </c>
      <c r="DH18" s="100">
        <v>35</v>
      </c>
      <c r="DI18" s="101">
        <v>0</v>
      </c>
      <c r="DJ18" s="102">
        <v>1</v>
      </c>
      <c r="DK18" s="103">
        <v>1</v>
      </c>
      <c r="DL18" s="413">
        <v>0</v>
      </c>
      <c r="DM18" s="102">
        <v>1</v>
      </c>
      <c r="DN18" s="102">
        <v>0</v>
      </c>
      <c r="DO18" s="102">
        <v>0</v>
      </c>
      <c r="DP18" s="102">
        <v>0</v>
      </c>
      <c r="DQ18" s="102">
        <v>0</v>
      </c>
      <c r="DR18" s="103">
        <v>1</v>
      </c>
      <c r="DS18" s="104">
        <v>2</v>
      </c>
      <c r="DT18" s="101">
        <v>1</v>
      </c>
      <c r="DU18" s="102">
        <v>0</v>
      </c>
      <c r="DV18" s="103">
        <v>1</v>
      </c>
      <c r="DW18" s="413">
        <v>0</v>
      </c>
      <c r="DX18" s="102">
        <v>1</v>
      </c>
      <c r="DY18" s="102">
        <v>0</v>
      </c>
      <c r="DZ18" s="102">
        <v>0</v>
      </c>
      <c r="EA18" s="102">
        <v>0</v>
      </c>
      <c r="EB18" s="102">
        <v>0</v>
      </c>
      <c r="EC18" s="103">
        <v>1</v>
      </c>
      <c r="ED18" s="104">
        <v>2</v>
      </c>
      <c r="EE18" s="101">
        <v>1</v>
      </c>
      <c r="EF18" s="102">
        <v>2</v>
      </c>
      <c r="EG18" s="103">
        <v>3</v>
      </c>
      <c r="EH18" s="413">
        <v>0</v>
      </c>
      <c r="EI18" s="102">
        <v>0</v>
      </c>
      <c r="EJ18" s="102">
        <v>0</v>
      </c>
      <c r="EK18" s="102">
        <v>0</v>
      </c>
      <c r="EL18" s="102">
        <v>0</v>
      </c>
      <c r="EM18" s="102">
        <v>1</v>
      </c>
      <c r="EN18" s="103">
        <v>1</v>
      </c>
      <c r="EO18" s="104">
        <v>4</v>
      </c>
      <c r="EP18" s="101">
        <v>1</v>
      </c>
      <c r="EQ18" s="102">
        <v>3</v>
      </c>
      <c r="ER18" s="103">
        <v>4</v>
      </c>
      <c r="ES18" s="413">
        <v>0</v>
      </c>
      <c r="ET18" s="102">
        <v>1</v>
      </c>
      <c r="EU18" s="102">
        <v>1</v>
      </c>
      <c r="EV18" s="102">
        <v>0</v>
      </c>
      <c r="EW18" s="102">
        <v>0</v>
      </c>
      <c r="EX18" s="102">
        <v>0</v>
      </c>
      <c r="EY18" s="103">
        <v>2</v>
      </c>
      <c r="EZ18" s="104">
        <v>6</v>
      </c>
      <c r="FA18" s="101">
        <v>0</v>
      </c>
      <c r="FB18" s="102">
        <v>2</v>
      </c>
      <c r="FC18" s="103">
        <v>2</v>
      </c>
      <c r="FD18" s="413">
        <v>0</v>
      </c>
      <c r="FE18" s="102">
        <v>2</v>
      </c>
      <c r="FF18" s="102">
        <v>2</v>
      </c>
      <c r="FG18" s="102">
        <v>0</v>
      </c>
      <c r="FH18" s="102">
        <v>0</v>
      </c>
      <c r="FI18" s="102">
        <v>2</v>
      </c>
      <c r="FJ18" s="103">
        <v>6</v>
      </c>
      <c r="FK18" s="104">
        <v>8</v>
      </c>
      <c r="FL18" s="101">
        <v>0</v>
      </c>
      <c r="FM18" s="102">
        <v>1</v>
      </c>
      <c r="FN18" s="103">
        <v>1</v>
      </c>
      <c r="FO18" s="413">
        <v>0</v>
      </c>
      <c r="FP18" s="102">
        <v>2</v>
      </c>
      <c r="FQ18" s="102">
        <v>5</v>
      </c>
      <c r="FR18" s="102">
        <v>2</v>
      </c>
      <c r="FS18" s="102">
        <v>2</v>
      </c>
      <c r="FT18" s="102">
        <v>1</v>
      </c>
      <c r="FU18" s="103">
        <v>12</v>
      </c>
      <c r="FV18" s="104">
        <v>13</v>
      </c>
      <c r="FW18" s="101">
        <v>0</v>
      </c>
      <c r="FX18" s="102">
        <v>0</v>
      </c>
      <c r="FY18" s="103">
        <v>0</v>
      </c>
      <c r="FZ18" s="413">
        <v>0</v>
      </c>
      <c r="GA18" s="102">
        <v>0</v>
      </c>
      <c r="GB18" s="102">
        <v>0</v>
      </c>
      <c r="GC18" s="102">
        <v>0</v>
      </c>
      <c r="GD18" s="102">
        <v>0</v>
      </c>
      <c r="GE18" s="102">
        <v>0</v>
      </c>
      <c r="GF18" s="103">
        <v>0</v>
      </c>
      <c r="GG18" s="104">
        <v>0</v>
      </c>
      <c r="GH18" s="101">
        <v>3</v>
      </c>
      <c r="GI18" s="102">
        <v>9</v>
      </c>
      <c r="GJ18" s="103">
        <v>12</v>
      </c>
      <c r="GK18" s="413">
        <v>0</v>
      </c>
      <c r="GL18" s="102">
        <v>7</v>
      </c>
      <c r="GM18" s="102">
        <v>8</v>
      </c>
      <c r="GN18" s="102">
        <v>2</v>
      </c>
      <c r="GO18" s="102">
        <v>2</v>
      </c>
      <c r="GP18" s="102">
        <v>4</v>
      </c>
      <c r="GQ18" s="103">
        <v>23</v>
      </c>
      <c r="GR18" s="104">
        <v>35</v>
      </c>
      <c r="GS18" s="105">
        <v>17</v>
      </c>
      <c r="GT18" s="97">
        <v>31</v>
      </c>
      <c r="GU18" s="98">
        <v>48</v>
      </c>
      <c r="GV18" s="413">
        <v>0</v>
      </c>
      <c r="GW18" s="97">
        <v>49</v>
      </c>
      <c r="GX18" s="97">
        <v>34</v>
      </c>
      <c r="GY18" s="97">
        <v>23</v>
      </c>
      <c r="GZ18" s="97">
        <v>28</v>
      </c>
      <c r="HA18" s="97">
        <v>10</v>
      </c>
      <c r="HB18" s="99">
        <v>144</v>
      </c>
      <c r="HC18" s="100">
        <v>192</v>
      </c>
      <c r="HD18" s="101">
        <v>0</v>
      </c>
      <c r="HE18" s="102">
        <v>1</v>
      </c>
      <c r="HF18" s="103">
        <v>1</v>
      </c>
      <c r="HG18" s="413">
        <v>0</v>
      </c>
      <c r="HH18" s="102">
        <v>2</v>
      </c>
      <c r="HI18" s="102">
        <v>0</v>
      </c>
      <c r="HJ18" s="102">
        <v>0</v>
      </c>
      <c r="HK18" s="102">
        <v>0</v>
      </c>
      <c r="HL18" s="102">
        <v>0</v>
      </c>
      <c r="HM18" s="103">
        <v>2</v>
      </c>
      <c r="HN18" s="104">
        <v>3</v>
      </c>
      <c r="HO18" s="101">
        <v>1</v>
      </c>
      <c r="HP18" s="102">
        <v>2</v>
      </c>
      <c r="HQ18" s="103">
        <v>3</v>
      </c>
      <c r="HR18" s="413">
        <v>0</v>
      </c>
      <c r="HS18" s="102">
        <v>4</v>
      </c>
      <c r="HT18" s="102">
        <v>1</v>
      </c>
      <c r="HU18" s="102">
        <v>1</v>
      </c>
      <c r="HV18" s="102">
        <v>2</v>
      </c>
      <c r="HW18" s="102">
        <v>1</v>
      </c>
      <c r="HX18" s="103">
        <v>9</v>
      </c>
      <c r="HY18" s="104">
        <v>12</v>
      </c>
      <c r="HZ18" s="101">
        <v>4</v>
      </c>
      <c r="IA18" s="102">
        <v>4</v>
      </c>
      <c r="IB18" s="103">
        <v>8</v>
      </c>
      <c r="IC18" s="413">
        <v>0</v>
      </c>
      <c r="ID18" s="102">
        <v>6</v>
      </c>
      <c r="IE18" s="102">
        <v>6</v>
      </c>
      <c r="IF18" s="102">
        <v>2</v>
      </c>
      <c r="IG18" s="102">
        <v>3</v>
      </c>
      <c r="IH18" s="102">
        <v>2</v>
      </c>
      <c r="II18" s="103">
        <v>19</v>
      </c>
      <c r="IJ18" s="104">
        <v>27</v>
      </c>
      <c r="IK18" s="101">
        <v>3</v>
      </c>
      <c r="IL18" s="102">
        <v>6</v>
      </c>
      <c r="IM18" s="103">
        <v>9</v>
      </c>
      <c r="IN18" s="413">
        <v>0</v>
      </c>
      <c r="IO18" s="102">
        <v>15</v>
      </c>
      <c r="IP18" s="102">
        <v>6</v>
      </c>
      <c r="IQ18" s="102">
        <v>2</v>
      </c>
      <c r="IR18" s="102">
        <v>2</v>
      </c>
      <c r="IS18" s="102">
        <v>1</v>
      </c>
      <c r="IT18" s="103">
        <v>26</v>
      </c>
      <c r="IU18" s="104">
        <v>35</v>
      </c>
      <c r="IV18" s="101">
        <v>3</v>
      </c>
      <c r="IW18" s="102">
        <v>11</v>
      </c>
      <c r="IX18" s="103">
        <v>14</v>
      </c>
      <c r="IY18" s="413">
        <v>0</v>
      </c>
      <c r="IZ18" s="102">
        <v>10</v>
      </c>
      <c r="JA18" s="102">
        <v>5</v>
      </c>
      <c r="JB18" s="102">
        <v>7</v>
      </c>
      <c r="JC18" s="102">
        <v>7</v>
      </c>
      <c r="JD18" s="102">
        <v>3</v>
      </c>
      <c r="JE18" s="103">
        <v>32</v>
      </c>
      <c r="JF18" s="104">
        <v>46</v>
      </c>
      <c r="JG18" s="101">
        <v>6</v>
      </c>
      <c r="JH18" s="102">
        <v>7</v>
      </c>
      <c r="JI18" s="103">
        <v>13</v>
      </c>
      <c r="JJ18" s="413">
        <v>0</v>
      </c>
      <c r="JK18" s="102">
        <v>12</v>
      </c>
      <c r="JL18" s="102">
        <v>16</v>
      </c>
      <c r="JM18" s="102">
        <v>11</v>
      </c>
      <c r="JN18" s="102">
        <v>14</v>
      </c>
      <c r="JO18" s="102">
        <v>3</v>
      </c>
      <c r="JP18" s="103">
        <v>56</v>
      </c>
      <c r="JQ18" s="104">
        <v>69</v>
      </c>
      <c r="JR18" s="101">
        <v>0</v>
      </c>
      <c r="JS18" s="102">
        <v>0</v>
      </c>
      <c r="JT18" s="103">
        <v>0</v>
      </c>
      <c r="JU18" s="413">
        <v>0</v>
      </c>
      <c r="JV18" s="102">
        <v>0</v>
      </c>
      <c r="JW18" s="102">
        <v>0</v>
      </c>
      <c r="JX18" s="102">
        <v>0</v>
      </c>
      <c r="JY18" s="102">
        <v>0</v>
      </c>
      <c r="JZ18" s="102">
        <v>0</v>
      </c>
      <c r="KA18" s="103">
        <v>0</v>
      </c>
      <c r="KB18" s="104">
        <v>0</v>
      </c>
      <c r="KC18" s="101">
        <v>17</v>
      </c>
      <c r="KD18" s="102">
        <v>31</v>
      </c>
      <c r="KE18" s="103">
        <v>48</v>
      </c>
      <c r="KF18" s="413">
        <v>0</v>
      </c>
      <c r="KG18" s="102">
        <v>49</v>
      </c>
      <c r="KH18" s="102">
        <v>34</v>
      </c>
      <c r="KI18" s="102">
        <v>23</v>
      </c>
      <c r="KJ18" s="102">
        <v>28</v>
      </c>
      <c r="KK18" s="102">
        <v>10</v>
      </c>
      <c r="KL18" s="103">
        <v>144</v>
      </c>
      <c r="KM18" s="104">
        <v>192</v>
      </c>
    </row>
    <row r="19" spans="2:299" s="70" customFormat="1" ht="21" customHeight="1" x14ac:dyDescent="0.2">
      <c r="B19" s="106" t="s">
        <v>16</v>
      </c>
      <c r="C19" s="96">
        <v>44</v>
      </c>
      <c r="D19" s="97">
        <v>57</v>
      </c>
      <c r="E19" s="98">
        <v>101</v>
      </c>
      <c r="F19" s="413">
        <v>0</v>
      </c>
      <c r="G19" s="97">
        <v>80</v>
      </c>
      <c r="H19" s="97">
        <v>92</v>
      </c>
      <c r="I19" s="97">
        <v>53</v>
      </c>
      <c r="J19" s="97">
        <v>40</v>
      </c>
      <c r="K19" s="97">
        <v>22</v>
      </c>
      <c r="L19" s="99">
        <v>287</v>
      </c>
      <c r="M19" s="100">
        <v>388</v>
      </c>
      <c r="N19" s="101">
        <v>1</v>
      </c>
      <c r="O19" s="102">
        <v>1</v>
      </c>
      <c r="P19" s="103">
        <v>2</v>
      </c>
      <c r="Q19" s="413">
        <v>0</v>
      </c>
      <c r="R19" s="102">
        <v>1</v>
      </c>
      <c r="S19" s="102">
        <v>2</v>
      </c>
      <c r="T19" s="102">
        <v>0</v>
      </c>
      <c r="U19" s="102">
        <v>1</v>
      </c>
      <c r="V19" s="102">
        <v>1</v>
      </c>
      <c r="W19" s="103">
        <v>5</v>
      </c>
      <c r="X19" s="104">
        <v>7</v>
      </c>
      <c r="Y19" s="101">
        <v>2</v>
      </c>
      <c r="Z19" s="102">
        <v>4</v>
      </c>
      <c r="AA19" s="103">
        <v>6</v>
      </c>
      <c r="AB19" s="413">
        <v>0</v>
      </c>
      <c r="AC19" s="102">
        <v>2</v>
      </c>
      <c r="AD19" s="102">
        <v>8</v>
      </c>
      <c r="AE19" s="102">
        <v>6</v>
      </c>
      <c r="AF19" s="102">
        <v>0</v>
      </c>
      <c r="AG19" s="102">
        <v>2</v>
      </c>
      <c r="AH19" s="103">
        <v>18</v>
      </c>
      <c r="AI19" s="104">
        <v>24</v>
      </c>
      <c r="AJ19" s="101">
        <v>7</v>
      </c>
      <c r="AK19" s="102">
        <v>8</v>
      </c>
      <c r="AL19" s="103">
        <v>15</v>
      </c>
      <c r="AM19" s="413">
        <v>0</v>
      </c>
      <c r="AN19" s="102">
        <v>6</v>
      </c>
      <c r="AO19" s="102">
        <v>2</v>
      </c>
      <c r="AP19" s="102">
        <v>9</v>
      </c>
      <c r="AQ19" s="102">
        <v>4</v>
      </c>
      <c r="AR19" s="102">
        <v>2</v>
      </c>
      <c r="AS19" s="103">
        <v>23</v>
      </c>
      <c r="AT19" s="104">
        <v>38</v>
      </c>
      <c r="AU19" s="101">
        <v>11</v>
      </c>
      <c r="AV19" s="102">
        <v>14</v>
      </c>
      <c r="AW19" s="103">
        <v>25</v>
      </c>
      <c r="AX19" s="413">
        <v>0</v>
      </c>
      <c r="AY19" s="102">
        <v>21</v>
      </c>
      <c r="AZ19" s="102">
        <v>21</v>
      </c>
      <c r="BA19" s="102">
        <v>8</v>
      </c>
      <c r="BB19" s="102">
        <v>6</v>
      </c>
      <c r="BC19" s="102">
        <v>6</v>
      </c>
      <c r="BD19" s="103">
        <v>62</v>
      </c>
      <c r="BE19" s="104">
        <v>87</v>
      </c>
      <c r="BF19" s="101">
        <v>11</v>
      </c>
      <c r="BG19" s="102">
        <v>20</v>
      </c>
      <c r="BH19" s="103">
        <v>31</v>
      </c>
      <c r="BI19" s="413">
        <v>0</v>
      </c>
      <c r="BJ19" s="102">
        <v>29</v>
      </c>
      <c r="BK19" s="102">
        <v>25</v>
      </c>
      <c r="BL19" s="102">
        <v>11</v>
      </c>
      <c r="BM19" s="102">
        <v>7</v>
      </c>
      <c r="BN19" s="102">
        <v>3</v>
      </c>
      <c r="BO19" s="103">
        <v>75</v>
      </c>
      <c r="BP19" s="104">
        <v>106</v>
      </c>
      <c r="BQ19" s="101">
        <v>12</v>
      </c>
      <c r="BR19" s="102">
        <v>10</v>
      </c>
      <c r="BS19" s="103">
        <v>22</v>
      </c>
      <c r="BT19" s="413">
        <v>0</v>
      </c>
      <c r="BU19" s="102">
        <v>21</v>
      </c>
      <c r="BV19" s="102">
        <v>34</v>
      </c>
      <c r="BW19" s="102">
        <v>19</v>
      </c>
      <c r="BX19" s="102">
        <v>22</v>
      </c>
      <c r="BY19" s="102">
        <v>8</v>
      </c>
      <c r="BZ19" s="103">
        <v>104</v>
      </c>
      <c r="CA19" s="104">
        <v>126</v>
      </c>
      <c r="CB19" s="101">
        <v>0</v>
      </c>
      <c r="CC19" s="102">
        <v>0</v>
      </c>
      <c r="CD19" s="103">
        <v>0</v>
      </c>
      <c r="CE19" s="413">
        <v>0</v>
      </c>
      <c r="CF19" s="102">
        <v>0</v>
      </c>
      <c r="CG19" s="102">
        <v>0</v>
      </c>
      <c r="CH19" s="102">
        <v>0</v>
      </c>
      <c r="CI19" s="102">
        <v>0</v>
      </c>
      <c r="CJ19" s="102">
        <v>0</v>
      </c>
      <c r="CK19" s="103">
        <v>0</v>
      </c>
      <c r="CL19" s="104">
        <v>0</v>
      </c>
      <c r="CM19" s="101">
        <v>44</v>
      </c>
      <c r="CN19" s="102">
        <v>57</v>
      </c>
      <c r="CO19" s="103">
        <v>101</v>
      </c>
      <c r="CP19" s="413">
        <v>0</v>
      </c>
      <c r="CQ19" s="102">
        <v>80</v>
      </c>
      <c r="CR19" s="102">
        <v>92</v>
      </c>
      <c r="CS19" s="102">
        <v>53</v>
      </c>
      <c r="CT19" s="102">
        <v>40</v>
      </c>
      <c r="CU19" s="102">
        <v>22</v>
      </c>
      <c r="CV19" s="103">
        <v>287</v>
      </c>
      <c r="CW19" s="104">
        <v>388</v>
      </c>
      <c r="CX19" s="105">
        <v>12</v>
      </c>
      <c r="CY19" s="97">
        <v>9</v>
      </c>
      <c r="CZ19" s="98">
        <v>21</v>
      </c>
      <c r="DA19" s="413">
        <v>0</v>
      </c>
      <c r="DB19" s="97">
        <v>9</v>
      </c>
      <c r="DC19" s="97">
        <v>4</v>
      </c>
      <c r="DD19" s="97">
        <v>7</v>
      </c>
      <c r="DE19" s="97">
        <v>6</v>
      </c>
      <c r="DF19" s="97">
        <v>7</v>
      </c>
      <c r="DG19" s="99">
        <v>33</v>
      </c>
      <c r="DH19" s="100">
        <v>54</v>
      </c>
      <c r="DI19" s="101">
        <v>3</v>
      </c>
      <c r="DJ19" s="102">
        <v>0</v>
      </c>
      <c r="DK19" s="103">
        <v>3</v>
      </c>
      <c r="DL19" s="413">
        <v>0</v>
      </c>
      <c r="DM19" s="102">
        <v>0</v>
      </c>
      <c r="DN19" s="102">
        <v>0</v>
      </c>
      <c r="DO19" s="102">
        <v>1</v>
      </c>
      <c r="DP19" s="102">
        <v>0</v>
      </c>
      <c r="DQ19" s="102">
        <v>0</v>
      </c>
      <c r="DR19" s="103">
        <v>1</v>
      </c>
      <c r="DS19" s="104">
        <v>4</v>
      </c>
      <c r="DT19" s="101">
        <v>0</v>
      </c>
      <c r="DU19" s="102">
        <v>0</v>
      </c>
      <c r="DV19" s="103">
        <v>0</v>
      </c>
      <c r="DW19" s="413">
        <v>0</v>
      </c>
      <c r="DX19" s="102">
        <v>0</v>
      </c>
      <c r="DY19" s="102">
        <v>1</v>
      </c>
      <c r="DZ19" s="102">
        <v>0</v>
      </c>
      <c r="EA19" s="102">
        <v>0</v>
      </c>
      <c r="EB19" s="102">
        <v>0</v>
      </c>
      <c r="EC19" s="103">
        <v>1</v>
      </c>
      <c r="ED19" s="104">
        <v>1</v>
      </c>
      <c r="EE19" s="101">
        <v>1</v>
      </c>
      <c r="EF19" s="102">
        <v>3</v>
      </c>
      <c r="EG19" s="103">
        <v>4</v>
      </c>
      <c r="EH19" s="413">
        <v>0</v>
      </c>
      <c r="EI19" s="102">
        <v>1</v>
      </c>
      <c r="EJ19" s="102">
        <v>0</v>
      </c>
      <c r="EK19" s="102">
        <v>2</v>
      </c>
      <c r="EL19" s="102">
        <v>0</v>
      </c>
      <c r="EM19" s="102">
        <v>2</v>
      </c>
      <c r="EN19" s="103">
        <v>5</v>
      </c>
      <c r="EO19" s="104">
        <v>9</v>
      </c>
      <c r="EP19" s="101">
        <v>4</v>
      </c>
      <c r="EQ19" s="102">
        <v>3</v>
      </c>
      <c r="ER19" s="103">
        <v>7</v>
      </c>
      <c r="ES19" s="413">
        <v>0</v>
      </c>
      <c r="ET19" s="102">
        <v>3</v>
      </c>
      <c r="EU19" s="102">
        <v>1</v>
      </c>
      <c r="EV19" s="102">
        <v>0</v>
      </c>
      <c r="EW19" s="102">
        <v>1</v>
      </c>
      <c r="EX19" s="102">
        <v>1</v>
      </c>
      <c r="EY19" s="103">
        <v>6</v>
      </c>
      <c r="EZ19" s="104">
        <v>13</v>
      </c>
      <c r="FA19" s="101">
        <v>3</v>
      </c>
      <c r="FB19" s="102">
        <v>2</v>
      </c>
      <c r="FC19" s="103">
        <v>5</v>
      </c>
      <c r="FD19" s="413">
        <v>0</v>
      </c>
      <c r="FE19" s="102">
        <v>2</v>
      </c>
      <c r="FF19" s="102">
        <v>1</v>
      </c>
      <c r="FG19" s="102">
        <v>2</v>
      </c>
      <c r="FH19" s="102">
        <v>2</v>
      </c>
      <c r="FI19" s="102">
        <v>1</v>
      </c>
      <c r="FJ19" s="103">
        <v>8</v>
      </c>
      <c r="FK19" s="104">
        <v>13</v>
      </c>
      <c r="FL19" s="101">
        <v>1</v>
      </c>
      <c r="FM19" s="102">
        <v>1</v>
      </c>
      <c r="FN19" s="103">
        <v>2</v>
      </c>
      <c r="FO19" s="413">
        <v>0</v>
      </c>
      <c r="FP19" s="102">
        <v>3</v>
      </c>
      <c r="FQ19" s="102">
        <v>1</v>
      </c>
      <c r="FR19" s="102">
        <v>2</v>
      </c>
      <c r="FS19" s="102">
        <v>3</v>
      </c>
      <c r="FT19" s="102">
        <v>3</v>
      </c>
      <c r="FU19" s="103">
        <v>12</v>
      </c>
      <c r="FV19" s="104">
        <v>14</v>
      </c>
      <c r="FW19" s="101">
        <v>0</v>
      </c>
      <c r="FX19" s="102">
        <v>0</v>
      </c>
      <c r="FY19" s="103">
        <v>0</v>
      </c>
      <c r="FZ19" s="413">
        <v>0</v>
      </c>
      <c r="GA19" s="102">
        <v>0</v>
      </c>
      <c r="GB19" s="102">
        <v>0</v>
      </c>
      <c r="GC19" s="102">
        <v>0</v>
      </c>
      <c r="GD19" s="102">
        <v>0</v>
      </c>
      <c r="GE19" s="102">
        <v>0</v>
      </c>
      <c r="GF19" s="103">
        <v>0</v>
      </c>
      <c r="GG19" s="104">
        <v>0</v>
      </c>
      <c r="GH19" s="101">
        <v>12</v>
      </c>
      <c r="GI19" s="102">
        <v>9</v>
      </c>
      <c r="GJ19" s="103">
        <v>21</v>
      </c>
      <c r="GK19" s="413">
        <v>0</v>
      </c>
      <c r="GL19" s="102">
        <v>9</v>
      </c>
      <c r="GM19" s="102">
        <v>4</v>
      </c>
      <c r="GN19" s="102">
        <v>7</v>
      </c>
      <c r="GO19" s="102">
        <v>6</v>
      </c>
      <c r="GP19" s="102">
        <v>7</v>
      </c>
      <c r="GQ19" s="103">
        <v>33</v>
      </c>
      <c r="GR19" s="104">
        <v>54</v>
      </c>
      <c r="GS19" s="105">
        <v>56</v>
      </c>
      <c r="GT19" s="97">
        <v>66</v>
      </c>
      <c r="GU19" s="98">
        <v>122</v>
      </c>
      <c r="GV19" s="413">
        <v>0</v>
      </c>
      <c r="GW19" s="97">
        <v>89</v>
      </c>
      <c r="GX19" s="97">
        <v>96</v>
      </c>
      <c r="GY19" s="97">
        <v>60</v>
      </c>
      <c r="GZ19" s="97">
        <v>46</v>
      </c>
      <c r="HA19" s="97">
        <v>29</v>
      </c>
      <c r="HB19" s="99">
        <v>320</v>
      </c>
      <c r="HC19" s="100">
        <v>442</v>
      </c>
      <c r="HD19" s="101">
        <v>4</v>
      </c>
      <c r="HE19" s="102">
        <v>1</v>
      </c>
      <c r="HF19" s="103">
        <v>5</v>
      </c>
      <c r="HG19" s="413">
        <v>0</v>
      </c>
      <c r="HH19" s="102">
        <v>1</v>
      </c>
      <c r="HI19" s="102">
        <v>2</v>
      </c>
      <c r="HJ19" s="102">
        <v>1</v>
      </c>
      <c r="HK19" s="102">
        <v>1</v>
      </c>
      <c r="HL19" s="102">
        <v>1</v>
      </c>
      <c r="HM19" s="103">
        <v>6</v>
      </c>
      <c r="HN19" s="104">
        <v>11</v>
      </c>
      <c r="HO19" s="101">
        <v>2</v>
      </c>
      <c r="HP19" s="102">
        <v>4</v>
      </c>
      <c r="HQ19" s="103">
        <v>6</v>
      </c>
      <c r="HR19" s="413">
        <v>0</v>
      </c>
      <c r="HS19" s="102">
        <v>2</v>
      </c>
      <c r="HT19" s="102">
        <v>9</v>
      </c>
      <c r="HU19" s="102">
        <v>6</v>
      </c>
      <c r="HV19" s="102">
        <v>0</v>
      </c>
      <c r="HW19" s="102">
        <v>2</v>
      </c>
      <c r="HX19" s="103">
        <v>19</v>
      </c>
      <c r="HY19" s="104">
        <v>25</v>
      </c>
      <c r="HZ19" s="101">
        <v>8</v>
      </c>
      <c r="IA19" s="102">
        <v>11</v>
      </c>
      <c r="IB19" s="103">
        <v>19</v>
      </c>
      <c r="IC19" s="413">
        <v>0</v>
      </c>
      <c r="ID19" s="102">
        <v>7</v>
      </c>
      <c r="IE19" s="102">
        <v>2</v>
      </c>
      <c r="IF19" s="102">
        <v>11</v>
      </c>
      <c r="IG19" s="102">
        <v>4</v>
      </c>
      <c r="IH19" s="102">
        <v>4</v>
      </c>
      <c r="II19" s="103">
        <v>28</v>
      </c>
      <c r="IJ19" s="104">
        <v>47</v>
      </c>
      <c r="IK19" s="101">
        <v>15</v>
      </c>
      <c r="IL19" s="102">
        <v>17</v>
      </c>
      <c r="IM19" s="103">
        <v>32</v>
      </c>
      <c r="IN19" s="413">
        <v>0</v>
      </c>
      <c r="IO19" s="102">
        <v>24</v>
      </c>
      <c r="IP19" s="102">
        <v>22</v>
      </c>
      <c r="IQ19" s="102">
        <v>8</v>
      </c>
      <c r="IR19" s="102">
        <v>7</v>
      </c>
      <c r="IS19" s="102">
        <v>7</v>
      </c>
      <c r="IT19" s="103">
        <v>68</v>
      </c>
      <c r="IU19" s="104">
        <v>100</v>
      </c>
      <c r="IV19" s="101">
        <v>14</v>
      </c>
      <c r="IW19" s="102">
        <v>22</v>
      </c>
      <c r="IX19" s="103">
        <v>36</v>
      </c>
      <c r="IY19" s="413">
        <v>0</v>
      </c>
      <c r="IZ19" s="102">
        <v>31</v>
      </c>
      <c r="JA19" s="102">
        <v>26</v>
      </c>
      <c r="JB19" s="102">
        <v>13</v>
      </c>
      <c r="JC19" s="102">
        <v>9</v>
      </c>
      <c r="JD19" s="102">
        <v>4</v>
      </c>
      <c r="JE19" s="103">
        <v>83</v>
      </c>
      <c r="JF19" s="104">
        <v>119</v>
      </c>
      <c r="JG19" s="101">
        <v>13</v>
      </c>
      <c r="JH19" s="102">
        <v>11</v>
      </c>
      <c r="JI19" s="103">
        <v>24</v>
      </c>
      <c r="JJ19" s="413">
        <v>0</v>
      </c>
      <c r="JK19" s="102">
        <v>24</v>
      </c>
      <c r="JL19" s="102">
        <v>35</v>
      </c>
      <c r="JM19" s="102">
        <v>21</v>
      </c>
      <c r="JN19" s="102">
        <v>25</v>
      </c>
      <c r="JO19" s="102">
        <v>11</v>
      </c>
      <c r="JP19" s="103">
        <v>116</v>
      </c>
      <c r="JQ19" s="104">
        <v>140</v>
      </c>
      <c r="JR19" s="101">
        <v>0</v>
      </c>
      <c r="JS19" s="102">
        <v>0</v>
      </c>
      <c r="JT19" s="103">
        <v>0</v>
      </c>
      <c r="JU19" s="413">
        <v>0</v>
      </c>
      <c r="JV19" s="102">
        <v>0</v>
      </c>
      <c r="JW19" s="102">
        <v>0</v>
      </c>
      <c r="JX19" s="102">
        <v>0</v>
      </c>
      <c r="JY19" s="102">
        <v>0</v>
      </c>
      <c r="JZ19" s="102">
        <v>0</v>
      </c>
      <c r="KA19" s="103">
        <v>0</v>
      </c>
      <c r="KB19" s="104">
        <v>0</v>
      </c>
      <c r="KC19" s="101">
        <v>56</v>
      </c>
      <c r="KD19" s="102">
        <v>66</v>
      </c>
      <c r="KE19" s="103">
        <v>122</v>
      </c>
      <c r="KF19" s="413">
        <v>0</v>
      </c>
      <c r="KG19" s="102">
        <v>89</v>
      </c>
      <c r="KH19" s="102">
        <v>96</v>
      </c>
      <c r="KI19" s="102">
        <v>60</v>
      </c>
      <c r="KJ19" s="102">
        <v>46</v>
      </c>
      <c r="KK19" s="102">
        <v>29</v>
      </c>
      <c r="KL19" s="103">
        <v>320</v>
      </c>
      <c r="KM19" s="104">
        <v>442</v>
      </c>
    </row>
    <row r="20" spans="2:299" s="70" customFormat="1" ht="21" customHeight="1" x14ac:dyDescent="0.2">
      <c r="B20" s="106" t="s">
        <v>17</v>
      </c>
      <c r="C20" s="96">
        <v>77</v>
      </c>
      <c r="D20" s="97">
        <v>61</v>
      </c>
      <c r="E20" s="98">
        <v>138</v>
      </c>
      <c r="F20" s="413">
        <v>0</v>
      </c>
      <c r="G20" s="97">
        <v>96</v>
      </c>
      <c r="H20" s="97">
        <v>120</v>
      </c>
      <c r="I20" s="97">
        <v>75</v>
      </c>
      <c r="J20" s="97">
        <v>34</v>
      </c>
      <c r="K20" s="97">
        <v>29</v>
      </c>
      <c r="L20" s="99">
        <v>354</v>
      </c>
      <c r="M20" s="100">
        <v>492</v>
      </c>
      <c r="N20" s="101">
        <v>1</v>
      </c>
      <c r="O20" s="102">
        <v>2</v>
      </c>
      <c r="P20" s="103">
        <v>3</v>
      </c>
      <c r="Q20" s="413">
        <v>0</v>
      </c>
      <c r="R20" s="102">
        <v>1</v>
      </c>
      <c r="S20" s="102">
        <v>0</v>
      </c>
      <c r="T20" s="102">
        <v>3</v>
      </c>
      <c r="U20" s="102">
        <v>0</v>
      </c>
      <c r="V20" s="102">
        <v>0</v>
      </c>
      <c r="W20" s="103">
        <v>4</v>
      </c>
      <c r="X20" s="104">
        <v>7</v>
      </c>
      <c r="Y20" s="101">
        <v>2</v>
      </c>
      <c r="Z20" s="102">
        <v>2</v>
      </c>
      <c r="AA20" s="103">
        <v>4</v>
      </c>
      <c r="AB20" s="413">
        <v>0</v>
      </c>
      <c r="AC20" s="102">
        <v>3</v>
      </c>
      <c r="AD20" s="102">
        <v>4</v>
      </c>
      <c r="AE20" s="102">
        <v>3</v>
      </c>
      <c r="AF20" s="102">
        <v>0</v>
      </c>
      <c r="AG20" s="102">
        <v>2</v>
      </c>
      <c r="AH20" s="103">
        <v>12</v>
      </c>
      <c r="AI20" s="104">
        <v>16</v>
      </c>
      <c r="AJ20" s="101">
        <v>6</v>
      </c>
      <c r="AK20" s="102">
        <v>8</v>
      </c>
      <c r="AL20" s="103">
        <v>14</v>
      </c>
      <c r="AM20" s="413">
        <v>0</v>
      </c>
      <c r="AN20" s="102">
        <v>11</v>
      </c>
      <c r="AO20" s="102">
        <v>11</v>
      </c>
      <c r="AP20" s="102">
        <v>8</v>
      </c>
      <c r="AQ20" s="102">
        <v>1</v>
      </c>
      <c r="AR20" s="102">
        <v>2</v>
      </c>
      <c r="AS20" s="103">
        <v>33</v>
      </c>
      <c r="AT20" s="104">
        <v>47</v>
      </c>
      <c r="AU20" s="101">
        <v>23</v>
      </c>
      <c r="AV20" s="102">
        <v>19</v>
      </c>
      <c r="AW20" s="103">
        <v>42</v>
      </c>
      <c r="AX20" s="413">
        <v>0</v>
      </c>
      <c r="AY20" s="102">
        <v>21</v>
      </c>
      <c r="AZ20" s="102">
        <v>29</v>
      </c>
      <c r="BA20" s="102">
        <v>13</v>
      </c>
      <c r="BB20" s="102">
        <v>7</v>
      </c>
      <c r="BC20" s="102">
        <v>5</v>
      </c>
      <c r="BD20" s="103">
        <v>75</v>
      </c>
      <c r="BE20" s="104">
        <v>117</v>
      </c>
      <c r="BF20" s="101">
        <v>27</v>
      </c>
      <c r="BG20" s="102">
        <v>10</v>
      </c>
      <c r="BH20" s="103">
        <v>37</v>
      </c>
      <c r="BI20" s="413">
        <v>0</v>
      </c>
      <c r="BJ20" s="102">
        <v>34</v>
      </c>
      <c r="BK20" s="102">
        <v>40</v>
      </c>
      <c r="BL20" s="102">
        <v>24</v>
      </c>
      <c r="BM20" s="102">
        <v>10</v>
      </c>
      <c r="BN20" s="102">
        <v>10</v>
      </c>
      <c r="BO20" s="103">
        <v>118</v>
      </c>
      <c r="BP20" s="104">
        <v>155</v>
      </c>
      <c r="BQ20" s="101">
        <v>18</v>
      </c>
      <c r="BR20" s="102">
        <v>20</v>
      </c>
      <c r="BS20" s="103">
        <v>38</v>
      </c>
      <c r="BT20" s="413">
        <v>0</v>
      </c>
      <c r="BU20" s="102">
        <v>26</v>
      </c>
      <c r="BV20" s="102">
        <v>36</v>
      </c>
      <c r="BW20" s="102">
        <v>24</v>
      </c>
      <c r="BX20" s="102">
        <v>16</v>
      </c>
      <c r="BY20" s="102">
        <v>10</v>
      </c>
      <c r="BZ20" s="103">
        <v>112</v>
      </c>
      <c r="CA20" s="104">
        <v>150</v>
      </c>
      <c r="CB20" s="101">
        <v>0</v>
      </c>
      <c r="CC20" s="102">
        <v>0</v>
      </c>
      <c r="CD20" s="103">
        <v>0</v>
      </c>
      <c r="CE20" s="413">
        <v>0</v>
      </c>
      <c r="CF20" s="102">
        <v>0</v>
      </c>
      <c r="CG20" s="102">
        <v>0</v>
      </c>
      <c r="CH20" s="102">
        <v>0</v>
      </c>
      <c r="CI20" s="102">
        <v>0</v>
      </c>
      <c r="CJ20" s="102">
        <v>0</v>
      </c>
      <c r="CK20" s="103">
        <v>0</v>
      </c>
      <c r="CL20" s="104">
        <v>0</v>
      </c>
      <c r="CM20" s="101">
        <v>77</v>
      </c>
      <c r="CN20" s="102">
        <v>61</v>
      </c>
      <c r="CO20" s="103">
        <v>138</v>
      </c>
      <c r="CP20" s="413">
        <v>0</v>
      </c>
      <c r="CQ20" s="102">
        <v>96</v>
      </c>
      <c r="CR20" s="102">
        <v>120</v>
      </c>
      <c r="CS20" s="102">
        <v>75</v>
      </c>
      <c r="CT20" s="102">
        <v>34</v>
      </c>
      <c r="CU20" s="102">
        <v>29</v>
      </c>
      <c r="CV20" s="103">
        <v>354</v>
      </c>
      <c r="CW20" s="104">
        <v>492</v>
      </c>
      <c r="CX20" s="105">
        <v>4</v>
      </c>
      <c r="CY20" s="97">
        <v>9</v>
      </c>
      <c r="CZ20" s="98">
        <v>13</v>
      </c>
      <c r="DA20" s="413">
        <v>0</v>
      </c>
      <c r="DB20" s="97">
        <v>9</v>
      </c>
      <c r="DC20" s="97">
        <v>23</v>
      </c>
      <c r="DD20" s="97">
        <v>7</v>
      </c>
      <c r="DE20" s="97">
        <v>9</v>
      </c>
      <c r="DF20" s="97">
        <v>7</v>
      </c>
      <c r="DG20" s="99">
        <v>55</v>
      </c>
      <c r="DH20" s="100">
        <v>68</v>
      </c>
      <c r="DI20" s="101">
        <v>0</v>
      </c>
      <c r="DJ20" s="102">
        <v>0</v>
      </c>
      <c r="DK20" s="103">
        <v>0</v>
      </c>
      <c r="DL20" s="413">
        <v>0</v>
      </c>
      <c r="DM20" s="102">
        <v>0</v>
      </c>
      <c r="DN20" s="102">
        <v>2</v>
      </c>
      <c r="DO20" s="102">
        <v>0</v>
      </c>
      <c r="DP20" s="102">
        <v>1</v>
      </c>
      <c r="DQ20" s="102">
        <v>0</v>
      </c>
      <c r="DR20" s="103">
        <v>3</v>
      </c>
      <c r="DS20" s="104">
        <v>3</v>
      </c>
      <c r="DT20" s="101">
        <v>0</v>
      </c>
      <c r="DU20" s="102">
        <v>0</v>
      </c>
      <c r="DV20" s="103">
        <v>0</v>
      </c>
      <c r="DW20" s="413">
        <v>0</v>
      </c>
      <c r="DX20" s="102">
        <v>0</v>
      </c>
      <c r="DY20" s="102">
        <v>0</v>
      </c>
      <c r="DZ20" s="102">
        <v>0</v>
      </c>
      <c r="EA20" s="102">
        <v>0</v>
      </c>
      <c r="EB20" s="102">
        <v>0</v>
      </c>
      <c r="EC20" s="103">
        <v>0</v>
      </c>
      <c r="ED20" s="104">
        <v>0</v>
      </c>
      <c r="EE20" s="101">
        <v>2</v>
      </c>
      <c r="EF20" s="102">
        <v>3</v>
      </c>
      <c r="EG20" s="103">
        <v>5</v>
      </c>
      <c r="EH20" s="413">
        <v>0</v>
      </c>
      <c r="EI20" s="102">
        <v>0</v>
      </c>
      <c r="EJ20" s="102">
        <v>3</v>
      </c>
      <c r="EK20" s="102">
        <v>0</v>
      </c>
      <c r="EL20" s="102">
        <v>0</v>
      </c>
      <c r="EM20" s="102">
        <v>2</v>
      </c>
      <c r="EN20" s="103">
        <v>5</v>
      </c>
      <c r="EO20" s="104">
        <v>10</v>
      </c>
      <c r="EP20" s="101">
        <v>1</v>
      </c>
      <c r="EQ20" s="102">
        <v>2</v>
      </c>
      <c r="ER20" s="103">
        <v>3</v>
      </c>
      <c r="ES20" s="413">
        <v>0</v>
      </c>
      <c r="ET20" s="102">
        <v>3</v>
      </c>
      <c r="EU20" s="102">
        <v>4</v>
      </c>
      <c r="EV20" s="102">
        <v>1</v>
      </c>
      <c r="EW20" s="102">
        <v>0</v>
      </c>
      <c r="EX20" s="102">
        <v>0</v>
      </c>
      <c r="EY20" s="103">
        <v>8</v>
      </c>
      <c r="EZ20" s="104">
        <v>11</v>
      </c>
      <c r="FA20" s="101">
        <v>1</v>
      </c>
      <c r="FB20" s="102">
        <v>2</v>
      </c>
      <c r="FC20" s="103">
        <v>3</v>
      </c>
      <c r="FD20" s="413">
        <v>0</v>
      </c>
      <c r="FE20" s="102">
        <v>2</v>
      </c>
      <c r="FF20" s="102">
        <v>8</v>
      </c>
      <c r="FG20" s="102">
        <v>3</v>
      </c>
      <c r="FH20" s="102">
        <v>4</v>
      </c>
      <c r="FI20" s="102">
        <v>0</v>
      </c>
      <c r="FJ20" s="103">
        <v>17</v>
      </c>
      <c r="FK20" s="104">
        <v>20</v>
      </c>
      <c r="FL20" s="101">
        <v>0</v>
      </c>
      <c r="FM20" s="102">
        <v>2</v>
      </c>
      <c r="FN20" s="103">
        <v>2</v>
      </c>
      <c r="FO20" s="413">
        <v>0</v>
      </c>
      <c r="FP20" s="102">
        <v>4</v>
      </c>
      <c r="FQ20" s="102">
        <v>6</v>
      </c>
      <c r="FR20" s="102">
        <v>3</v>
      </c>
      <c r="FS20" s="102">
        <v>4</v>
      </c>
      <c r="FT20" s="102">
        <v>5</v>
      </c>
      <c r="FU20" s="103">
        <v>22</v>
      </c>
      <c r="FV20" s="104">
        <v>24</v>
      </c>
      <c r="FW20" s="101">
        <v>0</v>
      </c>
      <c r="FX20" s="102">
        <v>0</v>
      </c>
      <c r="FY20" s="103">
        <v>0</v>
      </c>
      <c r="FZ20" s="413">
        <v>0</v>
      </c>
      <c r="GA20" s="102">
        <v>0</v>
      </c>
      <c r="GB20" s="102">
        <v>0</v>
      </c>
      <c r="GC20" s="102">
        <v>0</v>
      </c>
      <c r="GD20" s="102">
        <v>0</v>
      </c>
      <c r="GE20" s="102">
        <v>0</v>
      </c>
      <c r="GF20" s="103">
        <v>0</v>
      </c>
      <c r="GG20" s="104">
        <v>0</v>
      </c>
      <c r="GH20" s="101">
        <v>4</v>
      </c>
      <c r="GI20" s="102">
        <v>9</v>
      </c>
      <c r="GJ20" s="103">
        <v>13</v>
      </c>
      <c r="GK20" s="413">
        <v>0</v>
      </c>
      <c r="GL20" s="102">
        <v>9</v>
      </c>
      <c r="GM20" s="102">
        <v>23</v>
      </c>
      <c r="GN20" s="102">
        <v>7</v>
      </c>
      <c r="GO20" s="102">
        <v>9</v>
      </c>
      <c r="GP20" s="102">
        <v>7</v>
      </c>
      <c r="GQ20" s="103">
        <v>55</v>
      </c>
      <c r="GR20" s="104">
        <v>68</v>
      </c>
      <c r="GS20" s="105">
        <v>81</v>
      </c>
      <c r="GT20" s="97">
        <v>70</v>
      </c>
      <c r="GU20" s="98">
        <v>151</v>
      </c>
      <c r="GV20" s="413">
        <v>0</v>
      </c>
      <c r="GW20" s="97">
        <v>105</v>
      </c>
      <c r="GX20" s="97">
        <v>143</v>
      </c>
      <c r="GY20" s="97">
        <v>82</v>
      </c>
      <c r="GZ20" s="97">
        <v>43</v>
      </c>
      <c r="HA20" s="97">
        <v>36</v>
      </c>
      <c r="HB20" s="99">
        <v>409</v>
      </c>
      <c r="HC20" s="100">
        <v>560</v>
      </c>
      <c r="HD20" s="101">
        <v>1</v>
      </c>
      <c r="HE20" s="102">
        <v>2</v>
      </c>
      <c r="HF20" s="103">
        <v>3</v>
      </c>
      <c r="HG20" s="413">
        <v>0</v>
      </c>
      <c r="HH20" s="102">
        <v>1</v>
      </c>
      <c r="HI20" s="102">
        <v>2</v>
      </c>
      <c r="HJ20" s="102">
        <v>3</v>
      </c>
      <c r="HK20" s="102">
        <v>1</v>
      </c>
      <c r="HL20" s="102">
        <v>0</v>
      </c>
      <c r="HM20" s="103">
        <v>7</v>
      </c>
      <c r="HN20" s="104">
        <v>10</v>
      </c>
      <c r="HO20" s="101">
        <v>2</v>
      </c>
      <c r="HP20" s="102">
        <v>2</v>
      </c>
      <c r="HQ20" s="103">
        <v>4</v>
      </c>
      <c r="HR20" s="413">
        <v>0</v>
      </c>
      <c r="HS20" s="102">
        <v>3</v>
      </c>
      <c r="HT20" s="102">
        <v>4</v>
      </c>
      <c r="HU20" s="102">
        <v>3</v>
      </c>
      <c r="HV20" s="102">
        <v>0</v>
      </c>
      <c r="HW20" s="102">
        <v>2</v>
      </c>
      <c r="HX20" s="103">
        <v>12</v>
      </c>
      <c r="HY20" s="104">
        <v>16</v>
      </c>
      <c r="HZ20" s="101">
        <v>8</v>
      </c>
      <c r="IA20" s="102">
        <v>11</v>
      </c>
      <c r="IB20" s="103">
        <v>19</v>
      </c>
      <c r="IC20" s="413">
        <v>0</v>
      </c>
      <c r="ID20" s="102">
        <v>11</v>
      </c>
      <c r="IE20" s="102">
        <v>14</v>
      </c>
      <c r="IF20" s="102">
        <v>8</v>
      </c>
      <c r="IG20" s="102">
        <v>1</v>
      </c>
      <c r="IH20" s="102">
        <v>4</v>
      </c>
      <c r="II20" s="103">
        <v>38</v>
      </c>
      <c r="IJ20" s="104">
        <v>57</v>
      </c>
      <c r="IK20" s="101">
        <v>24</v>
      </c>
      <c r="IL20" s="102">
        <v>21</v>
      </c>
      <c r="IM20" s="103">
        <v>45</v>
      </c>
      <c r="IN20" s="413">
        <v>0</v>
      </c>
      <c r="IO20" s="102">
        <v>24</v>
      </c>
      <c r="IP20" s="102">
        <v>33</v>
      </c>
      <c r="IQ20" s="102">
        <v>14</v>
      </c>
      <c r="IR20" s="102">
        <v>7</v>
      </c>
      <c r="IS20" s="102">
        <v>5</v>
      </c>
      <c r="IT20" s="103">
        <v>83</v>
      </c>
      <c r="IU20" s="104">
        <v>128</v>
      </c>
      <c r="IV20" s="101">
        <v>28</v>
      </c>
      <c r="IW20" s="102">
        <v>12</v>
      </c>
      <c r="IX20" s="103">
        <v>40</v>
      </c>
      <c r="IY20" s="413">
        <v>0</v>
      </c>
      <c r="IZ20" s="102">
        <v>36</v>
      </c>
      <c r="JA20" s="102">
        <v>48</v>
      </c>
      <c r="JB20" s="102">
        <v>27</v>
      </c>
      <c r="JC20" s="102">
        <v>14</v>
      </c>
      <c r="JD20" s="102">
        <v>10</v>
      </c>
      <c r="JE20" s="103">
        <v>135</v>
      </c>
      <c r="JF20" s="104">
        <v>175</v>
      </c>
      <c r="JG20" s="101">
        <v>18</v>
      </c>
      <c r="JH20" s="102">
        <v>22</v>
      </c>
      <c r="JI20" s="103">
        <v>40</v>
      </c>
      <c r="JJ20" s="413">
        <v>0</v>
      </c>
      <c r="JK20" s="102">
        <v>30</v>
      </c>
      <c r="JL20" s="102">
        <v>42</v>
      </c>
      <c r="JM20" s="102">
        <v>27</v>
      </c>
      <c r="JN20" s="102">
        <v>20</v>
      </c>
      <c r="JO20" s="102">
        <v>15</v>
      </c>
      <c r="JP20" s="103">
        <v>134</v>
      </c>
      <c r="JQ20" s="104">
        <v>174</v>
      </c>
      <c r="JR20" s="101">
        <v>0</v>
      </c>
      <c r="JS20" s="102">
        <v>0</v>
      </c>
      <c r="JT20" s="103">
        <v>0</v>
      </c>
      <c r="JU20" s="413">
        <v>0</v>
      </c>
      <c r="JV20" s="102">
        <v>0</v>
      </c>
      <c r="JW20" s="102">
        <v>0</v>
      </c>
      <c r="JX20" s="102">
        <v>0</v>
      </c>
      <c r="JY20" s="102">
        <v>0</v>
      </c>
      <c r="JZ20" s="102">
        <v>0</v>
      </c>
      <c r="KA20" s="103">
        <v>0</v>
      </c>
      <c r="KB20" s="104">
        <v>0</v>
      </c>
      <c r="KC20" s="101">
        <v>81</v>
      </c>
      <c r="KD20" s="102">
        <v>70</v>
      </c>
      <c r="KE20" s="103">
        <v>151</v>
      </c>
      <c r="KF20" s="413">
        <v>0</v>
      </c>
      <c r="KG20" s="102">
        <v>105</v>
      </c>
      <c r="KH20" s="102">
        <v>143</v>
      </c>
      <c r="KI20" s="102">
        <v>82</v>
      </c>
      <c r="KJ20" s="102">
        <v>43</v>
      </c>
      <c r="KK20" s="102">
        <v>36</v>
      </c>
      <c r="KL20" s="103">
        <v>409</v>
      </c>
      <c r="KM20" s="104">
        <v>560</v>
      </c>
    </row>
    <row r="21" spans="2:299" s="70" customFormat="1" ht="21" customHeight="1" x14ac:dyDescent="0.2">
      <c r="B21" s="106" t="s">
        <v>18</v>
      </c>
      <c r="C21" s="96">
        <v>70</v>
      </c>
      <c r="D21" s="97">
        <v>82</v>
      </c>
      <c r="E21" s="98">
        <v>152</v>
      </c>
      <c r="F21" s="413">
        <v>0</v>
      </c>
      <c r="G21" s="97">
        <v>162</v>
      </c>
      <c r="H21" s="97">
        <v>113</v>
      </c>
      <c r="I21" s="97">
        <v>94</v>
      </c>
      <c r="J21" s="97">
        <v>63</v>
      </c>
      <c r="K21" s="97">
        <v>39</v>
      </c>
      <c r="L21" s="99">
        <v>471</v>
      </c>
      <c r="M21" s="100">
        <v>623</v>
      </c>
      <c r="N21" s="101">
        <v>1</v>
      </c>
      <c r="O21" s="102">
        <v>1</v>
      </c>
      <c r="P21" s="103">
        <v>2</v>
      </c>
      <c r="Q21" s="413">
        <v>0</v>
      </c>
      <c r="R21" s="102">
        <v>3</v>
      </c>
      <c r="S21" s="102">
        <v>0</v>
      </c>
      <c r="T21" s="102">
        <v>2</v>
      </c>
      <c r="U21" s="102">
        <v>3</v>
      </c>
      <c r="V21" s="102">
        <v>2</v>
      </c>
      <c r="W21" s="103">
        <v>10</v>
      </c>
      <c r="X21" s="104">
        <v>12</v>
      </c>
      <c r="Y21" s="101">
        <v>4</v>
      </c>
      <c r="Z21" s="102">
        <v>4</v>
      </c>
      <c r="AA21" s="103">
        <v>8</v>
      </c>
      <c r="AB21" s="413">
        <v>0</v>
      </c>
      <c r="AC21" s="102">
        <v>14</v>
      </c>
      <c r="AD21" s="102">
        <v>7</v>
      </c>
      <c r="AE21" s="102">
        <v>3</v>
      </c>
      <c r="AF21" s="102">
        <v>4</v>
      </c>
      <c r="AG21" s="102">
        <v>3</v>
      </c>
      <c r="AH21" s="103">
        <v>31</v>
      </c>
      <c r="AI21" s="104">
        <v>39</v>
      </c>
      <c r="AJ21" s="101">
        <v>5</v>
      </c>
      <c r="AK21" s="102">
        <v>11</v>
      </c>
      <c r="AL21" s="103">
        <v>16</v>
      </c>
      <c r="AM21" s="413">
        <v>0</v>
      </c>
      <c r="AN21" s="102">
        <v>16</v>
      </c>
      <c r="AO21" s="102">
        <v>6</v>
      </c>
      <c r="AP21" s="102">
        <v>7</v>
      </c>
      <c r="AQ21" s="102">
        <v>7</v>
      </c>
      <c r="AR21" s="102">
        <v>3</v>
      </c>
      <c r="AS21" s="103">
        <v>39</v>
      </c>
      <c r="AT21" s="104">
        <v>55</v>
      </c>
      <c r="AU21" s="101">
        <v>17</v>
      </c>
      <c r="AV21" s="102">
        <v>9</v>
      </c>
      <c r="AW21" s="103">
        <v>26</v>
      </c>
      <c r="AX21" s="413">
        <v>0</v>
      </c>
      <c r="AY21" s="102">
        <v>28</v>
      </c>
      <c r="AZ21" s="102">
        <v>24</v>
      </c>
      <c r="BA21" s="102">
        <v>11</v>
      </c>
      <c r="BB21" s="102">
        <v>10</v>
      </c>
      <c r="BC21" s="102">
        <v>8</v>
      </c>
      <c r="BD21" s="103">
        <v>81</v>
      </c>
      <c r="BE21" s="104">
        <v>107</v>
      </c>
      <c r="BF21" s="101">
        <v>26</v>
      </c>
      <c r="BG21" s="102">
        <v>24</v>
      </c>
      <c r="BH21" s="103">
        <v>50</v>
      </c>
      <c r="BI21" s="413">
        <v>0</v>
      </c>
      <c r="BJ21" s="102">
        <v>57</v>
      </c>
      <c r="BK21" s="102">
        <v>31</v>
      </c>
      <c r="BL21" s="102">
        <v>39</v>
      </c>
      <c r="BM21" s="102">
        <v>17</v>
      </c>
      <c r="BN21" s="102">
        <v>8</v>
      </c>
      <c r="BO21" s="103">
        <v>152</v>
      </c>
      <c r="BP21" s="104">
        <v>202</v>
      </c>
      <c r="BQ21" s="101">
        <v>17</v>
      </c>
      <c r="BR21" s="102">
        <v>33</v>
      </c>
      <c r="BS21" s="103">
        <v>50</v>
      </c>
      <c r="BT21" s="413">
        <v>0</v>
      </c>
      <c r="BU21" s="102">
        <v>44</v>
      </c>
      <c r="BV21" s="102">
        <v>45</v>
      </c>
      <c r="BW21" s="102">
        <v>32</v>
      </c>
      <c r="BX21" s="102">
        <v>22</v>
      </c>
      <c r="BY21" s="102">
        <v>15</v>
      </c>
      <c r="BZ21" s="103">
        <v>158</v>
      </c>
      <c r="CA21" s="104">
        <v>208</v>
      </c>
      <c r="CB21" s="101">
        <v>0</v>
      </c>
      <c r="CC21" s="102">
        <v>0</v>
      </c>
      <c r="CD21" s="103">
        <v>0</v>
      </c>
      <c r="CE21" s="413">
        <v>0</v>
      </c>
      <c r="CF21" s="102">
        <v>0</v>
      </c>
      <c r="CG21" s="102">
        <v>0</v>
      </c>
      <c r="CH21" s="102">
        <v>0</v>
      </c>
      <c r="CI21" s="102">
        <v>0</v>
      </c>
      <c r="CJ21" s="102">
        <v>0</v>
      </c>
      <c r="CK21" s="103">
        <v>0</v>
      </c>
      <c r="CL21" s="104">
        <v>0</v>
      </c>
      <c r="CM21" s="101">
        <v>70</v>
      </c>
      <c r="CN21" s="102">
        <v>82</v>
      </c>
      <c r="CO21" s="103">
        <v>152</v>
      </c>
      <c r="CP21" s="413">
        <v>0</v>
      </c>
      <c r="CQ21" s="102">
        <v>162</v>
      </c>
      <c r="CR21" s="102">
        <v>113</v>
      </c>
      <c r="CS21" s="102">
        <v>94</v>
      </c>
      <c r="CT21" s="102">
        <v>63</v>
      </c>
      <c r="CU21" s="102">
        <v>39</v>
      </c>
      <c r="CV21" s="103">
        <v>471</v>
      </c>
      <c r="CW21" s="104">
        <v>623</v>
      </c>
      <c r="CX21" s="105">
        <v>10</v>
      </c>
      <c r="CY21" s="97">
        <v>21</v>
      </c>
      <c r="CZ21" s="98">
        <v>31</v>
      </c>
      <c r="DA21" s="413">
        <v>0</v>
      </c>
      <c r="DB21" s="97">
        <v>24</v>
      </c>
      <c r="DC21" s="97">
        <v>12</v>
      </c>
      <c r="DD21" s="97">
        <v>12</v>
      </c>
      <c r="DE21" s="97">
        <v>10</v>
      </c>
      <c r="DF21" s="97">
        <v>11</v>
      </c>
      <c r="DG21" s="99">
        <v>69</v>
      </c>
      <c r="DH21" s="100">
        <v>100</v>
      </c>
      <c r="DI21" s="101">
        <v>0</v>
      </c>
      <c r="DJ21" s="102">
        <v>0</v>
      </c>
      <c r="DK21" s="103">
        <v>0</v>
      </c>
      <c r="DL21" s="413">
        <v>0</v>
      </c>
      <c r="DM21" s="102">
        <v>0</v>
      </c>
      <c r="DN21" s="102">
        <v>0</v>
      </c>
      <c r="DO21" s="102">
        <v>1</v>
      </c>
      <c r="DP21" s="102">
        <v>0</v>
      </c>
      <c r="DQ21" s="102">
        <v>2</v>
      </c>
      <c r="DR21" s="103">
        <v>3</v>
      </c>
      <c r="DS21" s="104">
        <v>3</v>
      </c>
      <c r="DT21" s="101">
        <v>0</v>
      </c>
      <c r="DU21" s="102">
        <v>3</v>
      </c>
      <c r="DV21" s="103">
        <v>3</v>
      </c>
      <c r="DW21" s="413">
        <v>0</v>
      </c>
      <c r="DX21" s="102">
        <v>2</v>
      </c>
      <c r="DY21" s="102">
        <v>1</v>
      </c>
      <c r="DZ21" s="102">
        <v>1</v>
      </c>
      <c r="EA21" s="102">
        <v>0</v>
      </c>
      <c r="EB21" s="102">
        <v>0</v>
      </c>
      <c r="EC21" s="103">
        <v>4</v>
      </c>
      <c r="ED21" s="104">
        <v>7</v>
      </c>
      <c r="EE21" s="101">
        <v>2</v>
      </c>
      <c r="EF21" s="102">
        <v>7</v>
      </c>
      <c r="EG21" s="103">
        <v>9</v>
      </c>
      <c r="EH21" s="413">
        <v>0</v>
      </c>
      <c r="EI21" s="102">
        <v>3</v>
      </c>
      <c r="EJ21" s="102">
        <v>0</v>
      </c>
      <c r="EK21" s="102">
        <v>0</v>
      </c>
      <c r="EL21" s="102">
        <v>0</v>
      </c>
      <c r="EM21" s="102">
        <v>0</v>
      </c>
      <c r="EN21" s="103">
        <v>3</v>
      </c>
      <c r="EO21" s="104">
        <v>12</v>
      </c>
      <c r="EP21" s="101">
        <v>2</v>
      </c>
      <c r="EQ21" s="102">
        <v>6</v>
      </c>
      <c r="ER21" s="103">
        <v>8</v>
      </c>
      <c r="ES21" s="413">
        <v>0</v>
      </c>
      <c r="ET21" s="102">
        <v>9</v>
      </c>
      <c r="EU21" s="102">
        <v>2</v>
      </c>
      <c r="EV21" s="102">
        <v>3</v>
      </c>
      <c r="EW21" s="102">
        <v>0</v>
      </c>
      <c r="EX21" s="102">
        <v>0</v>
      </c>
      <c r="EY21" s="103">
        <v>14</v>
      </c>
      <c r="EZ21" s="104">
        <v>22</v>
      </c>
      <c r="FA21" s="101">
        <v>2</v>
      </c>
      <c r="FB21" s="102">
        <v>3</v>
      </c>
      <c r="FC21" s="103">
        <v>5</v>
      </c>
      <c r="FD21" s="413">
        <v>0</v>
      </c>
      <c r="FE21" s="102">
        <v>4</v>
      </c>
      <c r="FF21" s="102">
        <v>7</v>
      </c>
      <c r="FG21" s="102">
        <v>1</v>
      </c>
      <c r="FH21" s="102">
        <v>1</v>
      </c>
      <c r="FI21" s="102">
        <v>2</v>
      </c>
      <c r="FJ21" s="103">
        <v>15</v>
      </c>
      <c r="FK21" s="104">
        <v>20</v>
      </c>
      <c r="FL21" s="101">
        <v>4</v>
      </c>
      <c r="FM21" s="102">
        <v>2</v>
      </c>
      <c r="FN21" s="103">
        <v>6</v>
      </c>
      <c r="FO21" s="413">
        <v>0</v>
      </c>
      <c r="FP21" s="102">
        <v>6</v>
      </c>
      <c r="FQ21" s="102">
        <v>2</v>
      </c>
      <c r="FR21" s="102">
        <v>6</v>
      </c>
      <c r="FS21" s="102">
        <v>9</v>
      </c>
      <c r="FT21" s="102">
        <v>7</v>
      </c>
      <c r="FU21" s="103">
        <v>30</v>
      </c>
      <c r="FV21" s="104">
        <v>36</v>
      </c>
      <c r="FW21" s="101">
        <v>0</v>
      </c>
      <c r="FX21" s="102">
        <v>0</v>
      </c>
      <c r="FY21" s="103">
        <v>0</v>
      </c>
      <c r="FZ21" s="413">
        <v>0</v>
      </c>
      <c r="GA21" s="102">
        <v>0</v>
      </c>
      <c r="GB21" s="102">
        <v>0</v>
      </c>
      <c r="GC21" s="102">
        <v>0</v>
      </c>
      <c r="GD21" s="102">
        <v>0</v>
      </c>
      <c r="GE21" s="102">
        <v>0</v>
      </c>
      <c r="GF21" s="103">
        <v>0</v>
      </c>
      <c r="GG21" s="104">
        <v>0</v>
      </c>
      <c r="GH21" s="101">
        <v>10</v>
      </c>
      <c r="GI21" s="102">
        <v>21</v>
      </c>
      <c r="GJ21" s="103">
        <v>31</v>
      </c>
      <c r="GK21" s="413">
        <v>0</v>
      </c>
      <c r="GL21" s="102">
        <v>24</v>
      </c>
      <c r="GM21" s="102">
        <v>12</v>
      </c>
      <c r="GN21" s="102">
        <v>12</v>
      </c>
      <c r="GO21" s="102">
        <v>10</v>
      </c>
      <c r="GP21" s="102">
        <v>11</v>
      </c>
      <c r="GQ21" s="103">
        <v>69</v>
      </c>
      <c r="GR21" s="104">
        <v>100</v>
      </c>
      <c r="GS21" s="105">
        <v>80</v>
      </c>
      <c r="GT21" s="97">
        <v>103</v>
      </c>
      <c r="GU21" s="98">
        <v>183</v>
      </c>
      <c r="GV21" s="413">
        <v>0</v>
      </c>
      <c r="GW21" s="97">
        <v>186</v>
      </c>
      <c r="GX21" s="97">
        <v>125</v>
      </c>
      <c r="GY21" s="97">
        <v>106</v>
      </c>
      <c r="GZ21" s="97">
        <v>73</v>
      </c>
      <c r="HA21" s="97">
        <v>50</v>
      </c>
      <c r="HB21" s="99">
        <v>540</v>
      </c>
      <c r="HC21" s="100">
        <v>723</v>
      </c>
      <c r="HD21" s="101">
        <v>1</v>
      </c>
      <c r="HE21" s="102">
        <v>1</v>
      </c>
      <c r="HF21" s="103">
        <v>2</v>
      </c>
      <c r="HG21" s="413">
        <v>0</v>
      </c>
      <c r="HH21" s="102">
        <v>3</v>
      </c>
      <c r="HI21" s="102">
        <v>0</v>
      </c>
      <c r="HJ21" s="102">
        <v>3</v>
      </c>
      <c r="HK21" s="102">
        <v>3</v>
      </c>
      <c r="HL21" s="102">
        <v>4</v>
      </c>
      <c r="HM21" s="103">
        <v>13</v>
      </c>
      <c r="HN21" s="104">
        <v>15</v>
      </c>
      <c r="HO21" s="101">
        <v>4</v>
      </c>
      <c r="HP21" s="102">
        <v>7</v>
      </c>
      <c r="HQ21" s="103">
        <v>11</v>
      </c>
      <c r="HR21" s="413">
        <v>0</v>
      </c>
      <c r="HS21" s="102">
        <v>16</v>
      </c>
      <c r="HT21" s="102">
        <v>8</v>
      </c>
      <c r="HU21" s="102">
        <v>4</v>
      </c>
      <c r="HV21" s="102">
        <v>4</v>
      </c>
      <c r="HW21" s="102">
        <v>3</v>
      </c>
      <c r="HX21" s="103">
        <v>35</v>
      </c>
      <c r="HY21" s="104">
        <v>46</v>
      </c>
      <c r="HZ21" s="101">
        <v>7</v>
      </c>
      <c r="IA21" s="102">
        <v>18</v>
      </c>
      <c r="IB21" s="103">
        <v>25</v>
      </c>
      <c r="IC21" s="413">
        <v>0</v>
      </c>
      <c r="ID21" s="102">
        <v>19</v>
      </c>
      <c r="IE21" s="102">
        <v>6</v>
      </c>
      <c r="IF21" s="102">
        <v>7</v>
      </c>
      <c r="IG21" s="102">
        <v>7</v>
      </c>
      <c r="IH21" s="102">
        <v>3</v>
      </c>
      <c r="II21" s="103">
        <v>42</v>
      </c>
      <c r="IJ21" s="104">
        <v>67</v>
      </c>
      <c r="IK21" s="101">
        <v>19</v>
      </c>
      <c r="IL21" s="102">
        <v>15</v>
      </c>
      <c r="IM21" s="103">
        <v>34</v>
      </c>
      <c r="IN21" s="413">
        <v>0</v>
      </c>
      <c r="IO21" s="102">
        <v>37</v>
      </c>
      <c r="IP21" s="102">
        <v>26</v>
      </c>
      <c r="IQ21" s="102">
        <v>14</v>
      </c>
      <c r="IR21" s="102">
        <v>10</v>
      </c>
      <c r="IS21" s="102">
        <v>8</v>
      </c>
      <c r="IT21" s="103">
        <v>95</v>
      </c>
      <c r="IU21" s="104">
        <v>129</v>
      </c>
      <c r="IV21" s="101">
        <v>28</v>
      </c>
      <c r="IW21" s="102">
        <v>27</v>
      </c>
      <c r="IX21" s="103">
        <v>55</v>
      </c>
      <c r="IY21" s="413">
        <v>0</v>
      </c>
      <c r="IZ21" s="102">
        <v>61</v>
      </c>
      <c r="JA21" s="102">
        <v>38</v>
      </c>
      <c r="JB21" s="102">
        <v>40</v>
      </c>
      <c r="JC21" s="102">
        <v>18</v>
      </c>
      <c r="JD21" s="102">
        <v>10</v>
      </c>
      <c r="JE21" s="103">
        <v>167</v>
      </c>
      <c r="JF21" s="104">
        <v>222</v>
      </c>
      <c r="JG21" s="101">
        <v>21</v>
      </c>
      <c r="JH21" s="102">
        <v>35</v>
      </c>
      <c r="JI21" s="103">
        <v>56</v>
      </c>
      <c r="JJ21" s="413">
        <v>0</v>
      </c>
      <c r="JK21" s="102">
        <v>50</v>
      </c>
      <c r="JL21" s="102">
        <v>47</v>
      </c>
      <c r="JM21" s="102">
        <v>38</v>
      </c>
      <c r="JN21" s="102">
        <v>31</v>
      </c>
      <c r="JO21" s="102">
        <v>22</v>
      </c>
      <c r="JP21" s="103">
        <v>188</v>
      </c>
      <c r="JQ21" s="104">
        <v>244</v>
      </c>
      <c r="JR21" s="101">
        <v>0</v>
      </c>
      <c r="JS21" s="102">
        <v>0</v>
      </c>
      <c r="JT21" s="103">
        <v>0</v>
      </c>
      <c r="JU21" s="413">
        <v>0</v>
      </c>
      <c r="JV21" s="102">
        <v>0</v>
      </c>
      <c r="JW21" s="102">
        <v>0</v>
      </c>
      <c r="JX21" s="102">
        <v>0</v>
      </c>
      <c r="JY21" s="102">
        <v>0</v>
      </c>
      <c r="JZ21" s="102">
        <v>0</v>
      </c>
      <c r="KA21" s="103">
        <v>0</v>
      </c>
      <c r="KB21" s="104">
        <v>0</v>
      </c>
      <c r="KC21" s="101">
        <v>80</v>
      </c>
      <c r="KD21" s="102">
        <v>103</v>
      </c>
      <c r="KE21" s="103">
        <v>183</v>
      </c>
      <c r="KF21" s="413">
        <v>0</v>
      </c>
      <c r="KG21" s="102">
        <v>186</v>
      </c>
      <c r="KH21" s="102">
        <v>125</v>
      </c>
      <c r="KI21" s="102">
        <v>106</v>
      </c>
      <c r="KJ21" s="102">
        <v>73</v>
      </c>
      <c r="KK21" s="102">
        <v>50</v>
      </c>
      <c r="KL21" s="103">
        <v>540</v>
      </c>
      <c r="KM21" s="104">
        <v>723</v>
      </c>
    </row>
    <row r="22" spans="2:299" s="70" customFormat="1" ht="21" customHeight="1" x14ac:dyDescent="0.2">
      <c r="B22" s="106" t="s">
        <v>19</v>
      </c>
      <c r="C22" s="96">
        <v>40</v>
      </c>
      <c r="D22" s="97">
        <v>39</v>
      </c>
      <c r="E22" s="98">
        <v>79</v>
      </c>
      <c r="F22" s="413">
        <v>0</v>
      </c>
      <c r="G22" s="97">
        <v>69</v>
      </c>
      <c r="H22" s="97">
        <v>58</v>
      </c>
      <c r="I22" s="97">
        <v>24</v>
      </c>
      <c r="J22" s="97">
        <v>19</v>
      </c>
      <c r="K22" s="97">
        <v>24</v>
      </c>
      <c r="L22" s="99">
        <v>194</v>
      </c>
      <c r="M22" s="100">
        <v>273</v>
      </c>
      <c r="N22" s="107">
        <v>0</v>
      </c>
      <c r="O22" s="102">
        <v>0</v>
      </c>
      <c r="P22" s="103">
        <v>0</v>
      </c>
      <c r="Q22" s="413">
        <v>0</v>
      </c>
      <c r="R22" s="102">
        <v>1</v>
      </c>
      <c r="S22" s="102">
        <v>1</v>
      </c>
      <c r="T22" s="102">
        <v>1</v>
      </c>
      <c r="U22" s="102">
        <v>1</v>
      </c>
      <c r="V22" s="102">
        <v>0</v>
      </c>
      <c r="W22" s="103">
        <v>4</v>
      </c>
      <c r="X22" s="104">
        <v>4</v>
      </c>
      <c r="Y22" s="101">
        <v>1</v>
      </c>
      <c r="Z22" s="102">
        <v>2</v>
      </c>
      <c r="AA22" s="103">
        <v>3</v>
      </c>
      <c r="AB22" s="413">
        <v>0</v>
      </c>
      <c r="AC22" s="102">
        <v>1</v>
      </c>
      <c r="AD22" s="102">
        <v>6</v>
      </c>
      <c r="AE22" s="102">
        <v>0</v>
      </c>
      <c r="AF22" s="102">
        <v>0</v>
      </c>
      <c r="AG22" s="102">
        <v>1</v>
      </c>
      <c r="AH22" s="103">
        <v>8</v>
      </c>
      <c r="AI22" s="104">
        <v>11</v>
      </c>
      <c r="AJ22" s="107">
        <v>2</v>
      </c>
      <c r="AK22" s="102">
        <v>3</v>
      </c>
      <c r="AL22" s="103">
        <v>5</v>
      </c>
      <c r="AM22" s="413">
        <v>0</v>
      </c>
      <c r="AN22" s="102">
        <v>5</v>
      </c>
      <c r="AO22" s="102">
        <v>5</v>
      </c>
      <c r="AP22" s="102">
        <v>1</v>
      </c>
      <c r="AQ22" s="102">
        <v>1</v>
      </c>
      <c r="AR22" s="102">
        <v>1</v>
      </c>
      <c r="AS22" s="103">
        <v>13</v>
      </c>
      <c r="AT22" s="104">
        <v>18</v>
      </c>
      <c r="AU22" s="101">
        <v>9</v>
      </c>
      <c r="AV22" s="102">
        <v>6</v>
      </c>
      <c r="AW22" s="103">
        <v>15</v>
      </c>
      <c r="AX22" s="413">
        <v>0</v>
      </c>
      <c r="AY22" s="102">
        <v>10</v>
      </c>
      <c r="AZ22" s="102">
        <v>12</v>
      </c>
      <c r="BA22" s="102">
        <v>3</v>
      </c>
      <c r="BB22" s="102">
        <v>4</v>
      </c>
      <c r="BC22" s="102">
        <v>7</v>
      </c>
      <c r="BD22" s="103">
        <v>36</v>
      </c>
      <c r="BE22" s="104">
        <v>51</v>
      </c>
      <c r="BF22" s="107">
        <v>12</v>
      </c>
      <c r="BG22" s="102">
        <v>13</v>
      </c>
      <c r="BH22" s="103">
        <v>25</v>
      </c>
      <c r="BI22" s="413">
        <v>0</v>
      </c>
      <c r="BJ22" s="102">
        <v>28</v>
      </c>
      <c r="BK22" s="102">
        <v>11</v>
      </c>
      <c r="BL22" s="102">
        <v>8</v>
      </c>
      <c r="BM22" s="102">
        <v>8</v>
      </c>
      <c r="BN22" s="102">
        <v>10</v>
      </c>
      <c r="BO22" s="103">
        <v>65</v>
      </c>
      <c r="BP22" s="104">
        <v>90</v>
      </c>
      <c r="BQ22" s="101">
        <v>16</v>
      </c>
      <c r="BR22" s="102">
        <v>15</v>
      </c>
      <c r="BS22" s="103">
        <v>31</v>
      </c>
      <c r="BT22" s="413">
        <v>0</v>
      </c>
      <c r="BU22" s="102">
        <v>24</v>
      </c>
      <c r="BV22" s="102">
        <v>23</v>
      </c>
      <c r="BW22" s="102">
        <v>11</v>
      </c>
      <c r="BX22" s="102">
        <v>5</v>
      </c>
      <c r="BY22" s="102">
        <v>5</v>
      </c>
      <c r="BZ22" s="103">
        <v>68</v>
      </c>
      <c r="CA22" s="104">
        <v>99</v>
      </c>
      <c r="CB22" s="101">
        <v>0</v>
      </c>
      <c r="CC22" s="102">
        <v>0</v>
      </c>
      <c r="CD22" s="103">
        <v>0</v>
      </c>
      <c r="CE22" s="413">
        <v>0</v>
      </c>
      <c r="CF22" s="102">
        <v>0</v>
      </c>
      <c r="CG22" s="102">
        <v>0</v>
      </c>
      <c r="CH22" s="102">
        <v>0</v>
      </c>
      <c r="CI22" s="102">
        <v>0</v>
      </c>
      <c r="CJ22" s="102">
        <v>0</v>
      </c>
      <c r="CK22" s="103">
        <v>0</v>
      </c>
      <c r="CL22" s="104">
        <v>0</v>
      </c>
      <c r="CM22" s="101">
        <v>40</v>
      </c>
      <c r="CN22" s="102">
        <v>39</v>
      </c>
      <c r="CO22" s="103">
        <v>79</v>
      </c>
      <c r="CP22" s="413">
        <v>0</v>
      </c>
      <c r="CQ22" s="102">
        <v>69</v>
      </c>
      <c r="CR22" s="102">
        <v>58</v>
      </c>
      <c r="CS22" s="102">
        <v>24</v>
      </c>
      <c r="CT22" s="102">
        <v>19</v>
      </c>
      <c r="CU22" s="102">
        <v>24</v>
      </c>
      <c r="CV22" s="103">
        <v>194</v>
      </c>
      <c r="CW22" s="104">
        <v>273</v>
      </c>
      <c r="CX22" s="105">
        <v>4</v>
      </c>
      <c r="CY22" s="97">
        <v>4</v>
      </c>
      <c r="CZ22" s="98">
        <v>8</v>
      </c>
      <c r="DA22" s="413">
        <v>0</v>
      </c>
      <c r="DB22" s="97">
        <v>12</v>
      </c>
      <c r="DC22" s="97">
        <v>5</v>
      </c>
      <c r="DD22" s="97">
        <v>7</v>
      </c>
      <c r="DE22" s="97">
        <v>5</v>
      </c>
      <c r="DF22" s="97">
        <v>2</v>
      </c>
      <c r="DG22" s="99">
        <v>31</v>
      </c>
      <c r="DH22" s="100">
        <v>39</v>
      </c>
      <c r="DI22" s="107">
        <v>1</v>
      </c>
      <c r="DJ22" s="102">
        <v>0</v>
      </c>
      <c r="DK22" s="103">
        <v>1</v>
      </c>
      <c r="DL22" s="413">
        <v>0</v>
      </c>
      <c r="DM22" s="102">
        <v>0</v>
      </c>
      <c r="DN22" s="102">
        <v>0</v>
      </c>
      <c r="DO22" s="102">
        <v>0</v>
      </c>
      <c r="DP22" s="102">
        <v>0</v>
      </c>
      <c r="DQ22" s="102">
        <v>0</v>
      </c>
      <c r="DR22" s="103">
        <v>0</v>
      </c>
      <c r="DS22" s="104">
        <v>1</v>
      </c>
      <c r="DT22" s="101">
        <v>0</v>
      </c>
      <c r="DU22" s="102">
        <v>2</v>
      </c>
      <c r="DV22" s="103">
        <v>2</v>
      </c>
      <c r="DW22" s="413">
        <v>0</v>
      </c>
      <c r="DX22" s="102">
        <v>0</v>
      </c>
      <c r="DY22" s="102">
        <v>0</v>
      </c>
      <c r="DZ22" s="102">
        <v>1</v>
      </c>
      <c r="EA22" s="102">
        <v>0</v>
      </c>
      <c r="EB22" s="102">
        <v>0</v>
      </c>
      <c r="EC22" s="103">
        <v>1</v>
      </c>
      <c r="ED22" s="104">
        <v>3</v>
      </c>
      <c r="EE22" s="107">
        <v>0</v>
      </c>
      <c r="EF22" s="102">
        <v>0</v>
      </c>
      <c r="EG22" s="103">
        <v>0</v>
      </c>
      <c r="EH22" s="413">
        <v>0</v>
      </c>
      <c r="EI22" s="102">
        <v>0</v>
      </c>
      <c r="EJ22" s="102">
        <v>0</v>
      </c>
      <c r="EK22" s="102">
        <v>0</v>
      </c>
      <c r="EL22" s="102">
        <v>1</v>
      </c>
      <c r="EM22" s="102">
        <v>0</v>
      </c>
      <c r="EN22" s="103">
        <v>1</v>
      </c>
      <c r="EO22" s="104">
        <v>1</v>
      </c>
      <c r="EP22" s="101">
        <v>3</v>
      </c>
      <c r="EQ22" s="102">
        <v>1</v>
      </c>
      <c r="ER22" s="103">
        <v>4</v>
      </c>
      <c r="ES22" s="413">
        <v>0</v>
      </c>
      <c r="ET22" s="102">
        <v>6</v>
      </c>
      <c r="EU22" s="102">
        <v>1</v>
      </c>
      <c r="EV22" s="102">
        <v>1</v>
      </c>
      <c r="EW22" s="102">
        <v>1</v>
      </c>
      <c r="EX22" s="102">
        <v>0</v>
      </c>
      <c r="EY22" s="103">
        <v>9</v>
      </c>
      <c r="EZ22" s="104">
        <v>13</v>
      </c>
      <c r="FA22" s="107">
        <v>0</v>
      </c>
      <c r="FB22" s="102">
        <v>1</v>
      </c>
      <c r="FC22" s="103">
        <v>1</v>
      </c>
      <c r="FD22" s="413">
        <v>0</v>
      </c>
      <c r="FE22" s="102">
        <v>3</v>
      </c>
      <c r="FF22" s="102">
        <v>2</v>
      </c>
      <c r="FG22" s="102">
        <v>2</v>
      </c>
      <c r="FH22" s="102">
        <v>2</v>
      </c>
      <c r="FI22" s="102">
        <v>1</v>
      </c>
      <c r="FJ22" s="103">
        <v>10</v>
      </c>
      <c r="FK22" s="104">
        <v>11</v>
      </c>
      <c r="FL22" s="101">
        <v>0</v>
      </c>
      <c r="FM22" s="102">
        <v>0</v>
      </c>
      <c r="FN22" s="103">
        <v>0</v>
      </c>
      <c r="FO22" s="413">
        <v>0</v>
      </c>
      <c r="FP22" s="102">
        <v>3</v>
      </c>
      <c r="FQ22" s="102">
        <v>2</v>
      </c>
      <c r="FR22" s="102">
        <v>3</v>
      </c>
      <c r="FS22" s="102">
        <v>1</v>
      </c>
      <c r="FT22" s="102">
        <v>1</v>
      </c>
      <c r="FU22" s="103">
        <v>10</v>
      </c>
      <c r="FV22" s="104">
        <v>10</v>
      </c>
      <c r="FW22" s="101">
        <v>0</v>
      </c>
      <c r="FX22" s="102">
        <v>0</v>
      </c>
      <c r="FY22" s="103">
        <v>0</v>
      </c>
      <c r="FZ22" s="413">
        <v>0</v>
      </c>
      <c r="GA22" s="102">
        <v>0</v>
      </c>
      <c r="GB22" s="102">
        <v>0</v>
      </c>
      <c r="GC22" s="102">
        <v>0</v>
      </c>
      <c r="GD22" s="102">
        <v>0</v>
      </c>
      <c r="GE22" s="102">
        <v>0</v>
      </c>
      <c r="GF22" s="103">
        <v>0</v>
      </c>
      <c r="GG22" s="104">
        <v>0</v>
      </c>
      <c r="GH22" s="101">
        <v>4</v>
      </c>
      <c r="GI22" s="102">
        <v>4</v>
      </c>
      <c r="GJ22" s="103">
        <v>8</v>
      </c>
      <c r="GK22" s="413">
        <v>0</v>
      </c>
      <c r="GL22" s="102">
        <v>12</v>
      </c>
      <c r="GM22" s="102">
        <v>5</v>
      </c>
      <c r="GN22" s="102">
        <v>7</v>
      </c>
      <c r="GO22" s="102">
        <v>5</v>
      </c>
      <c r="GP22" s="102">
        <v>2</v>
      </c>
      <c r="GQ22" s="103">
        <v>31</v>
      </c>
      <c r="GR22" s="104">
        <v>39</v>
      </c>
      <c r="GS22" s="105">
        <v>44</v>
      </c>
      <c r="GT22" s="97">
        <v>43</v>
      </c>
      <c r="GU22" s="98">
        <v>87</v>
      </c>
      <c r="GV22" s="413">
        <v>0</v>
      </c>
      <c r="GW22" s="97">
        <v>81</v>
      </c>
      <c r="GX22" s="97">
        <v>63</v>
      </c>
      <c r="GY22" s="97">
        <v>31</v>
      </c>
      <c r="GZ22" s="97">
        <v>24</v>
      </c>
      <c r="HA22" s="97">
        <v>26</v>
      </c>
      <c r="HB22" s="99">
        <v>225</v>
      </c>
      <c r="HC22" s="100">
        <v>312</v>
      </c>
      <c r="HD22" s="107">
        <v>1</v>
      </c>
      <c r="HE22" s="102">
        <v>0</v>
      </c>
      <c r="HF22" s="103">
        <v>1</v>
      </c>
      <c r="HG22" s="413">
        <v>0</v>
      </c>
      <c r="HH22" s="102">
        <v>1</v>
      </c>
      <c r="HI22" s="102">
        <v>1</v>
      </c>
      <c r="HJ22" s="102">
        <v>1</v>
      </c>
      <c r="HK22" s="102">
        <v>1</v>
      </c>
      <c r="HL22" s="102">
        <v>0</v>
      </c>
      <c r="HM22" s="103">
        <v>4</v>
      </c>
      <c r="HN22" s="104">
        <v>5</v>
      </c>
      <c r="HO22" s="101">
        <v>1</v>
      </c>
      <c r="HP22" s="102">
        <v>4</v>
      </c>
      <c r="HQ22" s="103">
        <v>5</v>
      </c>
      <c r="HR22" s="413">
        <v>0</v>
      </c>
      <c r="HS22" s="102">
        <v>1</v>
      </c>
      <c r="HT22" s="102">
        <v>6</v>
      </c>
      <c r="HU22" s="102">
        <v>1</v>
      </c>
      <c r="HV22" s="102">
        <v>0</v>
      </c>
      <c r="HW22" s="102">
        <v>1</v>
      </c>
      <c r="HX22" s="103">
        <v>9</v>
      </c>
      <c r="HY22" s="104">
        <v>14</v>
      </c>
      <c r="HZ22" s="107">
        <v>2</v>
      </c>
      <c r="IA22" s="102">
        <v>3</v>
      </c>
      <c r="IB22" s="103">
        <v>5</v>
      </c>
      <c r="IC22" s="413">
        <v>0</v>
      </c>
      <c r="ID22" s="102">
        <v>5</v>
      </c>
      <c r="IE22" s="102">
        <v>5</v>
      </c>
      <c r="IF22" s="102">
        <v>1</v>
      </c>
      <c r="IG22" s="102">
        <v>2</v>
      </c>
      <c r="IH22" s="102">
        <v>1</v>
      </c>
      <c r="II22" s="103">
        <v>14</v>
      </c>
      <c r="IJ22" s="104">
        <v>19</v>
      </c>
      <c r="IK22" s="101">
        <v>12</v>
      </c>
      <c r="IL22" s="102">
        <v>7</v>
      </c>
      <c r="IM22" s="103">
        <v>19</v>
      </c>
      <c r="IN22" s="413">
        <v>0</v>
      </c>
      <c r="IO22" s="102">
        <v>16</v>
      </c>
      <c r="IP22" s="102">
        <v>13</v>
      </c>
      <c r="IQ22" s="102">
        <v>4</v>
      </c>
      <c r="IR22" s="102">
        <v>5</v>
      </c>
      <c r="IS22" s="102">
        <v>7</v>
      </c>
      <c r="IT22" s="103">
        <v>45</v>
      </c>
      <c r="IU22" s="104">
        <v>64</v>
      </c>
      <c r="IV22" s="107">
        <v>12</v>
      </c>
      <c r="IW22" s="102">
        <v>14</v>
      </c>
      <c r="IX22" s="103">
        <v>26</v>
      </c>
      <c r="IY22" s="413">
        <v>0</v>
      </c>
      <c r="IZ22" s="102">
        <v>31</v>
      </c>
      <c r="JA22" s="102">
        <v>13</v>
      </c>
      <c r="JB22" s="102">
        <v>10</v>
      </c>
      <c r="JC22" s="102">
        <v>10</v>
      </c>
      <c r="JD22" s="102">
        <v>11</v>
      </c>
      <c r="JE22" s="103">
        <v>75</v>
      </c>
      <c r="JF22" s="104">
        <v>101</v>
      </c>
      <c r="JG22" s="101">
        <v>16</v>
      </c>
      <c r="JH22" s="102">
        <v>15</v>
      </c>
      <c r="JI22" s="103">
        <v>31</v>
      </c>
      <c r="JJ22" s="413">
        <v>0</v>
      </c>
      <c r="JK22" s="102">
        <v>27</v>
      </c>
      <c r="JL22" s="102">
        <v>25</v>
      </c>
      <c r="JM22" s="102">
        <v>14</v>
      </c>
      <c r="JN22" s="102">
        <v>6</v>
      </c>
      <c r="JO22" s="102">
        <v>6</v>
      </c>
      <c r="JP22" s="103">
        <v>78</v>
      </c>
      <c r="JQ22" s="104">
        <v>109</v>
      </c>
      <c r="JR22" s="101">
        <v>0</v>
      </c>
      <c r="JS22" s="102">
        <v>0</v>
      </c>
      <c r="JT22" s="103">
        <v>0</v>
      </c>
      <c r="JU22" s="413">
        <v>0</v>
      </c>
      <c r="JV22" s="102">
        <v>0</v>
      </c>
      <c r="JW22" s="102">
        <v>0</v>
      </c>
      <c r="JX22" s="102">
        <v>0</v>
      </c>
      <c r="JY22" s="102">
        <v>0</v>
      </c>
      <c r="JZ22" s="102">
        <v>0</v>
      </c>
      <c r="KA22" s="103">
        <v>0</v>
      </c>
      <c r="KB22" s="104">
        <v>0</v>
      </c>
      <c r="KC22" s="101">
        <v>44</v>
      </c>
      <c r="KD22" s="102">
        <v>43</v>
      </c>
      <c r="KE22" s="103">
        <v>87</v>
      </c>
      <c r="KF22" s="413">
        <v>0</v>
      </c>
      <c r="KG22" s="102">
        <v>81</v>
      </c>
      <c r="KH22" s="102">
        <v>63</v>
      </c>
      <c r="KI22" s="102">
        <v>31</v>
      </c>
      <c r="KJ22" s="102">
        <v>24</v>
      </c>
      <c r="KK22" s="102">
        <v>26</v>
      </c>
      <c r="KL22" s="103">
        <v>225</v>
      </c>
      <c r="KM22" s="104">
        <v>312</v>
      </c>
    </row>
    <row r="23" spans="2:299" s="70" customFormat="1" ht="21" customHeight="1" x14ac:dyDescent="0.2">
      <c r="B23" s="106" t="s">
        <v>20</v>
      </c>
      <c r="C23" s="96">
        <v>65</v>
      </c>
      <c r="D23" s="97">
        <v>58</v>
      </c>
      <c r="E23" s="98">
        <v>123</v>
      </c>
      <c r="F23" s="413">
        <v>0</v>
      </c>
      <c r="G23" s="97">
        <v>139</v>
      </c>
      <c r="H23" s="97">
        <v>83</v>
      </c>
      <c r="I23" s="97">
        <v>55</v>
      </c>
      <c r="J23" s="97">
        <v>32</v>
      </c>
      <c r="K23" s="97">
        <v>20</v>
      </c>
      <c r="L23" s="99">
        <v>329</v>
      </c>
      <c r="M23" s="100">
        <v>452</v>
      </c>
      <c r="N23" s="101">
        <v>1</v>
      </c>
      <c r="O23" s="102">
        <v>1</v>
      </c>
      <c r="P23" s="103">
        <v>2</v>
      </c>
      <c r="Q23" s="413">
        <v>0</v>
      </c>
      <c r="R23" s="102">
        <v>4</v>
      </c>
      <c r="S23" s="102">
        <v>0</v>
      </c>
      <c r="T23" s="102">
        <v>2</v>
      </c>
      <c r="U23" s="102">
        <v>1</v>
      </c>
      <c r="V23" s="102">
        <v>0</v>
      </c>
      <c r="W23" s="103">
        <v>7</v>
      </c>
      <c r="X23" s="104">
        <v>9</v>
      </c>
      <c r="Y23" s="101">
        <v>2</v>
      </c>
      <c r="Z23" s="102">
        <v>2</v>
      </c>
      <c r="AA23" s="103">
        <v>4</v>
      </c>
      <c r="AB23" s="413">
        <v>0</v>
      </c>
      <c r="AC23" s="102">
        <v>7</v>
      </c>
      <c r="AD23" s="102">
        <v>4</v>
      </c>
      <c r="AE23" s="102">
        <v>3</v>
      </c>
      <c r="AF23" s="102">
        <v>3</v>
      </c>
      <c r="AG23" s="102">
        <v>0</v>
      </c>
      <c r="AH23" s="103">
        <v>17</v>
      </c>
      <c r="AI23" s="104">
        <v>21</v>
      </c>
      <c r="AJ23" s="101">
        <v>8</v>
      </c>
      <c r="AK23" s="102">
        <v>5</v>
      </c>
      <c r="AL23" s="103">
        <v>13</v>
      </c>
      <c r="AM23" s="413">
        <v>0</v>
      </c>
      <c r="AN23" s="102">
        <v>13</v>
      </c>
      <c r="AO23" s="102">
        <v>6</v>
      </c>
      <c r="AP23" s="102">
        <v>8</v>
      </c>
      <c r="AQ23" s="102">
        <v>3</v>
      </c>
      <c r="AR23" s="102">
        <v>1</v>
      </c>
      <c r="AS23" s="103">
        <v>31</v>
      </c>
      <c r="AT23" s="104">
        <v>44</v>
      </c>
      <c r="AU23" s="101">
        <v>16</v>
      </c>
      <c r="AV23" s="102">
        <v>13</v>
      </c>
      <c r="AW23" s="103">
        <v>29</v>
      </c>
      <c r="AX23" s="413">
        <v>0</v>
      </c>
      <c r="AY23" s="102">
        <v>37</v>
      </c>
      <c r="AZ23" s="102">
        <v>17</v>
      </c>
      <c r="BA23" s="102">
        <v>11</v>
      </c>
      <c r="BB23" s="102">
        <v>7</v>
      </c>
      <c r="BC23" s="102">
        <v>8</v>
      </c>
      <c r="BD23" s="103">
        <v>80</v>
      </c>
      <c r="BE23" s="104">
        <v>109</v>
      </c>
      <c r="BF23" s="101">
        <v>21</v>
      </c>
      <c r="BG23" s="102">
        <v>19</v>
      </c>
      <c r="BH23" s="103">
        <v>40</v>
      </c>
      <c r="BI23" s="413">
        <v>0</v>
      </c>
      <c r="BJ23" s="102">
        <v>49</v>
      </c>
      <c r="BK23" s="102">
        <v>28</v>
      </c>
      <c r="BL23" s="102">
        <v>17</v>
      </c>
      <c r="BM23" s="102">
        <v>11</v>
      </c>
      <c r="BN23" s="102">
        <v>7</v>
      </c>
      <c r="BO23" s="103">
        <v>112</v>
      </c>
      <c r="BP23" s="104">
        <v>152</v>
      </c>
      <c r="BQ23" s="101">
        <v>17</v>
      </c>
      <c r="BR23" s="102">
        <v>18</v>
      </c>
      <c r="BS23" s="103">
        <v>35</v>
      </c>
      <c r="BT23" s="413">
        <v>0</v>
      </c>
      <c r="BU23" s="102">
        <v>29</v>
      </c>
      <c r="BV23" s="102">
        <v>28</v>
      </c>
      <c r="BW23" s="102">
        <v>14</v>
      </c>
      <c r="BX23" s="102">
        <v>7</v>
      </c>
      <c r="BY23" s="102">
        <v>4</v>
      </c>
      <c r="BZ23" s="103">
        <v>82</v>
      </c>
      <c r="CA23" s="104">
        <v>117</v>
      </c>
      <c r="CB23" s="101">
        <v>0</v>
      </c>
      <c r="CC23" s="102">
        <v>0</v>
      </c>
      <c r="CD23" s="103">
        <v>0</v>
      </c>
      <c r="CE23" s="413">
        <v>0</v>
      </c>
      <c r="CF23" s="102">
        <v>0</v>
      </c>
      <c r="CG23" s="102">
        <v>0</v>
      </c>
      <c r="CH23" s="102">
        <v>0</v>
      </c>
      <c r="CI23" s="102">
        <v>0</v>
      </c>
      <c r="CJ23" s="102">
        <v>0</v>
      </c>
      <c r="CK23" s="103">
        <v>0</v>
      </c>
      <c r="CL23" s="104">
        <v>0</v>
      </c>
      <c r="CM23" s="101">
        <v>65</v>
      </c>
      <c r="CN23" s="102">
        <v>58</v>
      </c>
      <c r="CO23" s="103">
        <v>123</v>
      </c>
      <c r="CP23" s="413">
        <v>0</v>
      </c>
      <c r="CQ23" s="102">
        <v>139</v>
      </c>
      <c r="CR23" s="102">
        <v>83</v>
      </c>
      <c r="CS23" s="102">
        <v>55</v>
      </c>
      <c r="CT23" s="102">
        <v>32</v>
      </c>
      <c r="CU23" s="102">
        <v>20</v>
      </c>
      <c r="CV23" s="103">
        <v>329</v>
      </c>
      <c r="CW23" s="104">
        <v>452</v>
      </c>
      <c r="CX23" s="105">
        <v>8</v>
      </c>
      <c r="CY23" s="97">
        <v>8</v>
      </c>
      <c r="CZ23" s="98">
        <v>16</v>
      </c>
      <c r="DA23" s="413">
        <v>0</v>
      </c>
      <c r="DB23" s="97">
        <v>18</v>
      </c>
      <c r="DC23" s="97">
        <v>3</v>
      </c>
      <c r="DD23" s="97">
        <v>6</v>
      </c>
      <c r="DE23" s="97">
        <v>6</v>
      </c>
      <c r="DF23" s="97">
        <v>3</v>
      </c>
      <c r="DG23" s="99">
        <v>36</v>
      </c>
      <c r="DH23" s="100">
        <v>52</v>
      </c>
      <c r="DI23" s="101">
        <v>0</v>
      </c>
      <c r="DJ23" s="102">
        <v>1</v>
      </c>
      <c r="DK23" s="103">
        <v>1</v>
      </c>
      <c r="DL23" s="413">
        <v>0</v>
      </c>
      <c r="DM23" s="102">
        <v>0</v>
      </c>
      <c r="DN23" s="102">
        <v>0</v>
      </c>
      <c r="DO23" s="102">
        <v>0</v>
      </c>
      <c r="DP23" s="102">
        <v>0</v>
      </c>
      <c r="DQ23" s="102">
        <v>0</v>
      </c>
      <c r="DR23" s="103">
        <v>0</v>
      </c>
      <c r="DS23" s="104">
        <v>1</v>
      </c>
      <c r="DT23" s="101">
        <v>1</v>
      </c>
      <c r="DU23" s="102">
        <v>0</v>
      </c>
      <c r="DV23" s="103">
        <v>1</v>
      </c>
      <c r="DW23" s="413">
        <v>0</v>
      </c>
      <c r="DX23" s="102">
        <v>0</v>
      </c>
      <c r="DY23" s="102">
        <v>0</v>
      </c>
      <c r="DZ23" s="102">
        <v>0</v>
      </c>
      <c r="EA23" s="102">
        <v>0</v>
      </c>
      <c r="EB23" s="102">
        <v>0</v>
      </c>
      <c r="EC23" s="103">
        <v>0</v>
      </c>
      <c r="ED23" s="104">
        <v>1</v>
      </c>
      <c r="EE23" s="101">
        <v>2</v>
      </c>
      <c r="EF23" s="102">
        <v>0</v>
      </c>
      <c r="EG23" s="103">
        <v>2</v>
      </c>
      <c r="EH23" s="413">
        <v>0</v>
      </c>
      <c r="EI23" s="102">
        <v>4</v>
      </c>
      <c r="EJ23" s="102">
        <v>1</v>
      </c>
      <c r="EK23" s="102">
        <v>3</v>
      </c>
      <c r="EL23" s="102">
        <v>0</v>
      </c>
      <c r="EM23" s="102">
        <v>0</v>
      </c>
      <c r="EN23" s="103">
        <v>8</v>
      </c>
      <c r="EO23" s="104">
        <v>10</v>
      </c>
      <c r="EP23" s="101">
        <v>4</v>
      </c>
      <c r="EQ23" s="102">
        <v>2</v>
      </c>
      <c r="ER23" s="103">
        <v>6</v>
      </c>
      <c r="ES23" s="413">
        <v>0</v>
      </c>
      <c r="ET23" s="102">
        <v>4</v>
      </c>
      <c r="EU23" s="102">
        <v>1</v>
      </c>
      <c r="EV23" s="102">
        <v>2</v>
      </c>
      <c r="EW23" s="102">
        <v>1</v>
      </c>
      <c r="EX23" s="102">
        <v>0</v>
      </c>
      <c r="EY23" s="103">
        <v>8</v>
      </c>
      <c r="EZ23" s="104">
        <v>14</v>
      </c>
      <c r="FA23" s="101">
        <v>1</v>
      </c>
      <c r="FB23" s="102">
        <v>3</v>
      </c>
      <c r="FC23" s="103">
        <v>4</v>
      </c>
      <c r="FD23" s="413">
        <v>0</v>
      </c>
      <c r="FE23" s="102">
        <v>3</v>
      </c>
      <c r="FF23" s="102">
        <v>0</v>
      </c>
      <c r="FG23" s="102">
        <v>0</v>
      </c>
      <c r="FH23" s="102">
        <v>2</v>
      </c>
      <c r="FI23" s="102">
        <v>2</v>
      </c>
      <c r="FJ23" s="103">
        <v>7</v>
      </c>
      <c r="FK23" s="104">
        <v>11</v>
      </c>
      <c r="FL23" s="101">
        <v>0</v>
      </c>
      <c r="FM23" s="102">
        <v>2</v>
      </c>
      <c r="FN23" s="103">
        <v>2</v>
      </c>
      <c r="FO23" s="413">
        <v>0</v>
      </c>
      <c r="FP23" s="102">
        <v>7</v>
      </c>
      <c r="FQ23" s="102">
        <v>1</v>
      </c>
      <c r="FR23" s="102">
        <v>1</v>
      </c>
      <c r="FS23" s="102">
        <v>3</v>
      </c>
      <c r="FT23" s="102">
        <v>1</v>
      </c>
      <c r="FU23" s="103">
        <v>13</v>
      </c>
      <c r="FV23" s="104">
        <v>15</v>
      </c>
      <c r="FW23" s="101">
        <v>0</v>
      </c>
      <c r="FX23" s="102">
        <v>0</v>
      </c>
      <c r="FY23" s="103">
        <v>0</v>
      </c>
      <c r="FZ23" s="413">
        <v>0</v>
      </c>
      <c r="GA23" s="102">
        <v>0</v>
      </c>
      <c r="GB23" s="102">
        <v>0</v>
      </c>
      <c r="GC23" s="102">
        <v>0</v>
      </c>
      <c r="GD23" s="102">
        <v>0</v>
      </c>
      <c r="GE23" s="102">
        <v>0</v>
      </c>
      <c r="GF23" s="103">
        <v>0</v>
      </c>
      <c r="GG23" s="104">
        <v>0</v>
      </c>
      <c r="GH23" s="101">
        <v>8</v>
      </c>
      <c r="GI23" s="102">
        <v>8</v>
      </c>
      <c r="GJ23" s="103">
        <v>16</v>
      </c>
      <c r="GK23" s="413">
        <v>0</v>
      </c>
      <c r="GL23" s="102">
        <v>18</v>
      </c>
      <c r="GM23" s="102">
        <v>3</v>
      </c>
      <c r="GN23" s="102">
        <v>6</v>
      </c>
      <c r="GO23" s="102">
        <v>6</v>
      </c>
      <c r="GP23" s="102">
        <v>3</v>
      </c>
      <c r="GQ23" s="103">
        <v>36</v>
      </c>
      <c r="GR23" s="104">
        <v>52</v>
      </c>
      <c r="GS23" s="105">
        <v>73</v>
      </c>
      <c r="GT23" s="97">
        <v>66</v>
      </c>
      <c r="GU23" s="98">
        <v>139</v>
      </c>
      <c r="GV23" s="413">
        <v>0</v>
      </c>
      <c r="GW23" s="97">
        <v>157</v>
      </c>
      <c r="GX23" s="97">
        <v>86</v>
      </c>
      <c r="GY23" s="97">
        <v>61</v>
      </c>
      <c r="GZ23" s="97">
        <v>38</v>
      </c>
      <c r="HA23" s="97">
        <v>23</v>
      </c>
      <c r="HB23" s="99">
        <v>365</v>
      </c>
      <c r="HC23" s="100">
        <v>504</v>
      </c>
      <c r="HD23" s="101">
        <v>1</v>
      </c>
      <c r="HE23" s="102">
        <v>2</v>
      </c>
      <c r="HF23" s="103">
        <v>3</v>
      </c>
      <c r="HG23" s="413">
        <v>0</v>
      </c>
      <c r="HH23" s="102">
        <v>4</v>
      </c>
      <c r="HI23" s="102">
        <v>0</v>
      </c>
      <c r="HJ23" s="102">
        <v>2</v>
      </c>
      <c r="HK23" s="102">
        <v>1</v>
      </c>
      <c r="HL23" s="102">
        <v>0</v>
      </c>
      <c r="HM23" s="103">
        <v>7</v>
      </c>
      <c r="HN23" s="104">
        <v>10</v>
      </c>
      <c r="HO23" s="101">
        <v>3</v>
      </c>
      <c r="HP23" s="102">
        <v>2</v>
      </c>
      <c r="HQ23" s="103">
        <v>5</v>
      </c>
      <c r="HR23" s="413">
        <v>0</v>
      </c>
      <c r="HS23" s="102">
        <v>7</v>
      </c>
      <c r="HT23" s="102">
        <v>4</v>
      </c>
      <c r="HU23" s="102">
        <v>3</v>
      </c>
      <c r="HV23" s="102">
        <v>3</v>
      </c>
      <c r="HW23" s="102">
        <v>0</v>
      </c>
      <c r="HX23" s="103">
        <v>17</v>
      </c>
      <c r="HY23" s="104">
        <v>22</v>
      </c>
      <c r="HZ23" s="101">
        <v>10</v>
      </c>
      <c r="IA23" s="102">
        <v>5</v>
      </c>
      <c r="IB23" s="103">
        <v>15</v>
      </c>
      <c r="IC23" s="413">
        <v>0</v>
      </c>
      <c r="ID23" s="102">
        <v>17</v>
      </c>
      <c r="IE23" s="102">
        <v>7</v>
      </c>
      <c r="IF23" s="102">
        <v>11</v>
      </c>
      <c r="IG23" s="102">
        <v>3</v>
      </c>
      <c r="IH23" s="102">
        <v>1</v>
      </c>
      <c r="II23" s="103">
        <v>39</v>
      </c>
      <c r="IJ23" s="104">
        <v>54</v>
      </c>
      <c r="IK23" s="101">
        <v>20</v>
      </c>
      <c r="IL23" s="102">
        <v>15</v>
      </c>
      <c r="IM23" s="103">
        <v>35</v>
      </c>
      <c r="IN23" s="413">
        <v>0</v>
      </c>
      <c r="IO23" s="102">
        <v>41</v>
      </c>
      <c r="IP23" s="102">
        <v>18</v>
      </c>
      <c r="IQ23" s="102">
        <v>13</v>
      </c>
      <c r="IR23" s="102">
        <v>8</v>
      </c>
      <c r="IS23" s="102">
        <v>8</v>
      </c>
      <c r="IT23" s="103">
        <v>88</v>
      </c>
      <c r="IU23" s="104">
        <v>123</v>
      </c>
      <c r="IV23" s="101">
        <v>22</v>
      </c>
      <c r="IW23" s="102">
        <v>22</v>
      </c>
      <c r="IX23" s="103">
        <v>44</v>
      </c>
      <c r="IY23" s="413">
        <v>0</v>
      </c>
      <c r="IZ23" s="102">
        <v>52</v>
      </c>
      <c r="JA23" s="102">
        <v>28</v>
      </c>
      <c r="JB23" s="102">
        <v>17</v>
      </c>
      <c r="JC23" s="102">
        <v>13</v>
      </c>
      <c r="JD23" s="102">
        <v>9</v>
      </c>
      <c r="JE23" s="103">
        <v>119</v>
      </c>
      <c r="JF23" s="104">
        <v>163</v>
      </c>
      <c r="JG23" s="101">
        <v>17</v>
      </c>
      <c r="JH23" s="102">
        <v>20</v>
      </c>
      <c r="JI23" s="103">
        <v>37</v>
      </c>
      <c r="JJ23" s="413">
        <v>0</v>
      </c>
      <c r="JK23" s="102">
        <v>36</v>
      </c>
      <c r="JL23" s="102">
        <v>29</v>
      </c>
      <c r="JM23" s="102">
        <v>15</v>
      </c>
      <c r="JN23" s="102">
        <v>10</v>
      </c>
      <c r="JO23" s="102">
        <v>5</v>
      </c>
      <c r="JP23" s="103">
        <v>95</v>
      </c>
      <c r="JQ23" s="104">
        <v>132</v>
      </c>
      <c r="JR23" s="101">
        <v>0</v>
      </c>
      <c r="JS23" s="102">
        <v>0</v>
      </c>
      <c r="JT23" s="103">
        <v>0</v>
      </c>
      <c r="JU23" s="413">
        <v>0</v>
      </c>
      <c r="JV23" s="102">
        <v>0</v>
      </c>
      <c r="JW23" s="102">
        <v>0</v>
      </c>
      <c r="JX23" s="102">
        <v>0</v>
      </c>
      <c r="JY23" s="102">
        <v>0</v>
      </c>
      <c r="JZ23" s="102">
        <v>0</v>
      </c>
      <c r="KA23" s="103">
        <v>0</v>
      </c>
      <c r="KB23" s="104">
        <v>0</v>
      </c>
      <c r="KC23" s="101">
        <v>73</v>
      </c>
      <c r="KD23" s="102">
        <v>66</v>
      </c>
      <c r="KE23" s="103">
        <v>139</v>
      </c>
      <c r="KF23" s="413">
        <v>0</v>
      </c>
      <c r="KG23" s="102">
        <v>157</v>
      </c>
      <c r="KH23" s="102">
        <v>86</v>
      </c>
      <c r="KI23" s="102">
        <v>61</v>
      </c>
      <c r="KJ23" s="102">
        <v>38</v>
      </c>
      <c r="KK23" s="102">
        <v>23</v>
      </c>
      <c r="KL23" s="103">
        <v>365</v>
      </c>
      <c r="KM23" s="104">
        <v>504</v>
      </c>
    </row>
    <row r="24" spans="2:299" s="70" customFormat="1" ht="21" customHeight="1" x14ac:dyDescent="0.2">
      <c r="B24" s="106" t="s">
        <v>21</v>
      </c>
      <c r="C24" s="96">
        <v>48</v>
      </c>
      <c r="D24" s="97">
        <v>55</v>
      </c>
      <c r="E24" s="98">
        <v>103</v>
      </c>
      <c r="F24" s="413">
        <v>0</v>
      </c>
      <c r="G24" s="97">
        <v>78</v>
      </c>
      <c r="H24" s="97">
        <v>64</v>
      </c>
      <c r="I24" s="97">
        <v>34</v>
      </c>
      <c r="J24" s="97">
        <v>21</v>
      </c>
      <c r="K24" s="97">
        <v>20</v>
      </c>
      <c r="L24" s="99">
        <v>217</v>
      </c>
      <c r="M24" s="100">
        <v>320</v>
      </c>
      <c r="N24" s="101">
        <v>1</v>
      </c>
      <c r="O24" s="102">
        <v>0</v>
      </c>
      <c r="P24" s="103">
        <v>1</v>
      </c>
      <c r="Q24" s="413">
        <v>0</v>
      </c>
      <c r="R24" s="102">
        <v>2</v>
      </c>
      <c r="S24" s="102">
        <v>3</v>
      </c>
      <c r="T24" s="102">
        <v>1</v>
      </c>
      <c r="U24" s="102">
        <v>0</v>
      </c>
      <c r="V24" s="102">
        <v>3</v>
      </c>
      <c r="W24" s="103">
        <v>9</v>
      </c>
      <c r="X24" s="104">
        <v>10</v>
      </c>
      <c r="Y24" s="101">
        <v>2</v>
      </c>
      <c r="Z24" s="102">
        <v>2</v>
      </c>
      <c r="AA24" s="103">
        <v>4</v>
      </c>
      <c r="AB24" s="413">
        <v>0</v>
      </c>
      <c r="AC24" s="102">
        <v>2</v>
      </c>
      <c r="AD24" s="102">
        <v>3</v>
      </c>
      <c r="AE24" s="102">
        <v>2</v>
      </c>
      <c r="AF24" s="102">
        <v>0</v>
      </c>
      <c r="AG24" s="102">
        <v>0</v>
      </c>
      <c r="AH24" s="103">
        <v>7</v>
      </c>
      <c r="AI24" s="104">
        <v>11</v>
      </c>
      <c r="AJ24" s="101">
        <v>5</v>
      </c>
      <c r="AK24" s="102">
        <v>7</v>
      </c>
      <c r="AL24" s="103">
        <v>12</v>
      </c>
      <c r="AM24" s="413">
        <v>0</v>
      </c>
      <c r="AN24" s="102">
        <v>10</v>
      </c>
      <c r="AO24" s="102">
        <v>6</v>
      </c>
      <c r="AP24" s="102">
        <v>3</v>
      </c>
      <c r="AQ24" s="102">
        <v>3</v>
      </c>
      <c r="AR24" s="102">
        <v>0</v>
      </c>
      <c r="AS24" s="103">
        <v>22</v>
      </c>
      <c r="AT24" s="104">
        <v>34</v>
      </c>
      <c r="AU24" s="101">
        <v>9</v>
      </c>
      <c r="AV24" s="102">
        <v>11</v>
      </c>
      <c r="AW24" s="103">
        <v>20</v>
      </c>
      <c r="AX24" s="413">
        <v>0</v>
      </c>
      <c r="AY24" s="102">
        <v>15</v>
      </c>
      <c r="AZ24" s="102">
        <v>15</v>
      </c>
      <c r="BA24" s="102">
        <v>9</v>
      </c>
      <c r="BB24" s="102">
        <v>6</v>
      </c>
      <c r="BC24" s="102">
        <v>4</v>
      </c>
      <c r="BD24" s="103">
        <v>49</v>
      </c>
      <c r="BE24" s="104">
        <v>69</v>
      </c>
      <c r="BF24" s="101">
        <v>16</v>
      </c>
      <c r="BG24" s="102">
        <v>17</v>
      </c>
      <c r="BH24" s="103">
        <v>33</v>
      </c>
      <c r="BI24" s="413">
        <v>0</v>
      </c>
      <c r="BJ24" s="102">
        <v>26</v>
      </c>
      <c r="BK24" s="102">
        <v>17</v>
      </c>
      <c r="BL24" s="102">
        <v>10</v>
      </c>
      <c r="BM24" s="102">
        <v>6</v>
      </c>
      <c r="BN24" s="102">
        <v>4</v>
      </c>
      <c r="BO24" s="103">
        <v>63</v>
      </c>
      <c r="BP24" s="104">
        <v>96</v>
      </c>
      <c r="BQ24" s="101">
        <v>15</v>
      </c>
      <c r="BR24" s="102">
        <v>18</v>
      </c>
      <c r="BS24" s="103">
        <v>33</v>
      </c>
      <c r="BT24" s="413">
        <v>0</v>
      </c>
      <c r="BU24" s="102">
        <v>23</v>
      </c>
      <c r="BV24" s="102">
        <v>20</v>
      </c>
      <c r="BW24" s="102">
        <v>9</v>
      </c>
      <c r="BX24" s="102">
        <v>6</v>
      </c>
      <c r="BY24" s="102">
        <v>9</v>
      </c>
      <c r="BZ24" s="103">
        <v>67</v>
      </c>
      <c r="CA24" s="104">
        <v>100</v>
      </c>
      <c r="CB24" s="101">
        <v>0</v>
      </c>
      <c r="CC24" s="102">
        <v>0</v>
      </c>
      <c r="CD24" s="103">
        <v>0</v>
      </c>
      <c r="CE24" s="413">
        <v>0</v>
      </c>
      <c r="CF24" s="102">
        <v>0</v>
      </c>
      <c r="CG24" s="102">
        <v>0</v>
      </c>
      <c r="CH24" s="102">
        <v>0</v>
      </c>
      <c r="CI24" s="102">
        <v>0</v>
      </c>
      <c r="CJ24" s="102">
        <v>0</v>
      </c>
      <c r="CK24" s="103">
        <v>0</v>
      </c>
      <c r="CL24" s="104">
        <v>0</v>
      </c>
      <c r="CM24" s="101">
        <v>48</v>
      </c>
      <c r="CN24" s="102">
        <v>55</v>
      </c>
      <c r="CO24" s="103">
        <v>103</v>
      </c>
      <c r="CP24" s="413">
        <v>0</v>
      </c>
      <c r="CQ24" s="102">
        <v>78</v>
      </c>
      <c r="CR24" s="102">
        <v>64</v>
      </c>
      <c r="CS24" s="102">
        <v>34</v>
      </c>
      <c r="CT24" s="102">
        <v>21</v>
      </c>
      <c r="CU24" s="102">
        <v>20</v>
      </c>
      <c r="CV24" s="103">
        <v>217</v>
      </c>
      <c r="CW24" s="104">
        <v>320</v>
      </c>
      <c r="CX24" s="105">
        <v>7</v>
      </c>
      <c r="CY24" s="97">
        <v>4</v>
      </c>
      <c r="CZ24" s="98">
        <v>11</v>
      </c>
      <c r="DA24" s="413">
        <v>0</v>
      </c>
      <c r="DB24" s="97">
        <v>11</v>
      </c>
      <c r="DC24" s="97">
        <v>8</v>
      </c>
      <c r="DD24" s="97">
        <v>5</v>
      </c>
      <c r="DE24" s="97">
        <v>6</v>
      </c>
      <c r="DF24" s="97">
        <v>4</v>
      </c>
      <c r="DG24" s="99">
        <v>34</v>
      </c>
      <c r="DH24" s="100">
        <v>45</v>
      </c>
      <c r="DI24" s="101">
        <v>0</v>
      </c>
      <c r="DJ24" s="102">
        <v>0</v>
      </c>
      <c r="DK24" s="103">
        <v>0</v>
      </c>
      <c r="DL24" s="413">
        <v>0</v>
      </c>
      <c r="DM24" s="102">
        <v>1</v>
      </c>
      <c r="DN24" s="102">
        <v>0</v>
      </c>
      <c r="DO24" s="102">
        <v>0</v>
      </c>
      <c r="DP24" s="102">
        <v>0</v>
      </c>
      <c r="DQ24" s="102">
        <v>0</v>
      </c>
      <c r="DR24" s="103">
        <v>1</v>
      </c>
      <c r="DS24" s="104">
        <v>1</v>
      </c>
      <c r="DT24" s="101">
        <v>1</v>
      </c>
      <c r="DU24" s="102">
        <v>0</v>
      </c>
      <c r="DV24" s="103">
        <v>1</v>
      </c>
      <c r="DW24" s="413">
        <v>0</v>
      </c>
      <c r="DX24" s="102">
        <v>0</v>
      </c>
      <c r="DY24" s="102">
        <v>1</v>
      </c>
      <c r="DZ24" s="102">
        <v>0</v>
      </c>
      <c r="EA24" s="102">
        <v>0</v>
      </c>
      <c r="EB24" s="102">
        <v>0</v>
      </c>
      <c r="EC24" s="103">
        <v>1</v>
      </c>
      <c r="ED24" s="104">
        <v>2</v>
      </c>
      <c r="EE24" s="101">
        <v>0</v>
      </c>
      <c r="EF24" s="102">
        <v>0</v>
      </c>
      <c r="EG24" s="103">
        <v>0</v>
      </c>
      <c r="EH24" s="413">
        <v>0</v>
      </c>
      <c r="EI24" s="102">
        <v>0</v>
      </c>
      <c r="EJ24" s="102">
        <v>0</v>
      </c>
      <c r="EK24" s="102">
        <v>0</v>
      </c>
      <c r="EL24" s="102">
        <v>0</v>
      </c>
      <c r="EM24" s="102">
        <v>0</v>
      </c>
      <c r="EN24" s="103">
        <v>0</v>
      </c>
      <c r="EO24" s="104">
        <v>0</v>
      </c>
      <c r="EP24" s="101">
        <v>2</v>
      </c>
      <c r="EQ24" s="102">
        <v>2</v>
      </c>
      <c r="ER24" s="103">
        <v>4</v>
      </c>
      <c r="ES24" s="413">
        <v>0</v>
      </c>
      <c r="ET24" s="102">
        <v>2</v>
      </c>
      <c r="EU24" s="102">
        <v>1</v>
      </c>
      <c r="EV24" s="102">
        <v>1</v>
      </c>
      <c r="EW24" s="102">
        <v>0</v>
      </c>
      <c r="EX24" s="102">
        <v>1</v>
      </c>
      <c r="EY24" s="103">
        <v>5</v>
      </c>
      <c r="EZ24" s="104">
        <v>9</v>
      </c>
      <c r="FA24" s="101">
        <v>3</v>
      </c>
      <c r="FB24" s="102">
        <v>1</v>
      </c>
      <c r="FC24" s="103">
        <v>4</v>
      </c>
      <c r="FD24" s="413">
        <v>0</v>
      </c>
      <c r="FE24" s="102">
        <v>6</v>
      </c>
      <c r="FF24" s="102">
        <v>2</v>
      </c>
      <c r="FG24" s="102">
        <v>1</v>
      </c>
      <c r="FH24" s="102">
        <v>2</v>
      </c>
      <c r="FI24" s="102">
        <v>2</v>
      </c>
      <c r="FJ24" s="103">
        <v>13</v>
      </c>
      <c r="FK24" s="104">
        <v>17</v>
      </c>
      <c r="FL24" s="101">
        <v>1</v>
      </c>
      <c r="FM24" s="102">
        <v>1</v>
      </c>
      <c r="FN24" s="103">
        <v>2</v>
      </c>
      <c r="FO24" s="413">
        <v>0</v>
      </c>
      <c r="FP24" s="102">
        <v>2</v>
      </c>
      <c r="FQ24" s="102">
        <v>4</v>
      </c>
      <c r="FR24" s="102">
        <v>3</v>
      </c>
      <c r="FS24" s="102">
        <v>4</v>
      </c>
      <c r="FT24" s="102">
        <v>1</v>
      </c>
      <c r="FU24" s="103">
        <v>14</v>
      </c>
      <c r="FV24" s="104">
        <v>16</v>
      </c>
      <c r="FW24" s="101">
        <v>0</v>
      </c>
      <c r="FX24" s="102">
        <v>0</v>
      </c>
      <c r="FY24" s="103">
        <v>0</v>
      </c>
      <c r="FZ24" s="413">
        <v>0</v>
      </c>
      <c r="GA24" s="102">
        <v>0</v>
      </c>
      <c r="GB24" s="102">
        <v>0</v>
      </c>
      <c r="GC24" s="102">
        <v>0</v>
      </c>
      <c r="GD24" s="102">
        <v>0</v>
      </c>
      <c r="GE24" s="102">
        <v>0</v>
      </c>
      <c r="GF24" s="103">
        <v>0</v>
      </c>
      <c r="GG24" s="104">
        <v>0</v>
      </c>
      <c r="GH24" s="101">
        <v>7</v>
      </c>
      <c r="GI24" s="102">
        <v>4</v>
      </c>
      <c r="GJ24" s="103">
        <v>11</v>
      </c>
      <c r="GK24" s="413">
        <v>0</v>
      </c>
      <c r="GL24" s="102">
        <v>11</v>
      </c>
      <c r="GM24" s="102">
        <v>8</v>
      </c>
      <c r="GN24" s="102">
        <v>5</v>
      </c>
      <c r="GO24" s="102">
        <v>6</v>
      </c>
      <c r="GP24" s="102">
        <v>4</v>
      </c>
      <c r="GQ24" s="103">
        <v>34</v>
      </c>
      <c r="GR24" s="104">
        <v>45</v>
      </c>
      <c r="GS24" s="105">
        <v>55</v>
      </c>
      <c r="GT24" s="97">
        <v>59</v>
      </c>
      <c r="GU24" s="98">
        <v>114</v>
      </c>
      <c r="GV24" s="413">
        <v>0</v>
      </c>
      <c r="GW24" s="97">
        <v>89</v>
      </c>
      <c r="GX24" s="97">
        <v>72</v>
      </c>
      <c r="GY24" s="97">
        <v>39</v>
      </c>
      <c r="GZ24" s="97">
        <v>27</v>
      </c>
      <c r="HA24" s="97">
        <v>24</v>
      </c>
      <c r="HB24" s="99">
        <v>251</v>
      </c>
      <c r="HC24" s="100">
        <v>365</v>
      </c>
      <c r="HD24" s="101">
        <v>1</v>
      </c>
      <c r="HE24" s="102">
        <v>0</v>
      </c>
      <c r="HF24" s="103">
        <v>1</v>
      </c>
      <c r="HG24" s="413">
        <v>0</v>
      </c>
      <c r="HH24" s="102">
        <v>3</v>
      </c>
      <c r="HI24" s="102">
        <v>3</v>
      </c>
      <c r="HJ24" s="102">
        <v>1</v>
      </c>
      <c r="HK24" s="102">
        <v>0</v>
      </c>
      <c r="HL24" s="102">
        <v>3</v>
      </c>
      <c r="HM24" s="103">
        <v>10</v>
      </c>
      <c r="HN24" s="104">
        <v>11</v>
      </c>
      <c r="HO24" s="101">
        <v>3</v>
      </c>
      <c r="HP24" s="102">
        <v>2</v>
      </c>
      <c r="HQ24" s="103">
        <v>5</v>
      </c>
      <c r="HR24" s="413">
        <v>0</v>
      </c>
      <c r="HS24" s="102">
        <v>2</v>
      </c>
      <c r="HT24" s="102">
        <v>4</v>
      </c>
      <c r="HU24" s="102">
        <v>2</v>
      </c>
      <c r="HV24" s="102">
        <v>0</v>
      </c>
      <c r="HW24" s="102">
        <v>0</v>
      </c>
      <c r="HX24" s="103">
        <v>8</v>
      </c>
      <c r="HY24" s="104">
        <v>13</v>
      </c>
      <c r="HZ24" s="101">
        <v>5</v>
      </c>
      <c r="IA24" s="102">
        <v>7</v>
      </c>
      <c r="IB24" s="103">
        <v>12</v>
      </c>
      <c r="IC24" s="413">
        <v>0</v>
      </c>
      <c r="ID24" s="102">
        <v>10</v>
      </c>
      <c r="IE24" s="102">
        <v>6</v>
      </c>
      <c r="IF24" s="102">
        <v>3</v>
      </c>
      <c r="IG24" s="102">
        <v>3</v>
      </c>
      <c r="IH24" s="102">
        <v>0</v>
      </c>
      <c r="II24" s="103">
        <v>22</v>
      </c>
      <c r="IJ24" s="104">
        <v>34</v>
      </c>
      <c r="IK24" s="101">
        <v>11</v>
      </c>
      <c r="IL24" s="102">
        <v>13</v>
      </c>
      <c r="IM24" s="103">
        <v>24</v>
      </c>
      <c r="IN24" s="413">
        <v>0</v>
      </c>
      <c r="IO24" s="102">
        <v>17</v>
      </c>
      <c r="IP24" s="102">
        <v>16</v>
      </c>
      <c r="IQ24" s="102">
        <v>10</v>
      </c>
      <c r="IR24" s="102">
        <v>6</v>
      </c>
      <c r="IS24" s="102">
        <v>5</v>
      </c>
      <c r="IT24" s="103">
        <v>54</v>
      </c>
      <c r="IU24" s="104">
        <v>78</v>
      </c>
      <c r="IV24" s="101">
        <v>19</v>
      </c>
      <c r="IW24" s="102">
        <v>18</v>
      </c>
      <c r="IX24" s="103">
        <v>37</v>
      </c>
      <c r="IY24" s="413">
        <v>0</v>
      </c>
      <c r="IZ24" s="102">
        <v>32</v>
      </c>
      <c r="JA24" s="102">
        <v>19</v>
      </c>
      <c r="JB24" s="102">
        <v>11</v>
      </c>
      <c r="JC24" s="102">
        <v>8</v>
      </c>
      <c r="JD24" s="102">
        <v>6</v>
      </c>
      <c r="JE24" s="103">
        <v>76</v>
      </c>
      <c r="JF24" s="104">
        <v>113</v>
      </c>
      <c r="JG24" s="101">
        <v>16</v>
      </c>
      <c r="JH24" s="102">
        <v>19</v>
      </c>
      <c r="JI24" s="103">
        <v>35</v>
      </c>
      <c r="JJ24" s="413">
        <v>0</v>
      </c>
      <c r="JK24" s="102">
        <v>25</v>
      </c>
      <c r="JL24" s="102">
        <v>24</v>
      </c>
      <c r="JM24" s="102">
        <v>12</v>
      </c>
      <c r="JN24" s="102">
        <v>10</v>
      </c>
      <c r="JO24" s="102">
        <v>10</v>
      </c>
      <c r="JP24" s="103">
        <v>81</v>
      </c>
      <c r="JQ24" s="104">
        <v>116</v>
      </c>
      <c r="JR24" s="101">
        <v>0</v>
      </c>
      <c r="JS24" s="102">
        <v>0</v>
      </c>
      <c r="JT24" s="103">
        <v>0</v>
      </c>
      <c r="JU24" s="413">
        <v>0</v>
      </c>
      <c r="JV24" s="102">
        <v>0</v>
      </c>
      <c r="JW24" s="102">
        <v>0</v>
      </c>
      <c r="JX24" s="102">
        <v>0</v>
      </c>
      <c r="JY24" s="102">
        <v>0</v>
      </c>
      <c r="JZ24" s="102">
        <v>0</v>
      </c>
      <c r="KA24" s="103">
        <v>0</v>
      </c>
      <c r="KB24" s="104">
        <v>0</v>
      </c>
      <c r="KC24" s="101">
        <v>55</v>
      </c>
      <c r="KD24" s="102">
        <v>59</v>
      </c>
      <c r="KE24" s="103">
        <v>114</v>
      </c>
      <c r="KF24" s="413">
        <v>0</v>
      </c>
      <c r="KG24" s="102">
        <v>89</v>
      </c>
      <c r="KH24" s="102">
        <v>72</v>
      </c>
      <c r="KI24" s="102">
        <v>39</v>
      </c>
      <c r="KJ24" s="102">
        <v>27</v>
      </c>
      <c r="KK24" s="102">
        <v>24</v>
      </c>
      <c r="KL24" s="103">
        <v>251</v>
      </c>
      <c r="KM24" s="104">
        <v>365</v>
      </c>
    </row>
    <row r="25" spans="2:299" s="70" customFormat="1" ht="21" customHeight="1" x14ac:dyDescent="0.2">
      <c r="B25" s="106" t="s">
        <v>22</v>
      </c>
      <c r="C25" s="96">
        <v>16</v>
      </c>
      <c r="D25" s="97">
        <v>13</v>
      </c>
      <c r="E25" s="98">
        <v>29</v>
      </c>
      <c r="F25" s="413">
        <v>0</v>
      </c>
      <c r="G25" s="97">
        <v>48</v>
      </c>
      <c r="H25" s="97">
        <v>25</v>
      </c>
      <c r="I25" s="97">
        <v>23</v>
      </c>
      <c r="J25" s="97">
        <v>20</v>
      </c>
      <c r="K25" s="97">
        <v>8</v>
      </c>
      <c r="L25" s="99">
        <v>124</v>
      </c>
      <c r="M25" s="100">
        <v>153</v>
      </c>
      <c r="N25" s="101">
        <v>0</v>
      </c>
      <c r="O25" s="102">
        <v>0</v>
      </c>
      <c r="P25" s="103">
        <v>0</v>
      </c>
      <c r="Q25" s="413">
        <v>0</v>
      </c>
      <c r="R25" s="102">
        <v>0</v>
      </c>
      <c r="S25" s="102">
        <v>0</v>
      </c>
      <c r="T25" s="102">
        <v>0</v>
      </c>
      <c r="U25" s="102">
        <v>0</v>
      </c>
      <c r="V25" s="102">
        <v>0</v>
      </c>
      <c r="W25" s="103">
        <v>0</v>
      </c>
      <c r="X25" s="104">
        <v>0</v>
      </c>
      <c r="Y25" s="101">
        <v>0</v>
      </c>
      <c r="Z25" s="102">
        <v>0</v>
      </c>
      <c r="AA25" s="103">
        <v>0</v>
      </c>
      <c r="AB25" s="413">
        <v>0</v>
      </c>
      <c r="AC25" s="102">
        <v>0</v>
      </c>
      <c r="AD25" s="102">
        <v>0</v>
      </c>
      <c r="AE25" s="102">
        <v>1</v>
      </c>
      <c r="AF25" s="102">
        <v>0</v>
      </c>
      <c r="AG25" s="102">
        <v>1</v>
      </c>
      <c r="AH25" s="103">
        <v>2</v>
      </c>
      <c r="AI25" s="104">
        <v>2</v>
      </c>
      <c r="AJ25" s="101">
        <v>0</v>
      </c>
      <c r="AK25" s="102">
        <v>0</v>
      </c>
      <c r="AL25" s="103">
        <v>0</v>
      </c>
      <c r="AM25" s="413">
        <v>0</v>
      </c>
      <c r="AN25" s="102">
        <v>5</v>
      </c>
      <c r="AO25" s="102">
        <v>2</v>
      </c>
      <c r="AP25" s="102">
        <v>2</v>
      </c>
      <c r="AQ25" s="102">
        <v>1</v>
      </c>
      <c r="AR25" s="102">
        <v>1</v>
      </c>
      <c r="AS25" s="103">
        <v>11</v>
      </c>
      <c r="AT25" s="104">
        <v>11</v>
      </c>
      <c r="AU25" s="101">
        <v>1</v>
      </c>
      <c r="AV25" s="102">
        <v>3</v>
      </c>
      <c r="AW25" s="103">
        <v>4</v>
      </c>
      <c r="AX25" s="413">
        <v>0</v>
      </c>
      <c r="AY25" s="102">
        <v>10</v>
      </c>
      <c r="AZ25" s="102">
        <v>5</v>
      </c>
      <c r="BA25" s="102">
        <v>5</v>
      </c>
      <c r="BB25" s="102">
        <v>1</v>
      </c>
      <c r="BC25" s="102">
        <v>2</v>
      </c>
      <c r="BD25" s="103">
        <v>23</v>
      </c>
      <c r="BE25" s="104">
        <v>27</v>
      </c>
      <c r="BF25" s="101">
        <v>11</v>
      </c>
      <c r="BG25" s="102">
        <v>6</v>
      </c>
      <c r="BH25" s="103">
        <v>17</v>
      </c>
      <c r="BI25" s="413">
        <v>0</v>
      </c>
      <c r="BJ25" s="102">
        <v>16</v>
      </c>
      <c r="BK25" s="102">
        <v>7</v>
      </c>
      <c r="BL25" s="102">
        <v>6</v>
      </c>
      <c r="BM25" s="102">
        <v>10</v>
      </c>
      <c r="BN25" s="102">
        <v>1</v>
      </c>
      <c r="BO25" s="103">
        <v>40</v>
      </c>
      <c r="BP25" s="104">
        <v>57</v>
      </c>
      <c r="BQ25" s="101">
        <v>4</v>
      </c>
      <c r="BR25" s="102">
        <v>4</v>
      </c>
      <c r="BS25" s="103">
        <v>8</v>
      </c>
      <c r="BT25" s="413">
        <v>0</v>
      </c>
      <c r="BU25" s="102">
        <v>17</v>
      </c>
      <c r="BV25" s="102">
        <v>11</v>
      </c>
      <c r="BW25" s="102">
        <v>9</v>
      </c>
      <c r="BX25" s="102">
        <v>8</v>
      </c>
      <c r="BY25" s="102">
        <v>3</v>
      </c>
      <c r="BZ25" s="103">
        <v>48</v>
      </c>
      <c r="CA25" s="104">
        <v>56</v>
      </c>
      <c r="CB25" s="101">
        <v>0</v>
      </c>
      <c r="CC25" s="102">
        <v>0</v>
      </c>
      <c r="CD25" s="103">
        <v>0</v>
      </c>
      <c r="CE25" s="413">
        <v>0</v>
      </c>
      <c r="CF25" s="102">
        <v>0</v>
      </c>
      <c r="CG25" s="102">
        <v>0</v>
      </c>
      <c r="CH25" s="102">
        <v>0</v>
      </c>
      <c r="CI25" s="102">
        <v>0</v>
      </c>
      <c r="CJ25" s="102">
        <v>0</v>
      </c>
      <c r="CK25" s="103">
        <v>0</v>
      </c>
      <c r="CL25" s="104">
        <v>0</v>
      </c>
      <c r="CM25" s="101">
        <v>16</v>
      </c>
      <c r="CN25" s="102">
        <v>13</v>
      </c>
      <c r="CO25" s="103">
        <v>29</v>
      </c>
      <c r="CP25" s="413">
        <v>0</v>
      </c>
      <c r="CQ25" s="102">
        <v>48</v>
      </c>
      <c r="CR25" s="102">
        <v>25</v>
      </c>
      <c r="CS25" s="102">
        <v>23</v>
      </c>
      <c r="CT25" s="102">
        <v>20</v>
      </c>
      <c r="CU25" s="102">
        <v>8</v>
      </c>
      <c r="CV25" s="103">
        <v>124</v>
      </c>
      <c r="CW25" s="104">
        <v>153</v>
      </c>
      <c r="CX25" s="105">
        <v>1</v>
      </c>
      <c r="CY25" s="97">
        <v>2</v>
      </c>
      <c r="CZ25" s="98">
        <v>3</v>
      </c>
      <c r="DA25" s="413">
        <v>0</v>
      </c>
      <c r="DB25" s="97">
        <v>7</v>
      </c>
      <c r="DC25" s="97">
        <v>6</v>
      </c>
      <c r="DD25" s="97">
        <v>6</v>
      </c>
      <c r="DE25" s="97">
        <v>3</v>
      </c>
      <c r="DF25" s="97">
        <v>0</v>
      </c>
      <c r="DG25" s="99">
        <v>22</v>
      </c>
      <c r="DH25" s="100">
        <v>25</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0</v>
      </c>
      <c r="EA25" s="102">
        <v>0</v>
      </c>
      <c r="EB25" s="102">
        <v>0</v>
      </c>
      <c r="EC25" s="103">
        <v>0</v>
      </c>
      <c r="ED25" s="104">
        <v>1</v>
      </c>
      <c r="EE25" s="101">
        <v>0</v>
      </c>
      <c r="EF25" s="102">
        <v>0</v>
      </c>
      <c r="EG25" s="103">
        <v>0</v>
      </c>
      <c r="EH25" s="413">
        <v>0</v>
      </c>
      <c r="EI25" s="102">
        <v>0</v>
      </c>
      <c r="EJ25" s="102">
        <v>0</v>
      </c>
      <c r="EK25" s="102">
        <v>1</v>
      </c>
      <c r="EL25" s="102">
        <v>0</v>
      </c>
      <c r="EM25" s="102">
        <v>0</v>
      </c>
      <c r="EN25" s="103">
        <v>1</v>
      </c>
      <c r="EO25" s="104">
        <v>1</v>
      </c>
      <c r="EP25" s="101">
        <v>0</v>
      </c>
      <c r="EQ25" s="102">
        <v>1</v>
      </c>
      <c r="ER25" s="103">
        <v>1</v>
      </c>
      <c r="ES25" s="413">
        <v>0</v>
      </c>
      <c r="ET25" s="102">
        <v>1</v>
      </c>
      <c r="EU25" s="102">
        <v>2</v>
      </c>
      <c r="EV25" s="102">
        <v>1</v>
      </c>
      <c r="EW25" s="102">
        <v>0</v>
      </c>
      <c r="EX25" s="102">
        <v>0</v>
      </c>
      <c r="EY25" s="103">
        <v>4</v>
      </c>
      <c r="EZ25" s="104">
        <v>5</v>
      </c>
      <c r="FA25" s="101">
        <v>1</v>
      </c>
      <c r="FB25" s="102">
        <v>0</v>
      </c>
      <c r="FC25" s="103">
        <v>1</v>
      </c>
      <c r="FD25" s="413">
        <v>0</v>
      </c>
      <c r="FE25" s="102">
        <v>2</v>
      </c>
      <c r="FF25" s="102">
        <v>3</v>
      </c>
      <c r="FG25" s="102">
        <v>0</v>
      </c>
      <c r="FH25" s="102">
        <v>0</v>
      </c>
      <c r="FI25" s="102">
        <v>0</v>
      </c>
      <c r="FJ25" s="103">
        <v>5</v>
      </c>
      <c r="FK25" s="104">
        <v>6</v>
      </c>
      <c r="FL25" s="101">
        <v>0</v>
      </c>
      <c r="FM25" s="102">
        <v>0</v>
      </c>
      <c r="FN25" s="103">
        <v>0</v>
      </c>
      <c r="FO25" s="413">
        <v>0</v>
      </c>
      <c r="FP25" s="102">
        <v>4</v>
      </c>
      <c r="FQ25" s="102">
        <v>1</v>
      </c>
      <c r="FR25" s="102">
        <v>4</v>
      </c>
      <c r="FS25" s="102">
        <v>3</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2</v>
      </c>
      <c r="GJ25" s="103">
        <v>3</v>
      </c>
      <c r="GK25" s="413">
        <v>0</v>
      </c>
      <c r="GL25" s="102">
        <v>7</v>
      </c>
      <c r="GM25" s="102">
        <v>6</v>
      </c>
      <c r="GN25" s="102">
        <v>6</v>
      </c>
      <c r="GO25" s="102">
        <v>3</v>
      </c>
      <c r="GP25" s="102">
        <v>0</v>
      </c>
      <c r="GQ25" s="103">
        <v>22</v>
      </c>
      <c r="GR25" s="104">
        <v>25</v>
      </c>
      <c r="GS25" s="105">
        <v>17</v>
      </c>
      <c r="GT25" s="97">
        <v>15</v>
      </c>
      <c r="GU25" s="98">
        <v>32</v>
      </c>
      <c r="GV25" s="413">
        <v>0</v>
      </c>
      <c r="GW25" s="97">
        <v>55</v>
      </c>
      <c r="GX25" s="97">
        <v>31</v>
      </c>
      <c r="GY25" s="97">
        <v>29</v>
      </c>
      <c r="GZ25" s="97">
        <v>23</v>
      </c>
      <c r="HA25" s="97">
        <v>8</v>
      </c>
      <c r="HB25" s="99">
        <v>146</v>
      </c>
      <c r="HC25" s="100">
        <v>178</v>
      </c>
      <c r="HD25" s="101">
        <v>0</v>
      </c>
      <c r="HE25" s="102">
        <v>0</v>
      </c>
      <c r="HF25" s="103">
        <v>0</v>
      </c>
      <c r="HG25" s="413">
        <v>0</v>
      </c>
      <c r="HH25" s="102">
        <v>0</v>
      </c>
      <c r="HI25" s="102">
        <v>0</v>
      </c>
      <c r="HJ25" s="102">
        <v>0</v>
      </c>
      <c r="HK25" s="102">
        <v>0</v>
      </c>
      <c r="HL25" s="102">
        <v>0</v>
      </c>
      <c r="HM25" s="103">
        <v>0</v>
      </c>
      <c r="HN25" s="104">
        <v>0</v>
      </c>
      <c r="HO25" s="101">
        <v>0</v>
      </c>
      <c r="HP25" s="102">
        <v>1</v>
      </c>
      <c r="HQ25" s="103">
        <v>1</v>
      </c>
      <c r="HR25" s="413">
        <v>0</v>
      </c>
      <c r="HS25" s="102">
        <v>0</v>
      </c>
      <c r="HT25" s="102">
        <v>0</v>
      </c>
      <c r="HU25" s="102">
        <v>1</v>
      </c>
      <c r="HV25" s="102">
        <v>0</v>
      </c>
      <c r="HW25" s="102">
        <v>1</v>
      </c>
      <c r="HX25" s="103">
        <v>2</v>
      </c>
      <c r="HY25" s="104">
        <v>3</v>
      </c>
      <c r="HZ25" s="101">
        <v>0</v>
      </c>
      <c r="IA25" s="102">
        <v>0</v>
      </c>
      <c r="IB25" s="103">
        <v>0</v>
      </c>
      <c r="IC25" s="413">
        <v>0</v>
      </c>
      <c r="ID25" s="102">
        <v>5</v>
      </c>
      <c r="IE25" s="102">
        <v>2</v>
      </c>
      <c r="IF25" s="102">
        <v>3</v>
      </c>
      <c r="IG25" s="102">
        <v>1</v>
      </c>
      <c r="IH25" s="102">
        <v>1</v>
      </c>
      <c r="II25" s="103">
        <v>12</v>
      </c>
      <c r="IJ25" s="104">
        <v>12</v>
      </c>
      <c r="IK25" s="101">
        <v>1</v>
      </c>
      <c r="IL25" s="102">
        <v>4</v>
      </c>
      <c r="IM25" s="103">
        <v>5</v>
      </c>
      <c r="IN25" s="413">
        <v>0</v>
      </c>
      <c r="IO25" s="102">
        <v>11</v>
      </c>
      <c r="IP25" s="102">
        <v>7</v>
      </c>
      <c r="IQ25" s="102">
        <v>6</v>
      </c>
      <c r="IR25" s="102">
        <v>1</v>
      </c>
      <c r="IS25" s="102">
        <v>2</v>
      </c>
      <c r="IT25" s="103">
        <v>27</v>
      </c>
      <c r="IU25" s="104">
        <v>32</v>
      </c>
      <c r="IV25" s="101">
        <v>12</v>
      </c>
      <c r="IW25" s="102">
        <v>6</v>
      </c>
      <c r="IX25" s="103">
        <v>18</v>
      </c>
      <c r="IY25" s="413">
        <v>0</v>
      </c>
      <c r="IZ25" s="102">
        <v>18</v>
      </c>
      <c r="JA25" s="102">
        <v>10</v>
      </c>
      <c r="JB25" s="102">
        <v>6</v>
      </c>
      <c r="JC25" s="102">
        <v>10</v>
      </c>
      <c r="JD25" s="102">
        <v>1</v>
      </c>
      <c r="JE25" s="103">
        <v>45</v>
      </c>
      <c r="JF25" s="104">
        <v>63</v>
      </c>
      <c r="JG25" s="101">
        <v>4</v>
      </c>
      <c r="JH25" s="102">
        <v>4</v>
      </c>
      <c r="JI25" s="103">
        <v>8</v>
      </c>
      <c r="JJ25" s="413">
        <v>0</v>
      </c>
      <c r="JK25" s="102">
        <v>21</v>
      </c>
      <c r="JL25" s="102">
        <v>12</v>
      </c>
      <c r="JM25" s="102">
        <v>13</v>
      </c>
      <c r="JN25" s="102">
        <v>11</v>
      </c>
      <c r="JO25" s="102">
        <v>3</v>
      </c>
      <c r="JP25" s="103">
        <v>60</v>
      </c>
      <c r="JQ25" s="104">
        <v>68</v>
      </c>
      <c r="JR25" s="101">
        <v>0</v>
      </c>
      <c r="JS25" s="102">
        <v>0</v>
      </c>
      <c r="JT25" s="103">
        <v>0</v>
      </c>
      <c r="JU25" s="413">
        <v>0</v>
      </c>
      <c r="JV25" s="102">
        <v>0</v>
      </c>
      <c r="JW25" s="102">
        <v>0</v>
      </c>
      <c r="JX25" s="102">
        <v>0</v>
      </c>
      <c r="JY25" s="102">
        <v>0</v>
      </c>
      <c r="JZ25" s="102">
        <v>0</v>
      </c>
      <c r="KA25" s="103">
        <v>0</v>
      </c>
      <c r="KB25" s="104">
        <v>0</v>
      </c>
      <c r="KC25" s="101">
        <v>17</v>
      </c>
      <c r="KD25" s="102">
        <v>15</v>
      </c>
      <c r="KE25" s="103">
        <v>32</v>
      </c>
      <c r="KF25" s="413">
        <v>0</v>
      </c>
      <c r="KG25" s="102">
        <v>55</v>
      </c>
      <c r="KH25" s="102">
        <v>31</v>
      </c>
      <c r="KI25" s="102">
        <v>29</v>
      </c>
      <c r="KJ25" s="102">
        <v>23</v>
      </c>
      <c r="KK25" s="102">
        <v>8</v>
      </c>
      <c r="KL25" s="103">
        <v>146</v>
      </c>
      <c r="KM25" s="104">
        <v>178</v>
      </c>
    </row>
    <row r="26" spans="2:299" s="70" customFormat="1" ht="21" customHeight="1" x14ac:dyDescent="0.2">
      <c r="B26" s="106" t="s">
        <v>23</v>
      </c>
      <c r="C26" s="96">
        <v>40</v>
      </c>
      <c r="D26" s="97">
        <v>33</v>
      </c>
      <c r="E26" s="98">
        <v>73</v>
      </c>
      <c r="F26" s="413">
        <v>0</v>
      </c>
      <c r="G26" s="97">
        <v>49</v>
      </c>
      <c r="H26" s="97">
        <v>38</v>
      </c>
      <c r="I26" s="97">
        <v>23</v>
      </c>
      <c r="J26" s="97">
        <v>20</v>
      </c>
      <c r="K26" s="97">
        <v>15</v>
      </c>
      <c r="L26" s="99">
        <v>145</v>
      </c>
      <c r="M26" s="100">
        <v>218</v>
      </c>
      <c r="N26" s="101">
        <v>0</v>
      </c>
      <c r="O26" s="102">
        <v>2</v>
      </c>
      <c r="P26" s="103">
        <v>2</v>
      </c>
      <c r="Q26" s="413">
        <v>0</v>
      </c>
      <c r="R26" s="102">
        <v>0</v>
      </c>
      <c r="S26" s="102">
        <v>3</v>
      </c>
      <c r="T26" s="102">
        <v>2</v>
      </c>
      <c r="U26" s="102">
        <v>1</v>
      </c>
      <c r="V26" s="102">
        <v>0</v>
      </c>
      <c r="W26" s="103">
        <v>6</v>
      </c>
      <c r="X26" s="104">
        <v>8</v>
      </c>
      <c r="Y26" s="101">
        <v>0</v>
      </c>
      <c r="Z26" s="102">
        <v>1</v>
      </c>
      <c r="AA26" s="103">
        <v>1</v>
      </c>
      <c r="AB26" s="413">
        <v>0</v>
      </c>
      <c r="AC26" s="102">
        <v>0</v>
      </c>
      <c r="AD26" s="102">
        <v>2</v>
      </c>
      <c r="AE26" s="102">
        <v>0</v>
      </c>
      <c r="AF26" s="102">
        <v>0</v>
      </c>
      <c r="AG26" s="102">
        <v>1</v>
      </c>
      <c r="AH26" s="103">
        <v>3</v>
      </c>
      <c r="AI26" s="104">
        <v>4</v>
      </c>
      <c r="AJ26" s="101">
        <v>5</v>
      </c>
      <c r="AK26" s="102">
        <v>4</v>
      </c>
      <c r="AL26" s="103">
        <v>9</v>
      </c>
      <c r="AM26" s="413">
        <v>0</v>
      </c>
      <c r="AN26" s="102">
        <v>4</v>
      </c>
      <c r="AO26" s="102">
        <v>3</v>
      </c>
      <c r="AP26" s="102">
        <v>0</v>
      </c>
      <c r="AQ26" s="102">
        <v>2</v>
      </c>
      <c r="AR26" s="102">
        <v>3</v>
      </c>
      <c r="AS26" s="103">
        <v>12</v>
      </c>
      <c r="AT26" s="104">
        <v>21</v>
      </c>
      <c r="AU26" s="101">
        <v>10</v>
      </c>
      <c r="AV26" s="102">
        <v>13</v>
      </c>
      <c r="AW26" s="103">
        <v>23</v>
      </c>
      <c r="AX26" s="413">
        <v>0</v>
      </c>
      <c r="AY26" s="102">
        <v>15</v>
      </c>
      <c r="AZ26" s="102">
        <v>12</v>
      </c>
      <c r="BA26" s="102">
        <v>7</v>
      </c>
      <c r="BB26" s="102">
        <v>5</v>
      </c>
      <c r="BC26" s="102">
        <v>6</v>
      </c>
      <c r="BD26" s="103">
        <v>45</v>
      </c>
      <c r="BE26" s="104">
        <v>68</v>
      </c>
      <c r="BF26" s="101">
        <v>15</v>
      </c>
      <c r="BG26" s="102">
        <v>11</v>
      </c>
      <c r="BH26" s="103">
        <v>26</v>
      </c>
      <c r="BI26" s="413">
        <v>0</v>
      </c>
      <c r="BJ26" s="102">
        <v>23</v>
      </c>
      <c r="BK26" s="102">
        <v>8</v>
      </c>
      <c r="BL26" s="102">
        <v>7</v>
      </c>
      <c r="BM26" s="102">
        <v>5</v>
      </c>
      <c r="BN26" s="102">
        <v>4</v>
      </c>
      <c r="BO26" s="103">
        <v>47</v>
      </c>
      <c r="BP26" s="104">
        <v>73</v>
      </c>
      <c r="BQ26" s="101">
        <v>10</v>
      </c>
      <c r="BR26" s="102">
        <v>2</v>
      </c>
      <c r="BS26" s="103">
        <v>12</v>
      </c>
      <c r="BT26" s="413">
        <v>0</v>
      </c>
      <c r="BU26" s="102">
        <v>7</v>
      </c>
      <c r="BV26" s="102">
        <v>10</v>
      </c>
      <c r="BW26" s="102">
        <v>7</v>
      </c>
      <c r="BX26" s="102">
        <v>7</v>
      </c>
      <c r="BY26" s="102">
        <v>1</v>
      </c>
      <c r="BZ26" s="103">
        <v>32</v>
      </c>
      <c r="CA26" s="104">
        <v>44</v>
      </c>
      <c r="CB26" s="101">
        <v>0</v>
      </c>
      <c r="CC26" s="102">
        <v>0</v>
      </c>
      <c r="CD26" s="103">
        <v>0</v>
      </c>
      <c r="CE26" s="413">
        <v>0</v>
      </c>
      <c r="CF26" s="102">
        <v>0</v>
      </c>
      <c r="CG26" s="102">
        <v>0</v>
      </c>
      <c r="CH26" s="102">
        <v>0</v>
      </c>
      <c r="CI26" s="102">
        <v>0</v>
      </c>
      <c r="CJ26" s="102">
        <v>0</v>
      </c>
      <c r="CK26" s="103">
        <v>0</v>
      </c>
      <c r="CL26" s="104">
        <v>0</v>
      </c>
      <c r="CM26" s="101">
        <v>40</v>
      </c>
      <c r="CN26" s="102">
        <v>33</v>
      </c>
      <c r="CO26" s="103">
        <v>73</v>
      </c>
      <c r="CP26" s="413">
        <v>0</v>
      </c>
      <c r="CQ26" s="102">
        <v>49</v>
      </c>
      <c r="CR26" s="102">
        <v>38</v>
      </c>
      <c r="CS26" s="102">
        <v>23</v>
      </c>
      <c r="CT26" s="102">
        <v>20</v>
      </c>
      <c r="CU26" s="102">
        <v>15</v>
      </c>
      <c r="CV26" s="103">
        <v>145</v>
      </c>
      <c r="CW26" s="104">
        <v>218</v>
      </c>
      <c r="CX26" s="105">
        <v>2</v>
      </c>
      <c r="CY26" s="97">
        <v>3</v>
      </c>
      <c r="CZ26" s="98">
        <v>5</v>
      </c>
      <c r="DA26" s="413">
        <v>0</v>
      </c>
      <c r="DB26" s="97">
        <v>5</v>
      </c>
      <c r="DC26" s="97">
        <v>7</v>
      </c>
      <c r="DD26" s="97">
        <v>2</v>
      </c>
      <c r="DE26" s="97">
        <v>3</v>
      </c>
      <c r="DF26" s="97">
        <v>1</v>
      </c>
      <c r="DG26" s="99">
        <v>18</v>
      </c>
      <c r="DH26" s="100">
        <v>23</v>
      </c>
      <c r="DI26" s="101">
        <v>1</v>
      </c>
      <c r="DJ26" s="102">
        <v>0</v>
      </c>
      <c r="DK26" s="103">
        <v>1</v>
      </c>
      <c r="DL26" s="413">
        <v>0</v>
      </c>
      <c r="DM26" s="102">
        <v>0</v>
      </c>
      <c r="DN26" s="102">
        <v>0</v>
      </c>
      <c r="DO26" s="102">
        <v>0</v>
      </c>
      <c r="DP26" s="102">
        <v>0</v>
      </c>
      <c r="DQ26" s="102">
        <v>0</v>
      </c>
      <c r="DR26" s="103">
        <v>0</v>
      </c>
      <c r="DS26" s="104">
        <v>1</v>
      </c>
      <c r="DT26" s="101">
        <v>0</v>
      </c>
      <c r="DU26" s="102">
        <v>2</v>
      </c>
      <c r="DV26" s="103">
        <v>2</v>
      </c>
      <c r="DW26" s="413">
        <v>0</v>
      </c>
      <c r="DX26" s="102">
        <v>0</v>
      </c>
      <c r="DY26" s="102">
        <v>0</v>
      </c>
      <c r="DZ26" s="102">
        <v>0</v>
      </c>
      <c r="EA26" s="102">
        <v>0</v>
      </c>
      <c r="EB26" s="102">
        <v>0</v>
      </c>
      <c r="EC26" s="103">
        <v>0</v>
      </c>
      <c r="ED26" s="104">
        <v>2</v>
      </c>
      <c r="EE26" s="101">
        <v>0</v>
      </c>
      <c r="EF26" s="102">
        <v>0</v>
      </c>
      <c r="EG26" s="103">
        <v>0</v>
      </c>
      <c r="EH26" s="413">
        <v>0</v>
      </c>
      <c r="EI26" s="102">
        <v>1</v>
      </c>
      <c r="EJ26" s="102">
        <v>1</v>
      </c>
      <c r="EK26" s="102">
        <v>0</v>
      </c>
      <c r="EL26" s="102">
        <v>1</v>
      </c>
      <c r="EM26" s="102">
        <v>0</v>
      </c>
      <c r="EN26" s="103">
        <v>3</v>
      </c>
      <c r="EO26" s="104">
        <v>3</v>
      </c>
      <c r="EP26" s="101">
        <v>1</v>
      </c>
      <c r="EQ26" s="102">
        <v>0</v>
      </c>
      <c r="ER26" s="103">
        <v>1</v>
      </c>
      <c r="ES26" s="413">
        <v>0</v>
      </c>
      <c r="ET26" s="102">
        <v>3</v>
      </c>
      <c r="EU26" s="102">
        <v>1</v>
      </c>
      <c r="EV26" s="102">
        <v>0</v>
      </c>
      <c r="EW26" s="102">
        <v>0</v>
      </c>
      <c r="EX26" s="102">
        <v>0</v>
      </c>
      <c r="EY26" s="103">
        <v>4</v>
      </c>
      <c r="EZ26" s="104">
        <v>5</v>
      </c>
      <c r="FA26" s="101">
        <v>0</v>
      </c>
      <c r="FB26" s="102">
        <v>1</v>
      </c>
      <c r="FC26" s="103">
        <v>1</v>
      </c>
      <c r="FD26" s="413">
        <v>0</v>
      </c>
      <c r="FE26" s="102">
        <v>1</v>
      </c>
      <c r="FF26" s="102">
        <v>5</v>
      </c>
      <c r="FG26" s="102">
        <v>1</v>
      </c>
      <c r="FH26" s="102">
        <v>1</v>
      </c>
      <c r="FI26" s="102">
        <v>1</v>
      </c>
      <c r="FJ26" s="103">
        <v>9</v>
      </c>
      <c r="FK26" s="104">
        <v>10</v>
      </c>
      <c r="FL26" s="101">
        <v>0</v>
      </c>
      <c r="FM26" s="102">
        <v>0</v>
      </c>
      <c r="FN26" s="103">
        <v>0</v>
      </c>
      <c r="FO26" s="413">
        <v>0</v>
      </c>
      <c r="FP26" s="102">
        <v>0</v>
      </c>
      <c r="FQ26" s="102">
        <v>0</v>
      </c>
      <c r="FR26" s="102">
        <v>1</v>
      </c>
      <c r="FS26" s="102">
        <v>1</v>
      </c>
      <c r="FT26" s="102">
        <v>0</v>
      </c>
      <c r="FU26" s="103">
        <v>2</v>
      </c>
      <c r="FV26" s="104">
        <v>2</v>
      </c>
      <c r="FW26" s="101">
        <v>0</v>
      </c>
      <c r="FX26" s="102">
        <v>0</v>
      </c>
      <c r="FY26" s="103">
        <v>0</v>
      </c>
      <c r="FZ26" s="413">
        <v>0</v>
      </c>
      <c r="GA26" s="102">
        <v>0</v>
      </c>
      <c r="GB26" s="102">
        <v>0</v>
      </c>
      <c r="GC26" s="102">
        <v>0</v>
      </c>
      <c r="GD26" s="102">
        <v>0</v>
      </c>
      <c r="GE26" s="102">
        <v>0</v>
      </c>
      <c r="GF26" s="103">
        <v>0</v>
      </c>
      <c r="GG26" s="104">
        <v>0</v>
      </c>
      <c r="GH26" s="101">
        <v>2</v>
      </c>
      <c r="GI26" s="102">
        <v>3</v>
      </c>
      <c r="GJ26" s="103">
        <v>5</v>
      </c>
      <c r="GK26" s="413">
        <v>0</v>
      </c>
      <c r="GL26" s="102">
        <v>5</v>
      </c>
      <c r="GM26" s="102">
        <v>7</v>
      </c>
      <c r="GN26" s="102">
        <v>2</v>
      </c>
      <c r="GO26" s="102">
        <v>3</v>
      </c>
      <c r="GP26" s="102">
        <v>1</v>
      </c>
      <c r="GQ26" s="103">
        <v>18</v>
      </c>
      <c r="GR26" s="104">
        <v>23</v>
      </c>
      <c r="GS26" s="105">
        <v>42</v>
      </c>
      <c r="GT26" s="97">
        <v>36</v>
      </c>
      <c r="GU26" s="98">
        <v>78</v>
      </c>
      <c r="GV26" s="413">
        <v>0</v>
      </c>
      <c r="GW26" s="97">
        <v>54</v>
      </c>
      <c r="GX26" s="97">
        <v>45</v>
      </c>
      <c r="GY26" s="97">
        <v>25</v>
      </c>
      <c r="GZ26" s="97">
        <v>23</v>
      </c>
      <c r="HA26" s="97">
        <v>16</v>
      </c>
      <c r="HB26" s="99">
        <v>163</v>
      </c>
      <c r="HC26" s="100">
        <v>241</v>
      </c>
      <c r="HD26" s="101">
        <v>1</v>
      </c>
      <c r="HE26" s="102">
        <v>2</v>
      </c>
      <c r="HF26" s="103">
        <v>3</v>
      </c>
      <c r="HG26" s="413">
        <v>0</v>
      </c>
      <c r="HH26" s="102">
        <v>0</v>
      </c>
      <c r="HI26" s="102">
        <v>3</v>
      </c>
      <c r="HJ26" s="102">
        <v>2</v>
      </c>
      <c r="HK26" s="102">
        <v>1</v>
      </c>
      <c r="HL26" s="102">
        <v>0</v>
      </c>
      <c r="HM26" s="103">
        <v>6</v>
      </c>
      <c r="HN26" s="104">
        <v>9</v>
      </c>
      <c r="HO26" s="101">
        <v>0</v>
      </c>
      <c r="HP26" s="102">
        <v>3</v>
      </c>
      <c r="HQ26" s="103">
        <v>3</v>
      </c>
      <c r="HR26" s="413">
        <v>0</v>
      </c>
      <c r="HS26" s="102">
        <v>0</v>
      </c>
      <c r="HT26" s="102">
        <v>2</v>
      </c>
      <c r="HU26" s="102">
        <v>0</v>
      </c>
      <c r="HV26" s="102">
        <v>0</v>
      </c>
      <c r="HW26" s="102">
        <v>1</v>
      </c>
      <c r="HX26" s="103">
        <v>3</v>
      </c>
      <c r="HY26" s="104">
        <v>6</v>
      </c>
      <c r="HZ26" s="101">
        <v>5</v>
      </c>
      <c r="IA26" s="102">
        <v>4</v>
      </c>
      <c r="IB26" s="103">
        <v>9</v>
      </c>
      <c r="IC26" s="413">
        <v>0</v>
      </c>
      <c r="ID26" s="102">
        <v>5</v>
      </c>
      <c r="IE26" s="102">
        <v>4</v>
      </c>
      <c r="IF26" s="102">
        <v>0</v>
      </c>
      <c r="IG26" s="102">
        <v>3</v>
      </c>
      <c r="IH26" s="102">
        <v>3</v>
      </c>
      <c r="II26" s="103">
        <v>15</v>
      </c>
      <c r="IJ26" s="104">
        <v>24</v>
      </c>
      <c r="IK26" s="101">
        <v>11</v>
      </c>
      <c r="IL26" s="102">
        <v>13</v>
      </c>
      <c r="IM26" s="103">
        <v>24</v>
      </c>
      <c r="IN26" s="413">
        <v>0</v>
      </c>
      <c r="IO26" s="102">
        <v>18</v>
      </c>
      <c r="IP26" s="102">
        <v>13</v>
      </c>
      <c r="IQ26" s="102">
        <v>7</v>
      </c>
      <c r="IR26" s="102">
        <v>5</v>
      </c>
      <c r="IS26" s="102">
        <v>6</v>
      </c>
      <c r="IT26" s="103">
        <v>49</v>
      </c>
      <c r="IU26" s="104">
        <v>73</v>
      </c>
      <c r="IV26" s="101">
        <v>15</v>
      </c>
      <c r="IW26" s="102">
        <v>12</v>
      </c>
      <c r="IX26" s="103">
        <v>27</v>
      </c>
      <c r="IY26" s="413">
        <v>0</v>
      </c>
      <c r="IZ26" s="102">
        <v>24</v>
      </c>
      <c r="JA26" s="102">
        <v>13</v>
      </c>
      <c r="JB26" s="102">
        <v>8</v>
      </c>
      <c r="JC26" s="102">
        <v>6</v>
      </c>
      <c r="JD26" s="102">
        <v>5</v>
      </c>
      <c r="JE26" s="103">
        <v>56</v>
      </c>
      <c r="JF26" s="104">
        <v>83</v>
      </c>
      <c r="JG26" s="101">
        <v>10</v>
      </c>
      <c r="JH26" s="102">
        <v>2</v>
      </c>
      <c r="JI26" s="103">
        <v>12</v>
      </c>
      <c r="JJ26" s="413">
        <v>0</v>
      </c>
      <c r="JK26" s="102">
        <v>7</v>
      </c>
      <c r="JL26" s="102">
        <v>10</v>
      </c>
      <c r="JM26" s="102">
        <v>8</v>
      </c>
      <c r="JN26" s="102">
        <v>8</v>
      </c>
      <c r="JO26" s="102">
        <v>1</v>
      </c>
      <c r="JP26" s="103">
        <v>34</v>
      </c>
      <c r="JQ26" s="104">
        <v>46</v>
      </c>
      <c r="JR26" s="101">
        <v>0</v>
      </c>
      <c r="JS26" s="102">
        <v>0</v>
      </c>
      <c r="JT26" s="103">
        <v>0</v>
      </c>
      <c r="JU26" s="413">
        <v>0</v>
      </c>
      <c r="JV26" s="102">
        <v>0</v>
      </c>
      <c r="JW26" s="102">
        <v>0</v>
      </c>
      <c r="JX26" s="102">
        <v>0</v>
      </c>
      <c r="JY26" s="102">
        <v>0</v>
      </c>
      <c r="JZ26" s="102">
        <v>0</v>
      </c>
      <c r="KA26" s="103">
        <v>0</v>
      </c>
      <c r="KB26" s="104">
        <v>0</v>
      </c>
      <c r="KC26" s="101">
        <v>42</v>
      </c>
      <c r="KD26" s="102">
        <v>36</v>
      </c>
      <c r="KE26" s="103">
        <v>78</v>
      </c>
      <c r="KF26" s="413">
        <v>0</v>
      </c>
      <c r="KG26" s="102">
        <v>54</v>
      </c>
      <c r="KH26" s="102">
        <v>45</v>
      </c>
      <c r="KI26" s="102">
        <v>25</v>
      </c>
      <c r="KJ26" s="102">
        <v>23</v>
      </c>
      <c r="KK26" s="102">
        <v>16</v>
      </c>
      <c r="KL26" s="103">
        <v>163</v>
      </c>
      <c r="KM26" s="104">
        <v>241</v>
      </c>
    </row>
    <row r="27" spans="2:299" s="70" customFormat="1" ht="21" customHeight="1" x14ac:dyDescent="0.2">
      <c r="B27" s="106" t="s">
        <v>24</v>
      </c>
      <c r="C27" s="96">
        <v>29</v>
      </c>
      <c r="D27" s="97">
        <v>21</v>
      </c>
      <c r="E27" s="98">
        <v>50</v>
      </c>
      <c r="F27" s="413">
        <v>0</v>
      </c>
      <c r="G27" s="97">
        <v>37</v>
      </c>
      <c r="H27" s="97">
        <v>30</v>
      </c>
      <c r="I27" s="97">
        <v>22</v>
      </c>
      <c r="J27" s="97">
        <v>17</v>
      </c>
      <c r="K27" s="97">
        <v>9</v>
      </c>
      <c r="L27" s="99">
        <v>115</v>
      </c>
      <c r="M27" s="100">
        <v>165</v>
      </c>
      <c r="N27" s="101">
        <v>0</v>
      </c>
      <c r="O27" s="102">
        <v>0</v>
      </c>
      <c r="P27" s="103">
        <v>0</v>
      </c>
      <c r="Q27" s="413">
        <v>0</v>
      </c>
      <c r="R27" s="102">
        <v>0</v>
      </c>
      <c r="S27" s="102">
        <v>0</v>
      </c>
      <c r="T27" s="102">
        <v>0</v>
      </c>
      <c r="U27" s="102">
        <v>0</v>
      </c>
      <c r="V27" s="102">
        <v>0</v>
      </c>
      <c r="W27" s="103">
        <v>0</v>
      </c>
      <c r="X27" s="104">
        <v>0</v>
      </c>
      <c r="Y27" s="101">
        <v>0</v>
      </c>
      <c r="Z27" s="102">
        <v>1</v>
      </c>
      <c r="AA27" s="103">
        <v>1</v>
      </c>
      <c r="AB27" s="413">
        <v>0</v>
      </c>
      <c r="AC27" s="102">
        <v>3</v>
      </c>
      <c r="AD27" s="102">
        <v>0</v>
      </c>
      <c r="AE27" s="102">
        <v>1</v>
      </c>
      <c r="AF27" s="102">
        <v>0</v>
      </c>
      <c r="AG27" s="102">
        <v>1</v>
      </c>
      <c r="AH27" s="103">
        <v>5</v>
      </c>
      <c r="AI27" s="104">
        <v>6</v>
      </c>
      <c r="AJ27" s="101">
        <v>2</v>
      </c>
      <c r="AK27" s="102">
        <v>4</v>
      </c>
      <c r="AL27" s="103">
        <v>6</v>
      </c>
      <c r="AM27" s="413">
        <v>0</v>
      </c>
      <c r="AN27" s="102">
        <v>0</v>
      </c>
      <c r="AO27" s="102">
        <v>3</v>
      </c>
      <c r="AP27" s="102">
        <v>3</v>
      </c>
      <c r="AQ27" s="102">
        <v>2</v>
      </c>
      <c r="AR27" s="102">
        <v>0</v>
      </c>
      <c r="AS27" s="103">
        <v>8</v>
      </c>
      <c r="AT27" s="104">
        <v>14</v>
      </c>
      <c r="AU27" s="101">
        <v>4</v>
      </c>
      <c r="AV27" s="102">
        <v>1</v>
      </c>
      <c r="AW27" s="103">
        <v>5</v>
      </c>
      <c r="AX27" s="413">
        <v>0</v>
      </c>
      <c r="AY27" s="102">
        <v>9</v>
      </c>
      <c r="AZ27" s="102">
        <v>3</v>
      </c>
      <c r="BA27" s="102">
        <v>3</v>
      </c>
      <c r="BB27" s="102">
        <v>4</v>
      </c>
      <c r="BC27" s="102">
        <v>1</v>
      </c>
      <c r="BD27" s="103">
        <v>20</v>
      </c>
      <c r="BE27" s="104">
        <v>25</v>
      </c>
      <c r="BF27" s="101">
        <v>12</v>
      </c>
      <c r="BG27" s="102">
        <v>8</v>
      </c>
      <c r="BH27" s="103">
        <v>20</v>
      </c>
      <c r="BI27" s="413">
        <v>0</v>
      </c>
      <c r="BJ27" s="102">
        <v>9</v>
      </c>
      <c r="BK27" s="102">
        <v>11</v>
      </c>
      <c r="BL27" s="102">
        <v>7</v>
      </c>
      <c r="BM27" s="102">
        <v>6</v>
      </c>
      <c r="BN27" s="102">
        <v>2</v>
      </c>
      <c r="BO27" s="103">
        <v>35</v>
      </c>
      <c r="BP27" s="104">
        <v>55</v>
      </c>
      <c r="BQ27" s="101">
        <v>11</v>
      </c>
      <c r="BR27" s="102">
        <v>7</v>
      </c>
      <c r="BS27" s="103">
        <v>18</v>
      </c>
      <c r="BT27" s="413">
        <v>0</v>
      </c>
      <c r="BU27" s="102">
        <v>16</v>
      </c>
      <c r="BV27" s="102">
        <v>13</v>
      </c>
      <c r="BW27" s="102">
        <v>8</v>
      </c>
      <c r="BX27" s="102">
        <v>5</v>
      </c>
      <c r="BY27" s="102">
        <v>5</v>
      </c>
      <c r="BZ27" s="103">
        <v>47</v>
      </c>
      <c r="CA27" s="104">
        <v>65</v>
      </c>
      <c r="CB27" s="101">
        <v>0</v>
      </c>
      <c r="CC27" s="102">
        <v>0</v>
      </c>
      <c r="CD27" s="103">
        <v>0</v>
      </c>
      <c r="CE27" s="413">
        <v>0</v>
      </c>
      <c r="CF27" s="102">
        <v>0</v>
      </c>
      <c r="CG27" s="102">
        <v>0</v>
      </c>
      <c r="CH27" s="102">
        <v>0</v>
      </c>
      <c r="CI27" s="102">
        <v>0</v>
      </c>
      <c r="CJ27" s="102">
        <v>0</v>
      </c>
      <c r="CK27" s="103">
        <v>0</v>
      </c>
      <c r="CL27" s="104">
        <v>0</v>
      </c>
      <c r="CM27" s="101">
        <v>29</v>
      </c>
      <c r="CN27" s="102">
        <v>21</v>
      </c>
      <c r="CO27" s="103">
        <v>50</v>
      </c>
      <c r="CP27" s="413">
        <v>0</v>
      </c>
      <c r="CQ27" s="102">
        <v>37</v>
      </c>
      <c r="CR27" s="102">
        <v>30</v>
      </c>
      <c r="CS27" s="102">
        <v>22</v>
      </c>
      <c r="CT27" s="102">
        <v>17</v>
      </c>
      <c r="CU27" s="102">
        <v>9</v>
      </c>
      <c r="CV27" s="103">
        <v>115</v>
      </c>
      <c r="CW27" s="104">
        <v>165</v>
      </c>
      <c r="CX27" s="105">
        <v>5</v>
      </c>
      <c r="CY27" s="97">
        <v>2</v>
      </c>
      <c r="CZ27" s="98">
        <v>7</v>
      </c>
      <c r="DA27" s="413">
        <v>0</v>
      </c>
      <c r="DB27" s="97">
        <v>6</v>
      </c>
      <c r="DC27" s="97">
        <v>3</v>
      </c>
      <c r="DD27" s="97">
        <v>6</v>
      </c>
      <c r="DE27" s="97">
        <v>3</v>
      </c>
      <c r="DF27" s="97">
        <v>0</v>
      </c>
      <c r="DG27" s="99">
        <v>18</v>
      </c>
      <c r="DH27" s="100">
        <v>25</v>
      </c>
      <c r="DI27" s="101">
        <v>0</v>
      </c>
      <c r="DJ27" s="102">
        <v>0</v>
      </c>
      <c r="DK27" s="103">
        <v>0</v>
      </c>
      <c r="DL27" s="413">
        <v>0</v>
      </c>
      <c r="DM27" s="102">
        <v>1</v>
      </c>
      <c r="DN27" s="102">
        <v>0</v>
      </c>
      <c r="DO27" s="102">
        <v>0</v>
      </c>
      <c r="DP27" s="102">
        <v>0</v>
      </c>
      <c r="DQ27" s="102">
        <v>0</v>
      </c>
      <c r="DR27" s="103">
        <v>1</v>
      </c>
      <c r="DS27" s="104">
        <v>1</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0</v>
      </c>
      <c r="EK27" s="102">
        <v>0</v>
      </c>
      <c r="EL27" s="102">
        <v>0</v>
      </c>
      <c r="EM27" s="102">
        <v>0</v>
      </c>
      <c r="EN27" s="103">
        <v>1</v>
      </c>
      <c r="EO27" s="104">
        <v>1</v>
      </c>
      <c r="EP27" s="101">
        <v>0</v>
      </c>
      <c r="EQ27" s="102">
        <v>1</v>
      </c>
      <c r="ER27" s="103">
        <v>1</v>
      </c>
      <c r="ES27" s="413">
        <v>0</v>
      </c>
      <c r="ET27" s="102">
        <v>1</v>
      </c>
      <c r="EU27" s="102">
        <v>0</v>
      </c>
      <c r="EV27" s="102">
        <v>1</v>
      </c>
      <c r="EW27" s="102">
        <v>1</v>
      </c>
      <c r="EX27" s="102">
        <v>0</v>
      </c>
      <c r="EY27" s="103">
        <v>3</v>
      </c>
      <c r="EZ27" s="104">
        <v>4</v>
      </c>
      <c r="FA27" s="101">
        <v>4</v>
      </c>
      <c r="FB27" s="102">
        <v>1</v>
      </c>
      <c r="FC27" s="103">
        <v>5</v>
      </c>
      <c r="FD27" s="413">
        <v>0</v>
      </c>
      <c r="FE27" s="102">
        <v>1</v>
      </c>
      <c r="FF27" s="102">
        <v>2</v>
      </c>
      <c r="FG27" s="102">
        <v>0</v>
      </c>
      <c r="FH27" s="102">
        <v>0</v>
      </c>
      <c r="FI27" s="102">
        <v>0</v>
      </c>
      <c r="FJ27" s="103">
        <v>3</v>
      </c>
      <c r="FK27" s="104">
        <v>8</v>
      </c>
      <c r="FL27" s="101">
        <v>0</v>
      </c>
      <c r="FM27" s="102">
        <v>0</v>
      </c>
      <c r="FN27" s="103">
        <v>0</v>
      </c>
      <c r="FO27" s="413">
        <v>0</v>
      </c>
      <c r="FP27" s="102">
        <v>2</v>
      </c>
      <c r="FQ27" s="102">
        <v>1</v>
      </c>
      <c r="FR27" s="102">
        <v>5</v>
      </c>
      <c r="FS27" s="102">
        <v>2</v>
      </c>
      <c r="FT27" s="102">
        <v>0</v>
      </c>
      <c r="FU27" s="103">
        <v>10</v>
      </c>
      <c r="FV27" s="104">
        <v>10</v>
      </c>
      <c r="FW27" s="101">
        <v>0</v>
      </c>
      <c r="FX27" s="102">
        <v>0</v>
      </c>
      <c r="FY27" s="103">
        <v>0</v>
      </c>
      <c r="FZ27" s="413">
        <v>0</v>
      </c>
      <c r="GA27" s="102">
        <v>0</v>
      </c>
      <c r="GB27" s="102">
        <v>0</v>
      </c>
      <c r="GC27" s="102">
        <v>0</v>
      </c>
      <c r="GD27" s="102">
        <v>0</v>
      </c>
      <c r="GE27" s="102">
        <v>0</v>
      </c>
      <c r="GF27" s="103">
        <v>0</v>
      </c>
      <c r="GG27" s="104">
        <v>0</v>
      </c>
      <c r="GH27" s="101">
        <v>5</v>
      </c>
      <c r="GI27" s="102">
        <v>2</v>
      </c>
      <c r="GJ27" s="103">
        <v>7</v>
      </c>
      <c r="GK27" s="413">
        <v>0</v>
      </c>
      <c r="GL27" s="102">
        <v>6</v>
      </c>
      <c r="GM27" s="102">
        <v>3</v>
      </c>
      <c r="GN27" s="102">
        <v>6</v>
      </c>
      <c r="GO27" s="102">
        <v>3</v>
      </c>
      <c r="GP27" s="102">
        <v>0</v>
      </c>
      <c r="GQ27" s="103">
        <v>18</v>
      </c>
      <c r="GR27" s="104">
        <v>25</v>
      </c>
      <c r="GS27" s="105">
        <v>34</v>
      </c>
      <c r="GT27" s="97">
        <v>23</v>
      </c>
      <c r="GU27" s="98">
        <v>57</v>
      </c>
      <c r="GV27" s="413">
        <v>0</v>
      </c>
      <c r="GW27" s="97">
        <v>43</v>
      </c>
      <c r="GX27" s="97">
        <v>33</v>
      </c>
      <c r="GY27" s="97">
        <v>28</v>
      </c>
      <c r="GZ27" s="97">
        <v>20</v>
      </c>
      <c r="HA27" s="97">
        <v>9</v>
      </c>
      <c r="HB27" s="99">
        <v>133</v>
      </c>
      <c r="HC27" s="100">
        <v>190</v>
      </c>
      <c r="HD27" s="101">
        <v>0</v>
      </c>
      <c r="HE27" s="102">
        <v>0</v>
      </c>
      <c r="HF27" s="103">
        <v>0</v>
      </c>
      <c r="HG27" s="413">
        <v>0</v>
      </c>
      <c r="HH27" s="102">
        <v>1</v>
      </c>
      <c r="HI27" s="102">
        <v>0</v>
      </c>
      <c r="HJ27" s="102">
        <v>0</v>
      </c>
      <c r="HK27" s="102">
        <v>0</v>
      </c>
      <c r="HL27" s="102">
        <v>0</v>
      </c>
      <c r="HM27" s="103">
        <v>1</v>
      </c>
      <c r="HN27" s="104">
        <v>1</v>
      </c>
      <c r="HO27" s="101">
        <v>1</v>
      </c>
      <c r="HP27" s="102">
        <v>1</v>
      </c>
      <c r="HQ27" s="103">
        <v>2</v>
      </c>
      <c r="HR27" s="413">
        <v>0</v>
      </c>
      <c r="HS27" s="102">
        <v>3</v>
      </c>
      <c r="HT27" s="102">
        <v>0</v>
      </c>
      <c r="HU27" s="102">
        <v>1</v>
      </c>
      <c r="HV27" s="102">
        <v>0</v>
      </c>
      <c r="HW27" s="102">
        <v>1</v>
      </c>
      <c r="HX27" s="103">
        <v>5</v>
      </c>
      <c r="HY27" s="104">
        <v>7</v>
      </c>
      <c r="HZ27" s="101">
        <v>2</v>
      </c>
      <c r="IA27" s="102">
        <v>4</v>
      </c>
      <c r="IB27" s="103">
        <v>6</v>
      </c>
      <c r="IC27" s="413">
        <v>0</v>
      </c>
      <c r="ID27" s="102">
        <v>1</v>
      </c>
      <c r="IE27" s="102">
        <v>3</v>
      </c>
      <c r="IF27" s="102">
        <v>3</v>
      </c>
      <c r="IG27" s="102">
        <v>2</v>
      </c>
      <c r="IH27" s="102">
        <v>0</v>
      </c>
      <c r="II27" s="103">
        <v>9</v>
      </c>
      <c r="IJ27" s="104">
        <v>15</v>
      </c>
      <c r="IK27" s="101">
        <v>4</v>
      </c>
      <c r="IL27" s="102">
        <v>2</v>
      </c>
      <c r="IM27" s="103">
        <v>6</v>
      </c>
      <c r="IN27" s="413">
        <v>0</v>
      </c>
      <c r="IO27" s="102">
        <v>10</v>
      </c>
      <c r="IP27" s="102">
        <v>3</v>
      </c>
      <c r="IQ27" s="102">
        <v>4</v>
      </c>
      <c r="IR27" s="102">
        <v>5</v>
      </c>
      <c r="IS27" s="102">
        <v>1</v>
      </c>
      <c r="IT27" s="103">
        <v>23</v>
      </c>
      <c r="IU27" s="104">
        <v>29</v>
      </c>
      <c r="IV27" s="101">
        <v>16</v>
      </c>
      <c r="IW27" s="102">
        <v>9</v>
      </c>
      <c r="IX27" s="103">
        <v>25</v>
      </c>
      <c r="IY27" s="413">
        <v>0</v>
      </c>
      <c r="IZ27" s="102">
        <v>10</v>
      </c>
      <c r="JA27" s="102">
        <v>13</v>
      </c>
      <c r="JB27" s="102">
        <v>7</v>
      </c>
      <c r="JC27" s="102">
        <v>6</v>
      </c>
      <c r="JD27" s="102">
        <v>2</v>
      </c>
      <c r="JE27" s="103">
        <v>38</v>
      </c>
      <c r="JF27" s="104">
        <v>63</v>
      </c>
      <c r="JG27" s="101">
        <v>11</v>
      </c>
      <c r="JH27" s="102">
        <v>7</v>
      </c>
      <c r="JI27" s="103">
        <v>18</v>
      </c>
      <c r="JJ27" s="413">
        <v>0</v>
      </c>
      <c r="JK27" s="102">
        <v>18</v>
      </c>
      <c r="JL27" s="102">
        <v>14</v>
      </c>
      <c r="JM27" s="102">
        <v>13</v>
      </c>
      <c r="JN27" s="102">
        <v>7</v>
      </c>
      <c r="JO27" s="102">
        <v>5</v>
      </c>
      <c r="JP27" s="103">
        <v>57</v>
      </c>
      <c r="JQ27" s="104">
        <v>75</v>
      </c>
      <c r="JR27" s="101">
        <v>0</v>
      </c>
      <c r="JS27" s="102">
        <v>0</v>
      </c>
      <c r="JT27" s="103">
        <v>0</v>
      </c>
      <c r="JU27" s="413">
        <v>0</v>
      </c>
      <c r="JV27" s="102">
        <v>0</v>
      </c>
      <c r="JW27" s="102">
        <v>0</v>
      </c>
      <c r="JX27" s="102">
        <v>0</v>
      </c>
      <c r="JY27" s="102">
        <v>0</v>
      </c>
      <c r="JZ27" s="102">
        <v>0</v>
      </c>
      <c r="KA27" s="103">
        <v>0</v>
      </c>
      <c r="KB27" s="104">
        <v>0</v>
      </c>
      <c r="KC27" s="101">
        <v>34</v>
      </c>
      <c r="KD27" s="102">
        <v>23</v>
      </c>
      <c r="KE27" s="103">
        <v>57</v>
      </c>
      <c r="KF27" s="413">
        <v>0</v>
      </c>
      <c r="KG27" s="102">
        <v>43</v>
      </c>
      <c r="KH27" s="102">
        <v>33</v>
      </c>
      <c r="KI27" s="102">
        <v>28</v>
      </c>
      <c r="KJ27" s="102">
        <v>20</v>
      </c>
      <c r="KK27" s="102">
        <v>9</v>
      </c>
      <c r="KL27" s="103">
        <v>133</v>
      </c>
      <c r="KM27" s="104">
        <v>190</v>
      </c>
    </row>
    <row r="28" spans="2:299" s="70" customFormat="1" ht="21" customHeight="1" x14ac:dyDescent="0.2">
      <c r="B28" s="106" t="s">
        <v>25</v>
      </c>
      <c r="C28" s="96">
        <v>13</v>
      </c>
      <c r="D28" s="97">
        <v>31</v>
      </c>
      <c r="E28" s="98">
        <v>44</v>
      </c>
      <c r="F28" s="413">
        <v>0</v>
      </c>
      <c r="G28" s="97">
        <v>21</v>
      </c>
      <c r="H28" s="97">
        <v>15</v>
      </c>
      <c r="I28" s="97">
        <v>11</v>
      </c>
      <c r="J28" s="97">
        <v>8</v>
      </c>
      <c r="K28" s="97">
        <v>3</v>
      </c>
      <c r="L28" s="99">
        <v>58</v>
      </c>
      <c r="M28" s="100">
        <v>102</v>
      </c>
      <c r="N28" s="101">
        <v>0</v>
      </c>
      <c r="O28" s="102">
        <v>0</v>
      </c>
      <c r="P28" s="103">
        <v>0</v>
      </c>
      <c r="Q28" s="413">
        <v>0</v>
      </c>
      <c r="R28" s="102">
        <v>1</v>
      </c>
      <c r="S28" s="102">
        <v>0</v>
      </c>
      <c r="T28" s="102">
        <v>0</v>
      </c>
      <c r="U28" s="102">
        <v>0</v>
      </c>
      <c r="V28" s="102">
        <v>0</v>
      </c>
      <c r="W28" s="103">
        <v>1</v>
      </c>
      <c r="X28" s="104">
        <v>1</v>
      </c>
      <c r="Y28" s="101">
        <v>1</v>
      </c>
      <c r="Z28" s="102">
        <v>1</v>
      </c>
      <c r="AA28" s="103">
        <v>2</v>
      </c>
      <c r="AB28" s="413">
        <v>0</v>
      </c>
      <c r="AC28" s="102">
        <v>0</v>
      </c>
      <c r="AD28" s="102">
        <v>1</v>
      </c>
      <c r="AE28" s="102">
        <v>0</v>
      </c>
      <c r="AF28" s="102">
        <v>2</v>
      </c>
      <c r="AG28" s="102">
        <v>0</v>
      </c>
      <c r="AH28" s="103">
        <v>3</v>
      </c>
      <c r="AI28" s="104">
        <v>5</v>
      </c>
      <c r="AJ28" s="101">
        <v>1</v>
      </c>
      <c r="AK28" s="102">
        <v>4</v>
      </c>
      <c r="AL28" s="103">
        <v>5</v>
      </c>
      <c r="AM28" s="413">
        <v>0</v>
      </c>
      <c r="AN28" s="102">
        <v>3</v>
      </c>
      <c r="AO28" s="102">
        <v>0</v>
      </c>
      <c r="AP28" s="102">
        <v>1</v>
      </c>
      <c r="AQ28" s="102">
        <v>1</v>
      </c>
      <c r="AR28" s="102">
        <v>1</v>
      </c>
      <c r="AS28" s="103">
        <v>6</v>
      </c>
      <c r="AT28" s="104">
        <v>11</v>
      </c>
      <c r="AU28" s="101">
        <v>3</v>
      </c>
      <c r="AV28" s="102">
        <v>14</v>
      </c>
      <c r="AW28" s="103">
        <v>17</v>
      </c>
      <c r="AX28" s="413">
        <v>0</v>
      </c>
      <c r="AY28" s="102">
        <v>4</v>
      </c>
      <c r="AZ28" s="102">
        <v>3</v>
      </c>
      <c r="BA28" s="102">
        <v>4</v>
      </c>
      <c r="BB28" s="102">
        <v>1</v>
      </c>
      <c r="BC28" s="102">
        <v>1</v>
      </c>
      <c r="BD28" s="103">
        <v>13</v>
      </c>
      <c r="BE28" s="104">
        <v>30</v>
      </c>
      <c r="BF28" s="101">
        <v>5</v>
      </c>
      <c r="BG28" s="102">
        <v>7</v>
      </c>
      <c r="BH28" s="103">
        <v>12</v>
      </c>
      <c r="BI28" s="413">
        <v>0</v>
      </c>
      <c r="BJ28" s="102">
        <v>8</v>
      </c>
      <c r="BK28" s="102">
        <v>5</v>
      </c>
      <c r="BL28" s="102">
        <v>4</v>
      </c>
      <c r="BM28" s="102">
        <v>1</v>
      </c>
      <c r="BN28" s="102">
        <v>0</v>
      </c>
      <c r="BO28" s="103">
        <v>18</v>
      </c>
      <c r="BP28" s="104">
        <v>30</v>
      </c>
      <c r="BQ28" s="101">
        <v>3</v>
      </c>
      <c r="BR28" s="102">
        <v>5</v>
      </c>
      <c r="BS28" s="103">
        <v>8</v>
      </c>
      <c r="BT28" s="413">
        <v>0</v>
      </c>
      <c r="BU28" s="102">
        <v>5</v>
      </c>
      <c r="BV28" s="102">
        <v>6</v>
      </c>
      <c r="BW28" s="102">
        <v>2</v>
      </c>
      <c r="BX28" s="102">
        <v>3</v>
      </c>
      <c r="BY28" s="102">
        <v>1</v>
      </c>
      <c r="BZ28" s="103">
        <v>17</v>
      </c>
      <c r="CA28" s="104">
        <v>25</v>
      </c>
      <c r="CB28" s="101">
        <v>0</v>
      </c>
      <c r="CC28" s="102">
        <v>0</v>
      </c>
      <c r="CD28" s="103">
        <v>0</v>
      </c>
      <c r="CE28" s="413">
        <v>0</v>
      </c>
      <c r="CF28" s="102">
        <v>0</v>
      </c>
      <c r="CG28" s="102">
        <v>0</v>
      </c>
      <c r="CH28" s="102">
        <v>0</v>
      </c>
      <c r="CI28" s="102">
        <v>0</v>
      </c>
      <c r="CJ28" s="102">
        <v>0</v>
      </c>
      <c r="CK28" s="103">
        <v>0</v>
      </c>
      <c r="CL28" s="104">
        <v>0</v>
      </c>
      <c r="CM28" s="101">
        <v>13</v>
      </c>
      <c r="CN28" s="102">
        <v>31</v>
      </c>
      <c r="CO28" s="103">
        <v>44</v>
      </c>
      <c r="CP28" s="413">
        <v>0</v>
      </c>
      <c r="CQ28" s="102">
        <v>21</v>
      </c>
      <c r="CR28" s="102">
        <v>15</v>
      </c>
      <c r="CS28" s="102">
        <v>11</v>
      </c>
      <c r="CT28" s="102">
        <v>8</v>
      </c>
      <c r="CU28" s="102">
        <v>3</v>
      </c>
      <c r="CV28" s="103">
        <v>58</v>
      </c>
      <c r="CW28" s="104">
        <v>102</v>
      </c>
      <c r="CX28" s="105">
        <v>2</v>
      </c>
      <c r="CY28" s="97">
        <v>1</v>
      </c>
      <c r="CZ28" s="98">
        <v>3</v>
      </c>
      <c r="DA28" s="413">
        <v>0</v>
      </c>
      <c r="DB28" s="97">
        <v>5</v>
      </c>
      <c r="DC28" s="97">
        <v>2</v>
      </c>
      <c r="DD28" s="97">
        <v>2</v>
      </c>
      <c r="DE28" s="97">
        <v>1</v>
      </c>
      <c r="DF28" s="97">
        <v>0</v>
      </c>
      <c r="DG28" s="99">
        <v>10</v>
      </c>
      <c r="DH28" s="100">
        <v>13</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1</v>
      </c>
      <c r="EK28" s="102">
        <v>0</v>
      </c>
      <c r="EL28" s="102">
        <v>0</v>
      </c>
      <c r="EM28" s="102">
        <v>0</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0</v>
      </c>
      <c r="FC28" s="103">
        <v>0</v>
      </c>
      <c r="FD28" s="413">
        <v>0</v>
      </c>
      <c r="FE28" s="102">
        <v>1</v>
      </c>
      <c r="FF28" s="102">
        <v>0</v>
      </c>
      <c r="FG28" s="102">
        <v>2</v>
      </c>
      <c r="FH28" s="102">
        <v>0</v>
      </c>
      <c r="FI28" s="102">
        <v>0</v>
      </c>
      <c r="FJ28" s="103">
        <v>3</v>
      </c>
      <c r="FK28" s="104">
        <v>3</v>
      </c>
      <c r="FL28" s="101">
        <v>2</v>
      </c>
      <c r="FM28" s="102">
        <v>0</v>
      </c>
      <c r="FN28" s="103">
        <v>2</v>
      </c>
      <c r="FO28" s="413">
        <v>0</v>
      </c>
      <c r="FP28" s="102">
        <v>4</v>
      </c>
      <c r="FQ28" s="102">
        <v>0</v>
      </c>
      <c r="FR28" s="102">
        <v>0</v>
      </c>
      <c r="FS28" s="102">
        <v>1</v>
      </c>
      <c r="FT28" s="102">
        <v>0</v>
      </c>
      <c r="FU28" s="103">
        <v>5</v>
      </c>
      <c r="FV28" s="104">
        <v>7</v>
      </c>
      <c r="FW28" s="101">
        <v>0</v>
      </c>
      <c r="FX28" s="102">
        <v>0</v>
      </c>
      <c r="FY28" s="103">
        <v>0</v>
      </c>
      <c r="FZ28" s="413">
        <v>0</v>
      </c>
      <c r="GA28" s="102">
        <v>0</v>
      </c>
      <c r="GB28" s="102">
        <v>0</v>
      </c>
      <c r="GC28" s="102">
        <v>0</v>
      </c>
      <c r="GD28" s="102">
        <v>0</v>
      </c>
      <c r="GE28" s="102">
        <v>0</v>
      </c>
      <c r="GF28" s="103">
        <v>0</v>
      </c>
      <c r="GG28" s="104">
        <v>0</v>
      </c>
      <c r="GH28" s="101">
        <v>2</v>
      </c>
      <c r="GI28" s="102">
        <v>1</v>
      </c>
      <c r="GJ28" s="103">
        <v>3</v>
      </c>
      <c r="GK28" s="413">
        <v>0</v>
      </c>
      <c r="GL28" s="102">
        <v>5</v>
      </c>
      <c r="GM28" s="102">
        <v>2</v>
      </c>
      <c r="GN28" s="102">
        <v>2</v>
      </c>
      <c r="GO28" s="102">
        <v>1</v>
      </c>
      <c r="GP28" s="102">
        <v>0</v>
      </c>
      <c r="GQ28" s="103">
        <v>10</v>
      </c>
      <c r="GR28" s="104">
        <v>13</v>
      </c>
      <c r="GS28" s="105">
        <v>15</v>
      </c>
      <c r="GT28" s="97">
        <v>32</v>
      </c>
      <c r="GU28" s="98">
        <v>47</v>
      </c>
      <c r="GV28" s="413">
        <v>0</v>
      </c>
      <c r="GW28" s="97">
        <v>26</v>
      </c>
      <c r="GX28" s="97">
        <v>17</v>
      </c>
      <c r="GY28" s="97">
        <v>13</v>
      </c>
      <c r="GZ28" s="97">
        <v>9</v>
      </c>
      <c r="HA28" s="97">
        <v>3</v>
      </c>
      <c r="HB28" s="99">
        <v>68</v>
      </c>
      <c r="HC28" s="100">
        <v>115</v>
      </c>
      <c r="HD28" s="101">
        <v>0</v>
      </c>
      <c r="HE28" s="102">
        <v>1</v>
      </c>
      <c r="HF28" s="103">
        <v>1</v>
      </c>
      <c r="HG28" s="413">
        <v>0</v>
      </c>
      <c r="HH28" s="102">
        <v>1</v>
      </c>
      <c r="HI28" s="102">
        <v>0</v>
      </c>
      <c r="HJ28" s="102">
        <v>0</v>
      </c>
      <c r="HK28" s="102">
        <v>0</v>
      </c>
      <c r="HL28" s="102">
        <v>0</v>
      </c>
      <c r="HM28" s="103">
        <v>1</v>
      </c>
      <c r="HN28" s="104">
        <v>2</v>
      </c>
      <c r="HO28" s="101">
        <v>1</v>
      </c>
      <c r="HP28" s="102">
        <v>1</v>
      </c>
      <c r="HQ28" s="103">
        <v>2</v>
      </c>
      <c r="HR28" s="413">
        <v>0</v>
      </c>
      <c r="HS28" s="102">
        <v>0</v>
      </c>
      <c r="HT28" s="102">
        <v>1</v>
      </c>
      <c r="HU28" s="102">
        <v>0</v>
      </c>
      <c r="HV28" s="102">
        <v>2</v>
      </c>
      <c r="HW28" s="102">
        <v>0</v>
      </c>
      <c r="HX28" s="103">
        <v>3</v>
      </c>
      <c r="HY28" s="104">
        <v>5</v>
      </c>
      <c r="HZ28" s="101">
        <v>1</v>
      </c>
      <c r="IA28" s="102">
        <v>4</v>
      </c>
      <c r="IB28" s="103">
        <v>5</v>
      </c>
      <c r="IC28" s="413">
        <v>0</v>
      </c>
      <c r="ID28" s="102">
        <v>3</v>
      </c>
      <c r="IE28" s="102">
        <v>1</v>
      </c>
      <c r="IF28" s="102">
        <v>1</v>
      </c>
      <c r="IG28" s="102">
        <v>1</v>
      </c>
      <c r="IH28" s="102">
        <v>1</v>
      </c>
      <c r="II28" s="103">
        <v>7</v>
      </c>
      <c r="IJ28" s="104">
        <v>12</v>
      </c>
      <c r="IK28" s="101">
        <v>3</v>
      </c>
      <c r="IL28" s="102">
        <v>14</v>
      </c>
      <c r="IM28" s="103">
        <v>17</v>
      </c>
      <c r="IN28" s="413">
        <v>0</v>
      </c>
      <c r="IO28" s="102">
        <v>4</v>
      </c>
      <c r="IP28" s="102">
        <v>4</v>
      </c>
      <c r="IQ28" s="102">
        <v>4</v>
      </c>
      <c r="IR28" s="102">
        <v>1</v>
      </c>
      <c r="IS28" s="102">
        <v>1</v>
      </c>
      <c r="IT28" s="103">
        <v>14</v>
      </c>
      <c r="IU28" s="104">
        <v>31</v>
      </c>
      <c r="IV28" s="101">
        <v>5</v>
      </c>
      <c r="IW28" s="102">
        <v>7</v>
      </c>
      <c r="IX28" s="103">
        <v>12</v>
      </c>
      <c r="IY28" s="413">
        <v>0</v>
      </c>
      <c r="IZ28" s="102">
        <v>9</v>
      </c>
      <c r="JA28" s="102">
        <v>5</v>
      </c>
      <c r="JB28" s="102">
        <v>6</v>
      </c>
      <c r="JC28" s="102">
        <v>1</v>
      </c>
      <c r="JD28" s="102">
        <v>0</v>
      </c>
      <c r="JE28" s="103">
        <v>21</v>
      </c>
      <c r="JF28" s="104">
        <v>33</v>
      </c>
      <c r="JG28" s="101">
        <v>5</v>
      </c>
      <c r="JH28" s="102">
        <v>5</v>
      </c>
      <c r="JI28" s="103">
        <v>10</v>
      </c>
      <c r="JJ28" s="413">
        <v>0</v>
      </c>
      <c r="JK28" s="102">
        <v>9</v>
      </c>
      <c r="JL28" s="102">
        <v>6</v>
      </c>
      <c r="JM28" s="102">
        <v>2</v>
      </c>
      <c r="JN28" s="102">
        <v>4</v>
      </c>
      <c r="JO28" s="102">
        <v>1</v>
      </c>
      <c r="JP28" s="103">
        <v>22</v>
      </c>
      <c r="JQ28" s="104">
        <v>32</v>
      </c>
      <c r="JR28" s="101">
        <v>0</v>
      </c>
      <c r="JS28" s="102">
        <v>0</v>
      </c>
      <c r="JT28" s="103">
        <v>0</v>
      </c>
      <c r="JU28" s="413">
        <v>0</v>
      </c>
      <c r="JV28" s="102">
        <v>0</v>
      </c>
      <c r="JW28" s="102">
        <v>0</v>
      </c>
      <c r="JX28" s="102">
        <v>0</v>
      </c>
      <c r="JY28" s="102">
        <v>0</v>
      </c>
      <c r="JZ28" s="102">
        <v>0</v>
      </c>
      <c r="KA28" s="103">
        <v>0</v>
      </c>
      <c r="KB28" s="104">
        <v>0</v>
      </c>
      <c r="KC28" s="101">
        <v>15</v>
      </c>
      <c r="KD28" s="102">
        <v>32</v>
      </c>
      <c r="KE28" s="103">
        <v>47</v>
      </c>
      <c r="KF28" s="413">
        <v>0</v>
      </c>
      <c r="KG28" s="102">
        <v>26</v>
      </c>
      <c r="KH28" s="102">
        <v>17</v>
      </c>
      <c r="KI28" s="102">
        <v>13</v>
      </c>
      <c r="KJ28" s="102">
        <v>9</v>
      </c>
      <c r="KK28" s="102">
        <v>3</v>
      </c>
      <c r="KL28" s="103">
        <v>68</v>
      </c>
      <c r="KM28" s="104">
        <v>115</v>
      </c>
    </row>
    <row r="29" spans="2:299" s="70" customFormat="1" ht="21" customHeight="1" x14ac:dyDescent="0.2">
      <c r="B29" s="106" t="s">
        <v>26</v>
      </c>
      <c r="C29" s="96">
        <v>28</v>
      </c>
      <c r="D29" s="97">
        <v>16</v>
      </c>
      <c r="E29" s="98">
        <v>44</v>
      </c>
      <c r="F29" s="413">
        <v>0</v>
      </c>
      <c r="G29" s="97">
        <v>32</v>
      </c>
      <c r="H29" s="97">
        <v>19</v>
      </c>
      <c r="I29" s="97">
        <v>19</v>
      </c>
      <c r="J29" s="97">
        <v>12</v>
      </c>
      <c r="K29" s="97">
        <v>6</v>
      </c>
      <c r="L29" s="99">
        <v>88</v>
      </c>
      <c r="M29" s="100">
        <v>132</v>
      </c>
      <c r="N29" s="101">
        <v>0</v>
      </c>
      <c r="O29" s="102">
        <v>0</v>
      </c>
      <c r="P29" s="103">
        <v>0</v>
      </c>
      <c r="Q29" s="413">
        <v>0</v>
      </c>
      <c r="R29" s="102">
        <v>0</v>
      </c>
      <c r="S29" s="102">
        <v>0</v>
      </c>
      <c r="T29" s="102">
        <v>1</v>
      </c>
      <c r="U29" s="102">
        <v>0</v>
      </c>
      <c r="V29" s="102">
        <v>0</v>
      </c>
      <c r="W29" s="103">
        <v>1</v>
      </c>
      <c r="X29" s="104">
        <v>1</v>
      </c>
      <c r="Y29" s="101">
        <v>0</v>
      </c>
      <c r="Z29" s="102">
        <v>0</v>
      </c>
      <c r="AA29" s="103">
        <v>0</v>
      </c>
      <c r="AB29" s="413">
        <v>0</v>
      </c>
      <c r="AC29" s="102">
        <v>3</v>
      </c>
      <c r="AD29" s="102">
        <v>0</v>
      </c>
      <c r="AE29" s="102">
        <v>0</v>
      </c>
      <c r="AF29" s="102">
        <v>0</v>
      </c>
      <c r="AG29" s="102">
        <v>0</v>
      </c>
      <c r="AH29" s="103">
        <v>3</v>
      </c>
      <c r="AI29" s="104">
        <v>3</v>
      </c>
      <c r="AJ29" s="101">
        <v>1</v>
      </c>
      <c r="AK29" s="102">
        <v>2</v>
      </c>
      <c r="AL29" s="103">
        <v>3</v>
      </c>
      <c r="AM29" s="413">
        <v>0</v>
      </c>
      <c r="AN29" s="102">
        <v>5</v>
      </c>
      <c r="AO29" s="102">
        <v>0</v>
      </c>
      <c r="AP29" s="102">
        <v>0</v>
      </c>
      <c r="AQ29" s="102">
        <v>0</v>
      </c>
      <c r="AR29" s="102">
        <v>0</v>
      </c>
      <c r="AS29" s="103">
        <v>5</v>
      </c>
      <c r="AT29" s="104">
        <v>8</v>
      </c>
      <c r="AU29" s="101">
        <v>9</v>
      </c>
      <c r="AV29" s="102">
        <v>6</v>
      </c>
      <c r="AW29" s="103">
        <v>15</v>
      </c>
      <c r="AX29" s="413">
        <v>0</v>
      </c>
      <c r="AY29" s="102">
        <v>6</v>
      </c>
      <c r="AZ29" s="102">
        <v>7</v>
      </c>
      <c r="BA29" s="102">
        <v>4</v>
      </c>
      <c r="BB29" s="102">
        <v>5</v>
      </c>
      <c r="BC29" s="102">
        <v>1</v>
      </c>
      <c r="BD29" s="103">
        <v>23</v>
      </c>
      <c r="BE29" s="104">
        <v>38</v>
      </c>
      <c r="BF29" s="101">
        <v>7</v>
      </c>
      <c r="BG29" s="102">
        <v>4</v>
      </c>
      <c r="BH29" s="103">
        <v>11</v>
      </c>
      <c r="BI29" s="413">
        <v>0</v>
      </c>
      <c r="BJ29" s="102">
        <v>7</v>
      </c>
      <c r="BK29" s="102">
        <v>9</v>
      </c>
      <c r="BL29" s="102">
        <v>8</v>
      </c>
      <c r="BM29" s="102">
        <v>4</v>
      </c>
      <c r="BN29" s="102">
        <v>2</v>
      </c>
      <c r="BO29" s="103">
        <v>30</v>
      </c>
      <c r="BP29" s="104">
        <v>41</v>
      </c>
      <c r="BQ29" s="101">
        <v>11</v>
      </c>
      <c r="BR29" s="102">
        <v>4</v>
      </c>
      <c r="BS29" s="103">
        <v>15</v>
      </c>
      <c r="BT29" s="413">
        <v>0</v>
      </c>
      <c r="BU29" s="102">
        <v>11</v>
      </c>
      <c r="BV29" s="102">
        <v>3</v>
      </c>
      <c r="BW29" s="102">
        <v>6</v>
      </c>
      <c r="BX29" s="102">
        <v>3</v>
      </c>
      <c r="BY29" s="102">
        <v>3</v>
      </c>
      <c r="BZ29" s="103">
        <v>26</v>
      </c>
      <c r="CA29" s="104">
        <v>41</v>
      </c>
      <c r="CB29" s="101">
        <v>0</v>
      </c>
      <c r="CC29" s="102">
        <v>0</v>
      </c>
      <c r="CD29" s="103">
        <v>0</v>
      </c>
      <c r="CE29" s="413">
        <v>0</v>
      </c>
      <c r="CF29" s="102">
        <v>0</v>
      </c>
      <c r="CG29" s="102">
        <v>0</v>
      </c>
      <c r="CH29" s="102">
        <v>0</v>
      </c>
      <c r="CI29" s="102">
        <v>0</v>
      </c>
      <c r="CJ29" s="102">
        <v>0</v>
      </c>
      <c r="CK29" s="103">
        <v>0</v>
      </c>
      <c r="CL29" s="104">
        <v>0</v>
      </c>
      <c r="CM29" s="101">
        <v>28</v>
      </c>
      <c r="CN29" s="102">
        <v>16</v>
      </c>
      <c r="CO29" s="103">
        <v>44</v>
      </c>
      <c r="CP29" s="413">
        <v>0</v>
      </c>
      <c r="CQ29" s="102">
        <v>32</v>
      </c>
      <c r="CR29" s="102">
        <v>19</v>
      </c>
      <c r="CS29" s="102">
        <v>19</v>
      </c>
      <c r="CT29" s="102">
        <v>12</v>
      </c>
      <c r="CU29" s="102">
        <v>6</v>
      </c>
      <c r="CV29" s="103">
        <v>88</v>
      </c>
      <c r="CW29" s="104">
        <v>132</v>
      </c>
      <c r="CX29" s="105">
        <v>2</v>
      </c>
      <c r="CY29" s="97">
        <v>4</v>
      </c>
      <c r="CZ29" s="98">
        <v>6</v>
      </c>
      <c r="DA29" s="413">
        <v>0</v>
      </c>
      <c r="DB29" s="97">
        <v>6</v>
      </c>
      <c r="DC29" s="97">
        <v>2</v>
      </c>
      <c r="DD29" s="97">
        <v>2</v>
      </c>
      <c r="DE29" s="97">
        <v>2</v>
      </c>
      <c r="DF29" s="97">
        <v>1</v>
      </c>
      <c r="DG29" s="99">
        <v>13</v>
      </c>
      <c r="DH29" s="100">
        <v>19</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0</v>
      </c>
      <c r="ER29" s="103">
        <v>1</v>
      </c>
      <c r="ES29" s="413">
        <v>0</v>
      </c>
      <c r="ET29" s="102">
        <v>2</v>
      </c>
      <c r="EU29" s="102">
        <v>1</v>
      </c>
      <c r="EV29" s="102">
        <v>0</v>
      </c>
      <c r="EW29" s="102">
        <v>0</v>
      </c>
      <c r="EX29" s="102">
        <v>0</v>
      </c>
      <c r="EY29" s="103">
        <v>3</v>
      </c>
      <c r="EZ29" s="104">
        <v>4</v>
      </c>
      <c r="FA29" s="101">
        <v>0</v>
      </c>
      <c r="FB29" s="102">
        <v>1</v>
      </c>
      <c r="FC29" s="103">
        <v>1</v>
      </c>
      <c r="FD29" s="413">
        <v>0</v>
      </c>
      <c r="FE29" s="102">
        <v>1</v>
      </c>
      <c r="FF29" s="102">
        <v>1</v>
      </c>
      <c r="FG29" s="102">
        <v>0</v>
      </c>
      <c r="FH29" s="102">
        <v>0</v>
      </c>
      <c r="FI29" s="102">
        <v>0</v>
      </c>
      <c r="FJ29" s="103">
        <v>2</v>
      </c>
      <c r="FK29" s="104">
        <v>3</v>
      </c>
      <c r="FL29" s="101">
        <v>0</v>
      </c>
      <c r="FM29" s="102">
        <v>2</v>
      </c>
      <c r="FN29" s="103">
        <v>2</v>
      </c>
      <c r="FO29" s="413">
        <v>0</v>
      </c>
      <c r="FP29" s="102">
        <v>3</v>
      </c>
      <c r="FQ29" s="102">
        <v>0</v>
      </c>
      <c r="FR29" s="102">
        <v>2</v>
      </c>
      <c r="FS29" s="102">
        <v>1</v>
      </c>
      <c r="FT29" s="102">
        <v>1</v>
      </c>
      <c r="FU29" s="103">
        <v>7</v>
      </c>
      <c r="FV29" s="104">
        <v>9</v>
      </c>
      <c r="FW29" s="101">
        <v>0</v>
      </c>
      <c r="FX29" s="102">
        <v>0</v>
      </c>
      <c r="FY29" s="103">
        <v>0</v>
      </c>
      <c r="FZ29" s="413">
        <v>0</v>
      </c>
      <c r="GA29" s="102">
        <v>0</v>
      </c>
      <c r="GB29" s="102">
        <v>0</v>
      </c>
      <c r="GC29" s="102">
        <v>0</v>
      </c>
      <c r="GD29" s="102">
        <v>0</v>
      </c>
      <c r="GE29" s="102">
        <v>0</v>
      </c>
      <c r="GF29" s="103">
        <v>0</v>
      </c>
      <c r="GG29" s="104">
        <v>0</v>
      </c>
      <c r="GH29" s="101">
        <v>2</v>
      </c>
      <c r="GI29" s="102">
        <v>4</v>
      </c>
      <c r="GJ29" s="103">
        <v>6</v>
      </c>
      <c r="GK29" s="413">
        <v>0</v>
      </c>
      <c r="GL29" s="102">
        <v>6</v>
      </c>
      <c r="GM29" s="102">
        <v>2</v>
      </c>
      <c r="GN29" s="102">
        <v>2</v>
      </c>
      <c r="GO29" s="102">
        <v>2</v>
      </c>
      <c r="GP29" s="102">
        <v>1</v>
      </c>
      <c r="GQ29" s="103">
        <v>13</v>
      </c>
      <c r="GR29" s="104">
        <v>19</v>
      </c>
      <c r="GS29" s="105">
        <v>30</v>
      </c>
      <c r="GT29" s="97">
        <v>20</v>
      </c>
      <c r="GU29" s="98">
        <v>50</v>
      </c>
      <c r="GV29" s="413">
        <v>0</v>
      </c>
      <c r="GW29" s="97">
        <v>38</v>
      </c>
      <c r="GX29" s="97">
        <v>21</v>
      </c>
      <c r="GY29" s="97">
        <v>21</v>
      </c>
      <c r="GZ29" s="97">
        <v>14</v>
      </c>
      <c r="HA29" s="97">
        <v>7</v>
      </c>
      <c r="HB29" s="99">
        <v>101</v>
      </c>
      <c r="HC29" s="100">
        <v>151</v>
      </c>
      <c r="HD29" s="101">
        <v>0</v>
      </c>
      <c r="HE29" s="102">
        <v>1</v>
      </c>
      <c r="HF29" s="103">
        <v>1</v>
      </c>
      <c r="HG29" s="413">
        <v>0</v>
      </c>
      <c r="HH29" s="102">
        <v>0</v>
      </c>
      <c r="HI29" s="102">
        <v>0</v>
      </c>
      <c r="HJ29" s="102">
        <v>1</v>
      </c>
      <c r="HK29" s="102">
        <v>0</v>
      </c>
      <c r="HL29" s="102">
        <v>0</v>
      </c>
      <c r="HM29" s="103">
        <v>1</v>
      </c>
      <c r="HN29" s="104">
        <v>2</v>
      </c>
      <c r="HO29" s="101">
        <v>0</v>
      </c>
      <c r="HP29" s="102">
        <v>0</v>
      </c>
      <c r="HQ29" s="103">
        <v>0</v>
      </c>
      <c r="HR29" s="413">
        <v>0</v>
      </c>
      <c r="HS29" s="102">
        <v>3</v>
      </c>
      <c r="HT29" s="102">
        <v>0</v>
      </c>
      <c r="HU29" s="102">
        <v>0</v>
      </c>
      <c r="HV29" s="102">
        <v>1</v>
      </c>
      <c r="HW29" s="102">
        <v>0</v>
      </c>
      <c r="HX29" s="103">
        <v>4</v>
      </c>
      <c r="HY29" s="104">
        <v>4</v>
      </c>
      <c r="HZ29" s="101">
        <v>2</v>
      </c>
      <c r="IA29" s="102">
        <v>2</v>
      </c>
      <c r="IB29" s="103">
        <v>4</v>
      </c>
      <c r="IC29" s="413">
        <v>0</v>
      </c>
      <c r="ID29" s="102">
        <v>5</v>
      </c>
      <c r="IE29" s="102">
        <v>0</v>
      </c>
      <c r="IF29" s="102">
        <v>0</v>
      </c>
      <c r="IG29" s="102">
        <v>0</v>
      </c>
      <c r="IH29" s="102">
        <v>0</v>
      </c>
      <c r="II29" s="103">
        <v>5</v>
      </c>
      <c r="IJ29" s="104">
        <v>9</v>
      </c>
      <c r="IK29" s="101">
        <v>10</v>
      </c>
      <c r="IL29" s="102">
        <v>6</v>
      </c>
      <c r="IM29" s="103">
        <v>16</v>
      </c>
      <c r="IN29" s="413">
        <v>0</v>
      </c>
      <c r="IO29" s="102">
        <v>8</v>
      </c>
      <c r="IP29" s="102">
        <v>8</v>
      </c>
      <c r="IQ29" s="102">
        <v>4</v>
      </c>
      <c r="IR29" s="102">
        <v>5</v>
      </c>
      <c r="IS29" s="102">
        <v>1</v>
      </c>
      <c r="IT29" s="103">
        <v>26</v>
      </c>
      <c r="IU29" s="104">
        <v>42</v>
      </c>
      <c r="IV29" s="101">
        <v>7</v>
      </c>
      <c r="IW29" s="102">
        <v>5</v>
      </c>
      <c r="IX29" s="103">
        <v>12</v>
      </c>
      <c r="IY29" s="413">
        <v>0</v>
      </c>
      <c r="IZ29" s="102">
        <v>8</v>
      </c>
      <c r="JA29" s="102">
        <v>10</v>
      </c>
      <c r="JB29" s="102">
        <v>8</v>
      </c>
      <c r="JC29" s="102">
        <v>4</v>
      </c>
      <c r="JD29" s="102">
        <v>2</v>
      </c>
      <c r="JE29" s="103">
        <v>32</v>
      </c>
      <c r="JF29" s="104">
        <v>44</v>
      </c>
      <c r="JG29" s="101">
        <v>11</v>
      </c>
      <c r="JH29" s="102">
        <v>6</v>
      </c>
      <c r="JI29" s="103">
        <v>17</v>
      </c>
      <c r="JJ29" s="413">
        <v>0</v>
      </c>
      <c r="JK29" s="102">
        <v>14</v>
      </c>
      <c r="JL29" s="102">
        <v>3</v>
      </c>
      <c r="JM29" s="102">
        <v>8</v>
      </c>
      <c r="JN29" s="102">
        <v>4</v>
      </c>
      <c r="JO29" s="102">
        <v>4</v>
      </c>
      <c r="JP29" s="103">
        <v>33</v>
      </c>
      <c r="JQ29" s="104">
        <v>50</v>
      </c>
      <c r="JR29" s="101">
        <v>0</v>
      </c>
      <c r="JS29" s="102">
        <v>0</v>
      </c>
      <c r="JT29" s="103">
        <v>0</v>
      </c>
      <c r="JU29" s="413">
        <v>0</v>
      </c>
      <c r="JV29" s="102">
        <v>0</v>
      </c>
      <c r="JW29" s="102">
        <v>0</v>
      </c>
      <c r="JX29" s="102">
        <v>0</v>
      </c>
      <c r="JY29" s="102">
        <v>0</v>
      </c>
      <c r="JZ29" s="102">
        <v>0</v>
      </c>
      <c r="KA29" s="103">
        <v>0</v>
      </c>
      <c r="KB29" s="104">
        <v>0</v>
      </c>
      <c r="KC29" s="101">
        <v>30</v>
      </c>
      <c r="KD29" s="102">
        <v>20</v>
      </c>
      <c r="KE29" s="103">
        <v>50</v>
      </c>
      <c r="KF29" s="413">
        <v>0</v>
      </c>
      <c r="KG29" s="102">
        <v>38</v>
      </c>
      <c r="KH29" s="102">
        <v>21</v>
      </c>
      <c r="KI29" s="102">
        <v>21</v>
      </c>
      <c r="KJ29" s="102">
        <v>14</v>
      </c>
      <c r="KK29" s="102">
        <v>7</v>
      </c>
      <c r="KL29" s="103">
        <v>101</v>
      </c>
      <c r="KM29" s="104">
        <v>151</v>
      </c>
    </row>
    <row r="30" spans="2:299" s="70" customFormat="1" ht="21" customHeight="1" x14ac:dyDescent="0.2">
      <c r="B30" s="106" t="s">
        <v>27</v>
      </c>
      <c r="C30" s="96">
        <v>31</v>
      </c>
      <c r="D30" s="97">
        <v>25</v>
      </c>
      <c r="E30" s="98">
        <v>56</v>
      </c>
      <c r="F30" s="413">
        <v>0</v>
      </c>
      <c r="G30" s="97">
        <v>20</v>
      </c>
      <c r="H30" s="97">
        <v>18</v>
      </c>
      <c r="I30" s="97">
        <v>13</v>
      </c>
      <c r="J30" s="97">
        <v>20</v>
      </c>
      <c r="K30" s="97">
        <v>13</v>
      </c>
      <c r="L30" s="99">
        <v>84</v>
      </c>
      <c r="M30" s="100">
        <v>140</v>
      </c>
      <c r="N30" s="101">
        <v>0</v>
      </c>
      <c r="O30" s="102">
        <v>1</v>
      </c>
      <c r="P30" s="103">
        <v>1</v>
      </c>
      <c r="Q30" s="413">
        <v>0</v>
      </c>
      <c r="R30" s="102">
        <v>0</v>
      </c>
      <c r="S30" s="102">
        <v>0</v>
      </c>
      <c r="T30" s="102">
        <v>0</v>
      </c>
      <c r="U30" s="102">
        <v>0</v>
      </c>
      <c r="V30" s="102">
        <v>1</v>
      </c>
      <c r="W30" s="103">
        <v>1</v>
      </c>
      <c r="X30" s="104">
        <v>2</v>
      </c>
      <c r="Y30" s="101">
        <v>1</v>
      </c>
      <c r="Z30" s="102">
        <v>0</v>
      </c>
      <c r="AA30" s="103">
        <v>1</v>
      </c>
      <c r="AB30" s="413">
        <v>0</v>
      </c>
      <c r="AC30" s="102">
        <v>1</v>
      </c>
      <c r="AD30" s="102">
        <v>0</v>
      </c>
      <c r="AE30" s="102">
        <v>0</v>
      </c>
      <c r="AF30" s="102">
        <v>0</v>
      </c>
      <c r="AG30" s="102">
        <v>1</v>
      </c>
      <c r="AH30" s="103">
        <v>2</v>
      </c>
      <c r="AI30" s="104">
        <v>3</v>
      </c>
      <c r="AJ30" s="101">
        <v>5</v>
      </c>
      <c r="AK30" s="102">
        <v>4</v>
      </c>
      <c r="AL30" s="103">
        <v>9</v>
      </c>
      <c r="AM30" s="413">
        <v>0</v>
      </c>
      <c r="AN30" s="102">
        <v>0</v>
      </c>
      <c r="AO30" s="102">
        <v>1</v>
      </c>
      <c r="AP30" s="102">
        <v>0</v>
      </c>
      <c r="AQ30" s="102">
        <v>2</v>
      </c>
      <c r="AR30" s="102">
        <v>1</v>
      </c>
      <c r="AS30" s="103">
        <v>4</v>
      </c>
      <c r="AT30" s="104">
        <v>13</v>
      </c>
      <c r="AU30" s="101">
        <v>7</v>
      </c>
      <c r="AV30" s="102">
        <v>6</v>
      </c>
      <c r="AW30" s="103">
        <v>13</v>
      </c>
      <c r="AX30" s="413">
        <v>0</v>
      </c>
      <c r="AY30" s="102">
        <v>4</v>
      </c>
      <c r="AZ30" s="102">
        <v>6</v>
      </c>
      <c r="BA30" s="102">
        <v>6</v>
      </c>
      <c r="BB30" s="102">
        <v>1</v>
      </c>
      <c r="BC30" s="102">
        <v>2</v>
      </c>
      <c r="BD30" s="103">
        <v>19</v>
      </c>
      <c r="BE30" s="104">
        <v>32</v>
      </c>
      <c r="BF30" s="101">
        <v>10</v>
      </c>
      <c r="BG30" s="102">
        <v>7</v>
      </c>
      <c r="BH30" s="103">
        <v>17</v>
      </c>
      <c r="BI30" s="413">
        <v>0</v>
      </c>
      <c r="BJ30" s="102">
        <v>7</v>
      </c>
      <c r="BK30" s="102">
        <v>4</v>
      </c>
      <c r="BL30" s="102">
        <v>4</v>
      </c>
      <c r="BM30" s="102">
        <v>5</v>
      </c>
      <c r="BN30" s="102">
        <v>5</v>
      </c>
      <c r="BO30" s="103">
        <v>25</v>
      </c>
      <c r="BP30" s="104">
        <v>42</v>
      </c>
      <c r="BQ30" s="101">
        <v>8</v>
      </c>
      <c r="BR30" s="102">
        <v>7</v>
      </c>
      <c r="BS30" s="103">
        <v>15</v>
      </c>
      <c r="BT30" s="413">
        <v>0</v>
      </c>
      <c r="BU30" s="102">
        <v>8</v>
      </c>
      <c r="BV30" s="102">
        <v>7</v>
      </c>
      <c r="BW30" s="102">
        <v>3</v>
      </c>
      <c r="BX30" s="102">
        <v>12</v>
      </c>
      <c r="BY30" s="102">
        <v>3</v>
      </c>
      <c r="BZ30" s="103">
        <v>33</v>
      </c>
      <c r="CA30" s="104">
        <v>48</v>
      </c>
      <c r="CB30" s="101">
        <v>0</v>
      </c>
      <c r="CC30" s="102">
        <v>0</v>
      </c>
      <c r="CD30" s="103">
        <v>0</v>
      </c>
      <c r="CE30" s="413">
        <v>0</v>
      </c>
      <c r="CF30" s="102">
        <v>0</v>
      </c>
      <c r="CG30" s="102">
        <v>0</v>
      </c>
      <c r="CH30" s="102">
        <v>0</v>
      </c>
      <c r="CI30" s="102">
        <v>0</v>
      </c>
      <c r="CJ30" s="102">
        <v>0</v>
      </c>
      <c r="CK30" s="103">
        <v>0</v>
      </c>
      <c r="CL30" s="104">
        <v>0</v>
      </c>
      <c r="CM30" s="101">
        <v>31</v>
      </c>
      <c r="CN30" s="102">
        <v>25</v>
      </c>
      <c r="CO30" s="103">
        <v>56</v>
      </c>
      <c r="CP30" s="413">
        <v>0</v>
      </c>
      <c r="CQ30" s="102">
        <v>20</v>
      </c>
      <c r="CR30" s="102">
        <v>18</v>
      </c>
      <c r="CS30" s="102">
        <v>13</v>
      </c>
      <c r="CT30" s="102">
        <v>20</v>
      </c>
      <c r="CU30" s="102">
        <v>13</v>
      </c>
      <c r="CV30" s="103">
        <v>84</v>
      </c>
      <c r="CW30" s="104">
        <v>140</v>
      </c>
      <c r="CX30" s="105">
        <v>6</v>
      </c>
      <c r="CY30" s="97">
        <v>4</v>
      </c>
      <c r="CZ30" s="98">
        <v>10</v>
      </c>
      <c r="DA30" s="413">
        <v>0</v>
      </c>
      <c r="DB30" s="97">
        <v>2</v>
      </c>
      <c r="DC30" s="97">
        <v>1</v>
      </c>
      <c r="DD30" s="97">
        <v>3</v>
      </c>
      <c r="DE30" s="97">
        <v>3</v>
      </c>
      <c r="DF30" s="97">
        <v>0</v>
      </c>
      <c r="DG30" s="99">
        <v>9</v>
      </c>
      <c r="DH30" s="100">
        <v>19</v>
      </c>
      <c r="DI30" s="101">
        <v>0</v>
      </c>
      <c r="DJ30" s="102">
        <v>0</v>
      </c>
      <c r="DK30" s="103">
        <v>0</v>
      </c>
      <c r="DL30" s="413">
        <v>0</v>
      </c>
      <c r="DM30" s="102">
        <v>0</v>
      </c>
      <c r="DN30" s="102">
        <v>0</v>
      </c>
      <c r="DO30" s="102">
        <v>0</v>
      </c>
      <c r="DP30" s="102">
        <v>0</v>
      </c>
      <c r="DQ30" s="102">
        <v>0</v>
      </c>
      <c r="DR30" s="103">
        <v>0</v>
      </c>
      <c r="DS30" s="104">
        <v>0</v>
      </c>
      <c r="DT30" s="101">
        <v>1</v>
      </c>
      <c r="DU30" s="102">
        <v>0</v>
      </c>
      <c r="DV30" s="103">
        <v>1</v>
      </c>
      <c r="DW30" s="413">
        <v>0</v>
      </c>
      <c r="DX30" s="102">
        <v>0</v>
      </c>
      <c r="DY30" s="102">
        <v>0</v>
      </c>
      <c r="DZ30" s="102">
        <v>0</v>
      </c>
      <c r="EA30" s="102">
        <v>1</v>
      </c>
      <c r="EB30" s="102">
        <v>0</v>
      </c>
      <c r="EC30" s="103">
        <v>1</v>
      </c>
      <c r="ED30" s="104">
        <v>2</v>
      </c>
      <c r="EE30" s="101">
        <v>0</v>
      </c>
      <c r="EF30" s="102">
        <v>0</v>
      </c>
      <c r="EG30" s="103">
        <v>0</v>
      </c>
      <c r="EH30" s="413">
        <v>0</v>
      </c>
      <c r="EI30" s="102">
        <v>0</v>
      </c>
      <c r="EJ30" s="102">
        <v>0</v>
      </c>
      <c r="EK30" s="102">
        <v>0</v>
      </c>
      <c r="EL30" s="102">
        <v>0</v>
      </c>
      <c r="EM30" s="102">
        <v>0</v>
      </c>
      <c r="EN30" s="103">
        <v>0</v>
      </c>
      <c r="EO30" s="104">
        <v>0</v>
      </c>
      <c r="EP30" s="101">
        <v>2</v>
      </c>
      <c r="EQ30" s="102">
        <v>0</v>
      </c>
      <c r="ER30" s="103">
        <v>2</v>
      </c>
      <c r="ES30" s="413">
        <v>0</v>
      </c>
      <c r="ET30" s="102">
        <v>0</v>
      </c>
      <c r="EU30" s="102">
        <v>0</v>
      </c>
      <c r="EV30" s="102">
        <v>0</v>
      </c>
      <c r="EW30" s="102">
        <v>0</v>
      </c>
      <c r="EX30" s="102">
        <v>0</v>
      </c>
      <c r="EY30" s="103">
        <v>0</v>
      </c>
      <c r="EZ30" s="104">
        <v>2</v>
      </c>
      <c r="FA30" s="101">
        <v>1</v>
      </c>
      <c r="FB30" s="102">
        <v>1</v>
      </c>
      <c r="FC30" s="103">
        <v>2</v>
      </c>
      <c r="FD30" s="413">
        <v>0</v>
      </c>
      <c r="FE30" s="102">
        <v>2</v>
      </c>
      <c r="FF30" s="102">
        <v>1</v>
      </c>
      <c r="FG30" s="102">
        <v>1</v>
      </c>
      <c r="FH30" s="102">
        <v>0</v>
      </c>
      <c r="FI30" s="102">
        <v>0</v>
      </c>
      <c r="FJ30" s="103">
        <v>4</v>
      </c>
      <c r="FK30" s="104">
        <v>6</v>
      </c>
      <c r="FL30" s="101">
        <v>2</v>
      </c>
      <c r="FM30" s="102">
        <v>3</v>
      </c>
      <c r="FN30" s="103">
        <v>5</v>
      </c>
      <c r="FO30" s="413">
        <v>0</v>
      </c>
      <c r="FP30" s="102">
        <v>0</v>
      </c>
      <c r="FQ30" s="102">
        <v>0</v>
      </c>
      <c r="FR30" s="102">
        <v>2</v>
      </c>
      <c r="FS30" s="102">
        <v>2</v>
      </c>
      <c r="FT30" s="102">
        <v>0</v>
      </c>
      <c r="FU30" s="103">
        <v>4</v>
      </c>
      <c r="FV30" s="104">
        <v>9</v>
      </c>
      <c r="FW30" s="101">
        <v>0</v>
      </c>
      <c r="FX30" s="102">
        <v>0</v>
      </c>
      <c r="FY30" s="103">
        <v>0</v>
      </c>
      <c r="FZ30" s="413">
        <v>0</v>
      </c>
      <c r="GA30" s="102">
        <v>0</v>
      </c>
      <c r="GB30" s="102">
        <v>0</v>
      </c>
      <c r="GC30" s="102">
        <v>0</v>
      </c>
      <c r="GD30" s="102">
        <v>0</v>
      </c>
      <c r="GE30" s="102">
        <v>0</v>
      </c>
      <c r="GF30" s="103">
        <v>0</v>
      </c>
      <c r="GG30" s="104">
        <v>0</v>
      </c>
      <c r="GH30" s="101">
        <v>6</v>
      </c>
      <c r="GI30" s="102">
        <v>4</v>
      </c>
      <c r="GJ30" s="103">
        <v>10</v>
      </c>
      <c r="GK30" s="413">
        <v>0</v>
      </c>
      <c r="GL30" s="102">
        <v>2</v>
      </c>
      <c r="GM30" s="102">
        <v>1</v>
      </c>
      <c r="GN30" s="102">
        <v>3</v>
      </c>
      <c r="GO30" s="102">
        <v>3</v>
      </c>
      <c r="GP30" s="102">
        <v>0</v>
      </c>
      <c r="GQ30" s="103">
        <v>9</v>
      </c>
      <c r="GR30" s="104">
        <v>19</v>
      </c>
      <c r="GS30" s="105">
        <v>37</v>
      </c>
      <c r="GT30" s="97">
        <v>29</v>
      </c>
      <c r="GU30" s="98">
        <v>66</v>
      </c>
      <c r="GV30" s="413">
        <v>0</v>
      </c>
      <c r="GW30" s="97">
        <v>22</v>
      </c>
      <c r="GX30" s="97">
        <v>19</v>
      </c>
      <c r="GY30" s="97">
        <v>16</v>
      </c>
      <c r="GZ30" s="97">
        <v>23</v>
      </c>
      <c r="HA30" s="97">
        <v>13</v>
      </c>
      <c r="HB30" s="99">
        <v>93</v>
      </c>
      <c r="HC30" s="100">
        <v>159</v>
      </c>
      <c r="HD30" s="101">
        <v>0</v>
      </c>
      <c r="HE30" s="102">
        <v>1</v>
      </c>
      <c r="HF30" s="103">
        <v>1</v>
      </c>
      <c r="HG30" s="413">
        <v>0</v>
      </c>
      <c r="HH30" s="102">
        <v>0</v>
      </c>
      <c r="HI30" s="102">
        <v>0</v>
      </c>
      <c r="HJ30" s="102">
        <v>0</v>
      </c>
      <c r="HK30" s="102">
        <v>0</v>
      </c>
      <c r="HL30" s="102">
        <v>1</v>
      </c>
      <c r="HM30" s="103">
        <v>1</v>
      </c>
      <c r="HN30" s="104">
        <v>2</v>
      </c>
      <c r="HO30" s="101">
        <v>2</v>
      </c>
      <c r="HP30" s="102">
        <v>0</v>
      </c>
      <c r="HQ30" s="103">
        <v>2</v>
      </c>
      <c r="HR30" s="413">
        <v>0</v>
      </c>
      <c r="HS30" s="102">
        <v>1</v>
      </c>
      <c r="HT30" s="102">
        <v>0</v>
      </c>
      <c r="HU30" s="102">
        <v>0</v>
      </c>
      <c r="HV30" s="102">
        <v>1</v>
      </c>
      <c r="HW30" s="102">
        <v>1</v>
      </c>
      <c r="HX30" s="103">
        <v>3</v>
      </c>
      <c r="HY30" s="104">
        <v>5</v>
      </c>
      <c r="HZ30" s="101">
        <v>5</v>
      </c>
      <c r="IA30" s="102">
        <v>4</v>
      </c>
      <c r="IB30" s="103">
        <v>9</v>
      </c>
      <c r="IC30" s="413">
        <v>0</v>
      </c>
      <c r="ID30" s="102">
        <v>0</v>
      </c>
      <c r="IE30" s="102">
        <v>1</v>
      </c>
      <c r="IF30" s="102">
        <v>0</v>
      </c>
      <c r="IG30" s="102">
        <v>2</v>
      </c>
      <c r="IH30" s="102">
        <v>1</v>
      </c>
      <c r="II30" s="103">
        <v>4</v>
      </c>
      <c r="IJ30" s="104">
        <v>13</v>
      </c>
      <c r="IK30" s="101">
        <v>9</v>
      </c>
      <c r="IL30" s="102">
        <v>6</v>
      </c>
      <c r="IM30" s="103">
        <v>15</v>
      </c>
      <c r="IN30" s="413">
        <v>0</v>
      </c>
      <c r="IO30" s="102">
        <v>4</v>
      </c>
      <c r="IP30" s="102">
        <v>6</v>
      </c>
      <c r="IQ30" s="102">
        <v>6</v>
      </c>
      <c r="IR30" s="102">
        <v>1</v>
      </c>
      <c r="IS30" s="102">
        <v>2</v>
      </c>
      <c r="IT30" s="103">
        <v>19</v>
      </c>
      <c r="IU30" s="104">
        <v>34</v>
      </c>
      <c r="IV30" s="101">
        <v>11</v>
      </c>
      <c r="IW30" s="102">
        <v>8</v>
      </c>
      <c r="IX30" s="103">
        <v>19</v>
      </c>
      <c r="IY30" s="413">
        <v>0</v>
      </c>
      <c r="IZ30" s="102">
        <v>9</v>
      </c>
      <c r="JA30" s="102">
        <v>5</v>
      </c>
      <c r="JB30" s="102">
        <v>5</v>
      </c>
      <c r="JC30" s="102">
        <v>5</v>
      </c>
      <c r="JD30" s="102">
        <v>5</v>
      </c>
      <c r="JE30" s="103">
        <v>29</v>
      </c>
      <c r="JF30" s="104">
        <v>48</v>
      </c>
      <c r="JG30" s="101">
        <v>10</v>
      </c>
      <c r="JH30" s="102">
        <v>10</v>
      </c>
      <c r="JI30" s="103">
        <v>20</v>
      </c>
      <c r="JJ30" s="413">
        <v>0</v>
      </c>
      <c r="JK30" s="102">
        <v>8</v>
      </c>
      <c r="JL30" s="102">
        <v>7</v>
      </c>
      <c r="JM30" s="102">
        <v>5</v>
      </c>
      <c r="JN30" s="102">
        <v>14</v>
      </c>
      <c r="JO30" s="102">
        <v>3</v>
      </c>
      <c r="JP30" s="103">
        <v>37</v>
      </c>
      <c r="JQ30" s="104">
        <v>57</v>
      </c>
      <c r="JR30" s="101">
        <v>0</v>
      </c>
      <c r="JS30" s="102">
        <v>0</v>
      </c>
      <c r="JT30" s="103">
        <v>0</v>
      </c>
      <c r="JU30" s="413">
        <v>0</v>
      </c>
      <c r="JV30" s="102">
        <v>0</v>
      </c>
      <c r="JW30" s="102">
        <v>0</v>
      </c>
      <c r="JX30" s="102">
        <v>0</v>
      </c>
      <c r="JY30" s="102">
        <v>0</v>
      </c>
      <c r="JZ30" s="102">
        <v>0</v>
      </c>
      <c r="KA30" s="103">
        <v>0</v>
      </c>
      <c r="KB30" s="104">
        <v>0</v>
      </c>
      <c r="KC30" s="101">
        <v>37</v>
      </c>
      <c r="KD30" s="102">
        <v>29</v>
      </c>
      <c r="KE30" s="103">
        <v>66</v>
      </c>
      <c r="KF30" s="413">
        <v>0</v>
      </c>
      <c r="KG30" s="102">
        <v>22</v>
      </c>
      <c r="KH30" s="102">
        <v>19</v>
      </c>
      <c r="KI30" s="102">
        <v>16</v>
      </c>
      <c r="KJ30" s="102">
        <v>23</v>
      </c>
      <c r="KK30" s="102">
        <v>13</v>
      </c>
      <c r="KL30" s="103">
        <v>93</v>
      </c>
      <c r="KM30" s="104">
        <v>159</v>
      </c>
    </row>
    <row r="31" spans="2:299" s="70" customFormat="1" ht="21" customHeight="1" x14ac:dyDescent="0.2">
      <c r="B31" s="106" t="s">
        <v>28</v>
      </c>
      <c r="C31" s="96">
        <v>1</v>
      </c>
      <c r="D31" s="97">
        <v>6</v>
      </c>
      <c r="E31" s="98">
        <v>7</v>
      </c>
      <c r="F31" s="413">
        <v>0</v>
      </c>
      <c r="G31" s="97">
        <v>12</v>
      </c>
      <c r="H31" s="97">
        <v>8</v>
      </c>
      <c r="I31" s="97">
        <v>4</v>
      </c>
      <c r="J31" s="97">
        <v>1</v>
      </c>
      <c r="K31" s="97">
        <v>1</v>
      </c>
      <c r="L31" s="99">
        <v>26</v>
      </c>
      <c r="M31" s="100">
        <v>33</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2</v>
      </c>
      <c r="AL31" s="103">
        <v>2</v>
      </c>
      <c r="AM31" s="413">
        <v>0</v>
      </c>
      <c r="AN31" s="102">
        <v>2</v>
      </c>
      <c r="AO31" s="102">
        <v>1</v>
      </c>
      <c r="AP31" s="102">
        <v>0</v>
      </c>
      <c r="AQ31" s="102">
        <v>0</v>
      </c>
      <c r="AR31" s="102">
        <v>0</v>
      </c>
      <c r="AS31" s="103">
        <v>3</v>
      </c>
      <c r="AT31" s="104">
        <v>5</v>
      </c>
      <c r="AU31" s="101">
        <v>1</v>
      </c>
      <c r="AV31" s="102">
        <v>3</v>
      </c>
      <c r="AW31" s="103">
        <v>4</v>
      </c>
      <c r="AX31" s="413">
        <v>0</v>
      </c>
      <c r="AY31" s="102">
        <v>3</v>
      </c>
      <c r="AZ31" s="102">
        <v>1</v>
      </c>
      <c r="BA31" s="102">
        <v>0</v>
      </c>
      <c r="BB31" s="102">
        <v>0</v>
      </c>
      <c r="BC31" s="102">
        <v>0</v>
      </c>
      <c r="BD31" s="103">
        <v>4</v>
      </c>
      <c r="BE31" s="104">
        <v>8</v>
      </c>
      <c r="BF31" s="101">
        <v>0</v>
      </c>
      <c r="BG31" s="102">
        <v>1</v>
      </c>
      <c r="BH31" s="103">
        <v>1</v>
      </c>
      <c r="BI31" s="413">
        <v>0</v>
      </c>
      <c r="BJ31" s="102">
        <v>4</v>
      </c>
      <c r="BK31" s="102">
        <v>4</v>
      </c>
      <c r="BL31" s="102">
        <v>2</v>
      </c>
      <c r="BM31" s="102">
        <v>0</v>
      </c>
      <c r="BN31" s="102">
        <v>0</v>
      </c>
      <c r="BO31" s="103">
        <v>10</v>
      </c>
      <c r="BP31" s="104">
        <v>11</v>
      </c>
      <c r="BQ31" s="101">
        <v>0</v>
      </c>
      <c r="BR31" s="102">
        <v>0</v>
      </c>
      <c r="BS31" s="103">
        <v>0</v>
      </c>
      <c r="BT31" s="413">
        <v>0</v>
      </c>
      <c r="BU31" s="102">
        <v>2</v>
      </c>
      <c r="BV31" s="102">
        <v>2</v>
      </c>
      <c r="BW31" s="102">
        <v>2</v>
      </c>
      <c r="BX31" s="102">
        <v>1</v>
      </c>
      <c r="BY31" s="102">
        <v>1</v>
      </c>
      <c r="BZ31" s="103">
        <v>8</v>
      </c>
      <c r="CA31" s="104">
        <v>8</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2</v>
      </c>
      <c r="CR31" s="102">
        <v>8</v>
      </c>
      <c r="CS31" s="102">
        <v>4</v>
      </c>
      <c r="CT31" s="102">
        <v>1</v>
      </c>
      <c r="CU31" s="102">
        <v>1</v>
      </c>
      <c r="CV31" s="103">
        <v>26</v>
      </c>
      <c r="CW31" s="104">
        <v>33</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3</v>
      </c>
      <c r="GX31" s="97">
        <v>9</v>
      </c>
      <c r="GY31" s="97">
        <v>4</v>
      </c>
      <c r="GZ31" s="97">
        <v>2</v>
      </c>
      <c r="HA31" s="97">
        <v>2</v>
      </c>
      <c r="HB31" s="99">
        <v>30</v>
      </c>
      <c r="HC31" s="100">
        <v>37</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2</v>
      </c>
      <c r="IB31" s="103">
        <v>2</v>
      </c>
      <c r="IC31" s="413">
        <v>0</v>
      </c>
      <c r="ID31" s="102">
        <v>2</v>
      </c>
      <c r="IE31" s="102">
        <v>1</v>
      </c>
      <c r="IF31" s="102">
        <v>0</v>
      </c>
      <c r="IG31" s="102">
        <v>0</v>
      </c>
      <c r="IH31" s="102">
        <v>0</v>
      </c>
      <c r="II31" s="103">
        <v>3</v>
      </c>
      <c r="IJ31" s="104">
        <v>5</v>
      </c>
      <c r="IK31" s="101">
        <v>1</v>
      </c>
      <c r="IL31" s="102">
        <v>3</v>
      </c>
      <c r="IM31" s="103">
        <v>4</v>
      </c>
      <c r="IN31" s="413">
        <v>0</v>
      </c>
      <c r="IO31" s="102">
        <v>3</v>
      </c>
      <c r="IP31" s="102">
        <v>1</v>
      </c>
      <c r="IQ31" s="102">
        <v>0</v>
      </c>
      <c r="IR31" s="102">
        <v>0</v>
      </c>
      <c r="IS31" s="102">
        <v>0</v>
      </c>
      <c r="IT31" s="103">
        <v>4</v>
      </c>
      <c r="IU31" s="104">
        <v>8</v>
      </c>
      <c r="IV31" s="101">
        <v>0</v>
      </c>
      <c r="IW31" s="102">
        <v>1</v>
      </c>
      <c r="IX31" s="103">
        <v>1</v>
      </c>
      <c r="IY31" s="413">
        <v>0</v>
      </c>
      <c r="IZ31" s="102">
        <v>5</v>
      </c>
      <c r="JA31" s="102">
        <v>5</v>
      </c>
      <c r="JB31" s="102">
        <v>2</v>
      </c>
      <c r="JC31" s="102">
        <v>0</v>
      </c>
      <c r="JD31" s="102">
        <v>1</v>
      </c>
      <c r="JE31" s="103">
        <v>13</v>
      </c>
      <c r="JF31" s="104">
        <v>14</v>
      </c>
      <c r="JG31" s="101">
        <v>0</v>
      </c>
      <c r="JH31" s="102">
        <v>0</v>
      </c>
      <c r="JI31" s="103">
        <v>0</v>
      </c>
      <c r="JJ31" s="413">
        <v>0</v>
      </c>
      <c r="JK31" s="102">
        <v>2</v>
      </c>
      <c r="JL31" s="102">
        <v>2</v>
      </c>
      <c r="JM31" s="102">
        <v>2</v>
      </c>
      <c r="JN31" s="102">
        <v>2</v>
      </c>
      <c r="JO31" s="102">
        <v>1</v>
      </c>
      <c r="JP31" s="103">
        <v>9</v>
      </c>
      <c r="JQ31" s="104">
        <v>9</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3</v>
      </c>
      <c r="KH31" s="102">
        <v>9</v>
      </c>
      <c r="KI31" s="102">
        <v>4</v>
      </c>
      <c r="KJ31" s="102">
        <v>2</v>
      </c>
      <c r="KK31" s="102">
        <v>2</v>
      </c>
      <c r="KL31" s="103">
        <v>30</v>
      </c>
      <c r="KM31" s="104">
        <v>37</v>
      </c>
    </row>
    <row r="32" spans="2:299" s="70" customFormat="1" ht="21" customHeight="1" x14ac:dyDescent="0.2">
      <c r="B32" s="106" t="s">
        <v>29</v>
      </c>
      <c r="C32" s="96">
        <v>5</v>
      </c>
      <c r="D32" s="97">
        <v>1</v>
      </c>
      <c r="E32" s="98">
        <v>6</v>
      </c>
      <c r="F32" s="413">
        <v>0</v>
      </c>
      <c r="G32" s="97">
        <v>5</v>
      </c>
      <c r="H32" s="97">
        <v>4</v>
      </c>
      <c r="I32" s="97">
        <v>7</v>
      </c>
      <c r="J32" s="97">
        <v>4</v>
      </c>
      <c r="K32" s="97">
        <v>4</v>
      </c>
      <c r="L32" s="99">
        <v>24</v>
      </c>
      <c r="M32" s="100">
        <v>30</v>
      </c>
      <c r="N32" s="101">
        <v>0</v>
      </c>
      <c r="O32" s="102">
        <v>0</v>
      </c>
      <c r="P32" s="103">
        <v>0</v>
      </c>
      <c r="Q32" s="413">
        <v>0</v>
      </c>
      <c r="R32" s="102">
        <v>1</v>
      </c>
      <c r="S32" s="102">
        <v>0</v>
      </c>
      <c r="T32" s="102">
        <v>0</v>
      </c>
      <c r="U32" s="102">
        <v>0</v>
      </c>
      <c r="V32" s="102">
        <v>0</v>
      </c>
      <c r="W32" s="103">
        <v>1</v>
      </c>
      <c r="X32" s="104">
        <v>1</v>
      </c>
      <c r="Y32" s="101">
        <v>0</v>
      </c>
      <c r="Z32" s="102">
        <v>0</v>
      </c>
      <c r="AA32" s="103">
        <v>0</v>
      </c>
      <c r="AB32" s="413">
        <v>0</v>
      </c>
      <c r="AC32" s="102">
        <v>0</v>
      </c>
      <c r="AD32" s="102">
        <v>1</v>
      </c>
      <c r="AE32" s="102">
        <v>0</v>
      </c>
      <c r="AF32" s="102">
        <v>1</v>
      </c>
      <c r="AG32" s="102">
        <v>0</v>
      </c>
      <c r="AH32" s="103">
        <v>2</v>
      </c>
      <c r="AI32" s="104">
        <v>2</v>
      </c>
      <c r="AJ32" s="101">
        <v>1</v>
      </c>
      <c r="AK32" s="102">
        <v>0</v>
      </c>
      <c r="AL32" s="103">
        <v>1</v>
      </c>
      <c r="AM32" s="413">
        <v>0</v>
      </c>
      <c r="AN32" s="102">
        <v>1</v>
      </c>
      <c r="AO32" s="102">
        <v>0</v>
      </c>
      <c r="AP32" s="102">
        <v>0</v>
      </c>
      <c r="AQ32" s="102">
        <v>0</v>
      </c>
      <c r="AR32" s="102">
        <v>2</v>
      </c>
      <c r="AS32" s="103">
        <v>3</v>
      </c>
      <c r="AT32" s="104">
        <v>4</v>
      </c>
      <c r="AU32" s="101">
        <v>3</v>
      </c>
      <c r="AV32" s="102">
        <v>1</v>
      </c>
      <c r="AW32" s="103">
        <v>4</v>
      </c>
      <c r="AX32" s="413">
        <v>0</v>
      </c>
      <c r="AY32" s="102">
        <v>2</v>
      </c>
      <c r="AZ32" s="102">
        <v>0</v>
      </c>
      <c r="BA32" s="102">
        <v>2</v>
      </c>
      <c r="BB32" s="102">
        <v>1</v>
      </c>
      <c r="BC32" s="102">
        <v>0</v>
      </c>
      <c r="BD32" s="103">
        <v>5</v>
      </c>
      <c r="BE32" s="104">
        <v>9</v>
      </c>
      <c r="BF32" s="101">
        <v>0</v>
      </c>
      <c r="BG32" s="102">
        <v>0</v>
      </c>
      <c r="BH32" s="103">
        <v>0</v>
      </c>
      <c r="BI32" s="413">
        <v>0</v>
      </c>
      <c r="BJ32" s="102">
        <v>1</v>
      </c>
      <c r="BK32" s="102">
        <v>2</v>
      </c>
      <c r="BL32" s="102">
        <v>3</v>
      </c>
      <c r="BM32" s="102">
        <v>0</v>
      </c>
      <c r="BN32" s="102">
        <v>0</v>
      </c>
      <c r="BO32" s="103">
        <v>6</v>
      </c>
      <c r="BP32" s="104">
        <v>6</v>
      </c>
      <c r="BQ32" s="101">
        <v>1</v>
      </c>
      <c r="BR32" s="102">
        <v>0</v>
      </c>
      <c r="BS32" s="103">
        <v>1</v>
      </c>
      <c r="BT32" s="413">
        <v>0</v>
      </c>
      <c r="BU32" s="102">
        <v>0</v>
      </c>
      <c r="BV32" s="102">
        <v>1</v>
      </c>
      <c r="BW32" s="102">
        <v>2</v>
      </c>
      <c r="BX32" s="102">
        <v>2</v>
      </c>
      <c r="BY32" s="102">
        <v>2</v>
      </c>
      <c r="BZ32" s="103">
        <v>7</v>
      </c>
      <c r="CA32" s="104">
        <v>8</v>
      </c>
      <c r="CB32" s="101">
        <v>0</v>
      </c>
      <c r="CC32" s="102">
        <v>0</v>
      </c>
      <c r="CD32" s="103">
        <v>0</v>
      </c>
      <c r="CE32" s="413">
        <v>0</v>
      </c>
      <c r="CF32" s="102">
        <v>0</v>
      </c>
      <c r="CG32" s="102">
        <v>0</v>
      </c>
      <c r="CH32" s="102">
        <v>0</v>
      </c>
      <c r="CI32" s="102">
        <v>0</v>
      </c>
      <c r="CJ32" s="102">
        <v>0</v>
      </c>
      <c r="CK32" s="103">
        <v>0</v>
      </c>
      <c r="CL32" s="104">
        <v>0</v>
      </c>
      <c r="CM32" s="101">
        <v>5</v>
      </c>
      <c r="CN32" s="102">
        <v>1</v>
      </c>
      <c r="CO32" s="103">
        <v>6</v>
      </c>
      <c r="CP32" s="413">
        <v>0</v>
      </c>
      <c r="CQ32" s="102">
        <v>5</v>
      </c>
      <c r="CR32" s="102">
        <v>4</v>
      </c>
      <c r="CS32" s="102">
        <v>7</v>
      </c>
      <c r="CT32" s="102">
        <v>4</v>
      </c>
      <c r="CU32" s="102">
        <v>4</v>
      </c>
      <c r="CV32" s="103">
        <v>24</v>
      </c>
      <c r="CW32" s="104">
        <v>30</v>
      </c>
      <c r="CX32" s="105">
        <v>0</v>
      </c>
      <c r="CY32" s="97">
        <v>1</v>
      </c>
      <c r="CZ32" s="98">
        <v>1</v>
      </c>
      <c r="DA32" s="413">
        <v>0</v>
      </c>
      <c r="DB32" s="97">
        <v>1</v>
      </c>
      <c r="DC32" s="97">
        <v>2</v>
      </c>
      <c r="DD32" s="97">
        <v>0</v>
      </c>
      <c r="DE32" s="97">
        <v>2</v>
      </c>
      <c r="DF32" s="97">
        <v>0</v>
      </c>
      <c r="DG32" s="99">
        <v>5</v>
      </c>
      <c r="DH32" s="100">
        <v>6</v>
      </c>
      <c r="DI32" s="101">
        <v>0</v>
      </c>
      <c r="DJ32" s="102">
        <v>0</v>
      </c>
      <c r="DK32" s="103">
        <v>0</v>
      </c>
      <c r="DL32" s="413">
        <v>0</v>
      </c>
      <c r="DM32" s="102">
        <v>0</v>
      </c>
      <c r="DN32" s="102">
        <v>0</v>
      </c>
      <c r="DO32" s="102">
        <v>0</v>
      </c>
      <c r="DP32" s="102">
        <v>0</v>
      </c>
      <c r="DQ32" s="102">
        <v>0</v>
      </c>
      <c r="DR32" s="103">
        <v>0</v>
      </c>
      <c r="DS32" s="104">
        <v>0</v>
      </c>
      <c r="DT32" s="101">
        <v>0</v>
      </c>
      <c r="DU32" s="102">
        <v>1</v>
      </c>
      <c r="DV32" s="103">
        <v>1</v>
      </c>
      <c r="DW32" s="413">
        <v>0</v>
      </c>
      <c r="DX32" s="102">
        <v>0</v>
      </c>
      <c r="DY32" s="102">
        <v>1</v>
      </c>
      <c r="DZ32" s="102">
        <v>0</v>
      </c>
      <c r="EA32" s="102">
        <v>0</v>
      </c>
      <c r="EB32" s="102">
        <v>0</v>
      </c>
      <c r="EC32" s="103">
        <v>1</v>
      </c>
      <c r="ED32" s="104">
        <v>2</v>
      </c>
      <c r="EE32" s="101">
        <v>0</v>
      </c>
      <c r="EF32" s="102">
        <v>0</v>
      </c>
      <c r="EG32" s="103">
        <v>0</v>
      </c>
      <c r="EH32" s="413">
        <v>0</v>
      </c>
      <c r="EI32" s="102">
        <v>0</v>
      </c>
      <c r="EJ32" s="102">
        <v>0</v>
      </c>
      <c r="EK32" s="102">
        <v>0</v>
      </c>
      <c r="EL32" s="102">
        <v>0</v>
      </c>
      <c r="EM32" s="102">
        <v>0</v>
      </c>
      <c r="EN32" s="103">
        <v>0</v>
      </c>
      <c r="EO32" s="104">
        <v>0</v>
      </c>
      <c r="EP32" s="101">
        <v>0</v>
      </c>
      <c r="EQ32" s="102">
        <v>0</v>
      </c>
      <c r="ER32" s="103">
        <v>0</v>
      </c>
      <c r="ES32" s="413">
        <v>0</v>
      </c>
      <c r="ET32" s="102">
        <v>0</v>
      </c>
      <c r="EU32" s="102">
        <v>1</v>
      </c>
      <c r="EV32" s="102">
        <v>0</v>
      </c>
      <c r="EW32" s="102">
        <v>0</v>
      </c>
      <c r="EX32" s="102">
        <v>0</v>
      </c>
      <c r="EY32" s="103">
        <v>1</v>
      </c>
      <c r="EZ32" s="104">
        <v>1</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1</v>
      </c>
      <c r="FT32" s="102">
        <v>0</v>
      </c>
      <c r="FU32" s="103">
        <v>2</v>
      </c>
      <c r="FV32" s="104">
        <v>2</v>
      </c>
      <c r="FW32" s="101">
        <v>0</v>
      </c>
      <c r="FX32" s="102">
        <v>0</v>
      </c>
      <c r="FY32" s="103">
        <v>0</v>
      </c>
      <c r="FZ32" s="413">
        <v>0</v>
      </c>
      <c r="GA32" s="102">
        <v>0</v>
      </c>
      <c r="GB32" s="102">
        <v>0</v>
      </c>
      <c r="GC32" s="102">
        <v>0</v>
      </c>
      <c r="GD32" s="102">
        <v>0</v>
      </c>
      <c r="GE32" s="102">
        <v>0</v>
      </c>
      <c r="GF32" s="103">
        <v>0</v>
      </c>
      <c r="GG32" s="104">
        <v>0</v>
      </c>
      <c r="GH32" s="101">
        <v>0</v>
      </c>
      <c r="GI32" s="102">
        <v>1</v>
      </c>
      <c r="GJ32" s="103">
        <v>1</v>
      </c>
      <c r="GK32" s="413">
        <v>0</v>
      </c>
      <c r="GL32" s="102">
        <v>1</v>
      </c>
      <c r="GM32" s="102">
        <v>2</v>
      </c>
      <c r="GN32" s="102">
        <v>0</v>
      </c>
      <c r="GO32" s="102">
        <v>2</v>
      </c>
      <c r="GP32" s="102">
        <v>0</v>
      </c>
      <c r="GQ32" s="103">
        <v>5</v>
      </c>
      <c r="GR32" s="104">
        <v>6</v>
      </c>
      <c r="GS32" s="105">
        <v>5</v>
      </c>
      <c r="GT32" s="97">
        <v>2</v>
      </c>
      <c r="GU32" s="98">
        <v>7</v>
      </c>
      <c r="GV32" s="413">
        <v>0</v>
      </c>
      <c r="GW32" s="97">
        <v>6</v>
      </c>
      <c r="GX32" s="97">
        <v>6</v>
      </c>
      <c r="GY32" s="97">
        <v>7</v>
      </c>
      <c r="GZ32" s="97">
        <v>6</v>
      </c>
      <c r="HA32" s="97">
        <v>4</v>
      </c>
      <c r="HB32" s="99">
        <v>29</v>
      </c>
      <c r="HC32" s="100">
        <v>36</v>
      </c>
      <c r="HD32" s="101">
        <v>0</v>
      </c>
      <c r="HE32" s="102">
        <v>0</v>
      </c>
      <c r="HF32" s="103">
        <v>0</v>
      </c>
      <c r="HG32" s="413">
        <v>0</v>
      </c>
      <c r="HH32" s="102">
        <v>1</v>
      </c>
      <c r="HI32" s="102">
        <v>0</v>
      </c>
      <c r="HJ32" s="102">
        <v>0</v>
      </c>
      <c r="HK32" s="102">
        <v>0</v>
      </c>
      <c r="HL32" s="102">
        <v>0</v>
      </c>
      <c r="HM32" s="103">
        <v>1</v>
      </c>
      <c r="HN32" s="104">
        <v>1</v>
      </c>
      <c r="HO32" s="101">
        <v>0</v>
      </c>
      <c r="HP32" s="102">
        <v>1</v>
      </c>
      <c r="HQ32" s="103">
        <v>1</v>
      </c>
      <c r="HR32" s="413">
        <v>0</v>
      </c>
      <c r="HS32" s="102">
        <v>0</v>
      </c>
      <c r="HT32" s="102">
        <v>2</v>
      </c>
      <c r="HU32" s="102">
        <v>0</v>
      </c>
      <c r="HV32" s="102">
        <v>1</v>
      </c>
      <c r="HW32" s="102">
        <v>0</v>
      </c>
      <c r="HX32" s="103">
        <v>3</v>
      </c>
      <c r="HY32" s="104">
        <v>4</v>
      </c>
      <c r="HZ32" s="101">
        <v>1</v>
      </c>
      <c r="IA32" s="102">
        <v>0</v>
      </c>
      <c r="IB32" s="103">
        <v>1</v>
      </c>
      <c r="IC32" s="413">
        <v>0</v>
      </c>
      <c r="ID32" s="102">
        <v>1</v>
      </c>
      <c r="IE32" s="102">
        <v>0</v>
      </c>
      <c r="IF32" s="102">
        <v>0</v>
      </c>
      <c r="IG32" s="102">
        <v>0</v>
      </c>
      <c r="IH32" s="102">
        <v>2</v>
      </c>
      <c r="II32" s="103">
        <v>3</v>
      </c>
      <c r="IJ32" s="104">
        <v>4</v>
      </c>
      <c r="IK32" s="101">
        <v>3</v>
      </c>
      <c r="IL32" s="102">
        <v>1</v>
      </c>
      <c r="IM32" s="103">
        <v>4</v>
      </c>
      <c r="IN32" s="413">
        <v>0</v>
      </c>
      <c r="IO32" s="102">
        <v>2</v>
      </c>
      <c r="IP32" s="102">
        <v>1</v>
      </c>
      <c r="IQ32" s="102">
        <v>2</v>
      </c>
      <c r="IR32" s="102">
        <v>1</v>
      </c>
      <c r="IS32" s="102">
        <v>0</v>
      </c>
      <c r="IT32" s="103">
        <v>6</v>
      </c>
      <c r="IU32" s="104">
        <v>10</v>
      </c>
      <c r="IV32" s="101">
        <v>0</v>
      </c>
      <c r="IW32" s="102">
        <v>0</v>
      </c>
      <c r="IX32" s="103">
        <v>0</v>
      </c>
      <c r="IY32" s="413">
        <v>0</v>
      </c>
      <c r="IZ32" s="102">
        <v>1</v>
      </c>
      <c r="JA32" s="102">
        <v>2</v>
      </c>
      <c r="JB32" s="102">
        <v>3</v>
      </c>
      <c r="JC32" s="102">
        <v>1</v>
      </c>
      <c r="JD32" s="102">
        <v>0</v>
      </c>
      <c r="JE32" s="103">
        <v>7</v>
      </c>
      <c r="JF32" s="104">
        <v>7</v>
      </c>
      <c r="JG32" s="101">
        <v>1</v>
      </c>
      <c r="JH32" s="102">
        <v>0</v>
      </c>
      <c r="JI32" s="103">
        <v>1</v>
      </c>
      <c r="JJ32" s="413">
        <v>0</v>
      </c>
      <c r="JK32" s="102">
        <v>1</v>
      </c>
      <c r="JL32" s="102">
        <v>1</v>
      </c>
      <c r="JM32" s="102">
        <v>2</v>
      </c>
      <c r="JN32" s="102">
        <v>3</v>
      </c>
      <c r="JO32" s="102">
        <v>2</v>
      </c>
      <c r="JP32" s="103">
        <v>9</v>
      </c>
      <c r="JQ32" s="104">
        <v>10</v>
      </c>
      <c r="JR32" s="101">
        <v>0</v>
      </c>
      <c r="JS32" s="102">
        <v>0</v>
      </c>
      <c r="JT32" s="103">
        <v>0</v>
      </c>
      <c r="JU32" s="413">
        <v>0</v>
      </c>
      <c r="JV32" s="102">
        <v>0</v>
      </c>
      <c r="JW32" s="102">
        <v>0</v>
      </c>
      <c r="JX32" s="102">
        <v>0</v>
      </c>
      <c r="JY32" s="102">
        <v>0</v>
      </c>
      <c r="JZ32" s="102">
        <v>0</v>
      </c>
      <c r="KA32" s="103">
        <v>0</v>
      </c>
      <c r="KB32" s="104">
        <v>0</v>
      </c>
      <c r="KC32" s="101">
        <v>5</v>
      </c>
      <c r="KD32" s="102">
        <v>2</v>
      </c>
      <c r="KE32" s="103">
        <v>7</v>
      </c>
      <c r="KF32" s="413">
        <v>0</v>
      </c>
      <c r="KG32" s="102">
        <v>6</v>
      </c>
      <c r="KH32" s="102">
        <v>6</v>
      </c>
      <c r="KI32" s="102">
        <v>7</v>
      </c>
      <c r="KJ32" s="102">
        <v>6</v>
      </c>
      <c r="KK32" s="102">
        <v>4</v>
      </c>
      <c r="KL32" s="103">
        <v>29</v>
      </c>
      <c r="KM32" s="104">
        <v>36</v>
      </c>
    </row>
    <row r="33" spans="2:299" s="70" customFormat="1" ht="21" customHeight="1" x14ac:dyDescent="0.2">
      <c r="B33" s="106" t="s">
        <v>30</v>
      </c>
      <c r="C33" s="96">
        <v>3</v>
      </c>
      <c r="D33" s="97">
        <v>2</v>
      </c>
      <c r="E33" s="98">
        <v>5</v>
      </c>
      <c r="F33" s="413">
        <v>0</v>
      </c>
      <c r="G33" s="97">
        <v>7</v>
      </c>
      <c r="H33" s="97">
        <v>2</v>
      </c>
      <c r="I33" s="97">
        <v>5</v>
      </c>
      <c r="J33" s="97">
        <v>5</v>
      </c>
      <c r="K33" s="97">
        <v>1</v>
      </c>
      <c r="L33" s="99">
        <v>20</v>
      </c>
      <c r="M33" s="100">
        <v>25</v>
      </c>
      <c r="N33" s="101">
        <v>0</v>
      </c>
      <c r="O33" s="102">
        <v>0</v>
      </c>
      <c r="P33" s="103">
        <v>0</v>
      </c>
      <c r="Q33" s="413">
        <v>0</v>
      </c>
      <c r="R33" s="102">
        <v>0</v>
      </c>
      <c r="S33" s="102">
        <v>0</v>
      </c>
      <c r="T33" s="102">
        <v>0</v>
      </c>
      <c r="U33" s="102">
        <v>0</v>
      </c>
      <c r="V33" s="102">
        <v>0</v>
      </c>
      <c r="W33" s="103">
        <v>0</v>
      </c>
      <c r="X33" s="104">
        <v>0</v>
      </c>
      <c r="Y33" s="101">
        <v>0</v>
      </c>
      <c r="Z33" s="102">
        <v>0</v>
      </c>
      <c r="AA33" s="103">
        <v>0</v>
      </c>
      <c r="AB33" s="413">
        <v>0</v>
      </c>
      <c r="AC33" s="102">
        <v>0</v>
      </c>
      <c r="AD33" s="102">
        <v>0</v>
      </c>
      <c r="AE33" s="102">
        <v>0</v>
      </c>
      <c r="AF33" s="102">
        <v>1</v>
      </c>
      <c r="AG33" s="102">
        <v>0</v>
      </c>
      <c r="AH33" s="103">
        <v>1</v>
      </c>
      <c r="AI33" s="104">
        <v>1</v>
      </c>
      <c r="AJ33" s="101">
        <v>1</v>
      </c>
      <c r="AK33" s="102">
        <v>0</v>
      </c>
      <c r="AL33" s="103">
        <v>1</v>
      </c>
      <c r="AM33" s="413">
        <v>0</v>
      </c>
      <c r="AN33" s="102">
        <v>0</v>
      </c>
      <c r="AO33" s="102">
        <v>0</v>
      </c>
      <c r="AP33" s="102">
        <v>1</v>
      </c>
      <c r="AQ33" s="102">
        <v>0</v>
      </c>
      <c r="AR33" s="102">
        <v>1</v>
      </c>
      <c r="AS33" s="103">
        <v>2</v>
      </c>
      <c r="AT33" s="104">
        <v>3</v>
      </c>
      <c r="AU33" s="101">
        <v>1</v>
      </c>
      <c r="AV33" s="102">
        <v>0</v>
      </c>
      <c r="AW33" s="103">
        <v>1</v>
      </c>
      <c r="AX33" s="413">
        <v>0</v>
      </c>
      <c r="AY33" s="102">
        <v>3</v>
      </c>
      <c r="AZ33" s="102">
        <v>0</v>
      </c>
      <c r="BA33" s="102">
        <v>1</v>
      </c>
      <c r="BB33" s="102">
        <v>1</v>
      </c>
      <c r="BC33" s="102">
        <v>0</v>
      </c>
      <c r="BD33" s="103">
        <v>5</v>
      </c>
      <c r="BE33" s="104">
        <v>6</v>
      </c>
      <c r="BF33" s="101">
        <v>0</v>
      </c>
      <c r="BG33" s="102">
        <v>1</v>
      </c>
      <c r="BH33" s="103">
        <v>1</v>
      </c>
      <c r="BI33" s="413">
        <v>0</v>
      </c>
      <c r="BJ33" s="102">
        <v>1</v>
      </c>
      <c r="BK33" s="102">
        <v>1</v>
      </c>
      <c r="BL33" s="102">
        <v>0</v>
      </c>
      <c r="BM33" s="102">
        <v>0</v>
      </c>
      <c r="BN33" s="102">
        <v>0</v>
      </c>
      <c r="BO33" s="103">
        <v>2</v>
      </c>
      <c r="BP33" s="104">
        <v>3</v>
      </c>
      <c r="BQ33" s="101">
        <v>1</v>
      </c>
      <c r="BR33" s="102">
        <v>1</v>
      </c>
      <c r="BS33" s="103">
        <v>2</v>
      </c>
      <c r="BT33" s="413">
        <v>0</v>
      </c>
      <c r="BU33" s="102">
        <v>3</v>
      </c>
      <c r="BV33" s="102">
        <v>1</v>
      </c>
      <c r="BW33" s="102">
        <v>3</v>
      </c>
      <c r="BX33" s="102">
        <v>3</v>
      </c>
      <c r="BY33" s="102">
        <v>0</v>
      </c>
      <c r="BZ33" s="103">
        <v>10</v>
      </c>
      <c r="CA33" s="104">
        <v>12</v>
      </c>
      <c r="CB33" s="101">
        <v>0</v>
      </c>
      <c r="CC33" s="102">
        <v>0</v>
      </c>
      <c r="CD33" s="103">
        <v>0</v>
      </c>
      <c r="CE33" s="413">
        <v>0</v>
      </c>
      <c r="CF33" s="102">
        <v>0</v>
      </c>
      <c r="CG33" s="102">
        <v>0</v>
      </c>
      <c r="CH33" s="102">
        <v>0</v>
      </c>
      <c r="CI33" s="102">
        <v>0</v>
      </c>
      <c r="CJ33" s="102">
        <v>0</v>
      </c>
      <c r="CK33" s="103">
        <v>0</v>
      </c>
      <c r="CL33" s="104">
        <v>0</v>
      </c>
      <c r="CM33" s="101">
        <v>3</v>
      </c>
      <c r="CN33" s="102">
        <v>2</v>
      </c>
      <c r="CO33" s="103">
        <v>5</v>
      </c>
      <c r="CP33" s="413">
        <v>0</v>
      </c>
      <c r="CQ33" s="102">
        <v>7</v>
      </c>
      <c r="CR33" s="102">
        <v>2</v>
      </c>
      <c r="CS33" s="102">
        <v>5</v>
      </c>
      <c r="CT33" s="102">
        <v>5</v>
      </c>
      <c r="CU33" s="102">
        <v>1</v>
      </c>
      <c r="CV33" s="103">
        <v>20</v>
      </c>
      <c r="CW33" s="104">
        <v>25</v>
      </c>
      <c r="CX33" s="105">
        <v>0</v>
      </c>
      <c r="CY33" s="97">
        <v>0</v>
      </c>
      <c r="CZ33" s="98">
        <v>0</v>
      </c>
      <c r="DA33" s="413">
        <v>0</v>
      </c>
      <c r="DB33" s="97">
        <v>0</v>
      </c>
      <c r="DC33" s="97">
        <v>2</v>
      </c>
      <c r="DD33" s="97">
        <v>0</v>
      </c>
      <c r="DE33" s="97">
        <v>3</v>
      </c>
      <c r="DF33" s="97">
        <v>2</v>
      </c>
      <c r="DG33" s="99">
        <v>7</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0</v>
      </c>
      <c r="FF33" s="102">
        <v>0</v>
      </c>
      <c r="FG33" s="102">
        <v>0</v>
      </c>
      <c r="FH33" s="102">
        <v>1</v>
      </c>
      <c r="FI33" s="102">
        <v>0</v>
      </c>
      <c r="FJ33" s="103">
        <v>1</v>
      </c>
      <c r="FK33" s="104">
        <v>1</v>
      </c>
      <c r="FL33" s="101">
        <v>0</v>
      </c>
      <c r="FM33" s="102">
        <v>0</v>
      </c>
      <c r="FN33" s="103">
        <v>0</v>
      </c>
      <c r="FO33" s="413">
        <v>0</v>
      </c>
      <c r="FP33" s="102">
        <v>0</v>
      </c>
      <c r="FQ33" s="102">
        <v>1</v>
      </c>
      <c r="FR33" s="102">
        <v>0</v>
      </c>
      <c r="FS33" s="102">
        <v>2</v>
      </c>
      <c r="FT33" s="102">
        <v>2</v>
      </c>
      <c r="FU33" s="103">
        <v>5</v>
      </c>
      <c r="FV33" s="104">
        <v>5</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0</v>
      </c>
      <c r="GM33" s="102">
        <v>2</v>
      </c>
      <c r="GN33" s="102">
        <v>0</v>
      </c>
      <c r="GO33" s="102">
        <v>3</v>
      </c>
      <c r="GP33" s="102">
        <v>2</v>
      </c>
      <c r="GQ33" s="103">
        <v>7</v>
      </c>
      <c r="GR33" s="104">
        <v>7</v>
      </c>
      <c r="GS33" s="105">
        <v>3</v>
      </c>
      <c r="GT33" s="97">
        <v>2</v>
      </c>
      <c r="GU33" s="98">
        <v>5</v>
      </c>
      <c r="GV33" s="413">
        <v>0</v>
      </c>
      <c r="GW33" s="97">
        <v>7</v>
      </c>
      <c r="GX33" s="97">
        <v>4</v>
      </c>
      <c r="GY33" s="97">
        <v>5</v>
      </c>
      <c r="GZ33" s="97">
        <v>8</v>
      </c>
      <c r="HA33" s="97">
        <v>3</v>
      </c>
      <c r="HB33" s="99">
        <v>27</v>
      </c>
      <c r="HC33" s="100">
        <v>32</v>
      </c>
      <c r="HD33" s="101">
        <v>0</v>
      </c>
      <c r="HE33" s="102">
        <v>0</v>
      </c>
      <c r="HF33" s="103">
        <v>0</v>
      </c>
      <c r="HG33" s="413">
        <v>0</v>
      </c>
      <c r="HH33" s="102">
        <v>0</v>
      </c>
      <c r="HI33" s="102">
        <v>0</v>
      </c>
      <c r="HJ33" s="102">
        <v>0</v>
      </c>
      <c r="HK33" s="102">
        <v>0</v>
      </c>
      <c r="HL33" s="102">
        <v>0</v>
      </c>
      <c r="HM33" s="103">
        <v>0</v>
      </c>
      <c r="HN33" s="104">
        <v>0</v>
      </c>
      <c r="HO33" s="101">
        <v>0</v>
      </c>
      <c r="HP33" s="102">
        <v>0</v>
      </c>
      <c r="HQ33" s="103">
        <v>0</v>
      </c>
      <c r="HR33" s="413">
        <v>0</v>
      </c>
      <c r="HS33" s="102">
        <v>0</v>
      </c>
      <c r="HT33" s="102">
        <v>0</v>
      </c>
      <c r="HU33" s="102">
        <v>0</v>
      </c>
      <c r="HV33" s="102">
        <v>1</v>
      </c>
      <c r="HW33" s="102">
        <v>0</v>
      </c>
      <c r="HX33" s="103">
        <v>1</v>
      </c>
      <c r="HY33" s="104">
        <v>1</v>
      </c>
      <c r="HZ33" s="101">
        <v>1</v>
      </c>
      <c r="IA33" s="102">
        <v>0</v>
      </c>
      <c r="IB33" s="103">
        <v>1</v>
      </c>
      <c r="IC33" s="413">
        <v>0</v>
      </c>
      <c r="ID33" s="102">
        <v>0</v>
      </c>
      <c r="IE33" s="102">
        <v>0</v>
      </c>
      <c r="IF33" s="102">
        <v>1</v>
      </c>
      <c r="IG33" s="102">
        <v>0</v>
      </c>
      <c r="IH33" s="102">
        <v>1</v>
      </c>
      <c r="II33" s="103">
        <v>2</v>
      </c>
      <c r="IJ33" s="104">
        <v>3</v>
      </c>
      <c r="IK33" s="101">
        <v>1</v>
      </c>
      <c r="IL33" s="102">
        <v>0</v>
      </c>
      <c r="IM33" s="103">
        <v>1</v>
      </c>
      <c r="IN33" s="413">
        <v>0</v>
      </c>
      <c r="IO33" s="102">
        <v>3</v>
      </c>
      <c r="IP33" s="102">
        <v>1</v>
      </c>
      <c r="IQ33" s="102">
        <v>1</v>
      </c>
      <c r="IR33" s="102">
        <v>1</v>
      </c>
      <c r="IS33" s="102">
        <v>0</v>
      </c>
      <c r="IT33" s="103">
        <v>6</v>
      </c>
      <c r="IU33" s="104">
        <v>7</v>
      </c>
      <c r="IV33" s="101">
        <v>0</v>
      </c>
      <c r="IW33" s="102">
        <v>1</v>
      </c>
      <c r="IX33" s="103">
        <v>1</v>
      </c>
      <c r="IY33" s="413">
        <v>0</v>
      </c>
      <c r="IZ33" s="102">
        <v>1</v>
      </c>
      <c r="JA33" s="102">
        <v>1</v>
      </c>
      <c r="JB33" s="102">
        <v>0</v>
      </c>
      <c r="JC33" s="102">
        <v>1</v>
      </c>
      <c r="JD33" s="102">
        <v>0</v>
      </c>
      <c r="JE33" s="103">
        <v>3</v>
      </c>
      <c r="JF33" s="104">
        <v>4</v>
      </c>
      <c r="JG33" s="101">
        <v>1</v>
      </c>
      <c r="JH33" s="102">
        <v>1</v>
      </c>
      <c r="JI33" s="103">
        <v>2</v>
      </c>
      <c r="JJ33" s="413">
        <v>0</v>
      </c>
      <c r="JK33" s="102">
        <v>3</v>
      </c>
      <c r="JL33" s="102">
        <v>2</v>
      </c>
      <c r="JM33" s="102">
        <v>3</v>
      </c>
      <c r="JN33" s="102">
        <v>5</v>
      </c>
      <c r="JO33" s="102">
        <v>2</v>
      </c>
      <c r="JP33" s="103">
        <v>15</v>
      </c>
      <c r="JQ33" s="104">
        <v>17</v>
      </c>
      <c r="JR33" s="101">
        <v>0</v>
      </c>
      <c r="JS33" s="102">
        <v>0</v>
      </c>
      <c r="JT33" s="103">
        <v>0</v>
      </c>
      <c r="JU33" s="413">
        <v>0</v>
      </c>
      <c r="JV33" s="102">
        <v>0</v>
      </c>
      <c r="JW33" s="102">
        <v>0</v>
      </c>
      <c r="JX33" s="102">
        <v>0</v>
      </c>
      <c r="JY33" s="102">
        <v>0</v>
      </c>
      <c r="JZ33" s="102">
        <v>0</v>
      </c>
      <c r="KA33" s="103">
        <v>0</v>
      </c>
      <c r="KB33" s="104">
        <v>0</v>
      </c>
      <c r="KC33" s="101">
        <v>3</v>
      </c>
      <c r="KD33" s="102">
        <v>2</v>
      </c>
      <c r="KE33" s="103">
        <v>5</v>
      </c>
      <c r="KF33" s="413">
        <v>0</v>
      </c>
      <c r="KG33" s="102">
        <v>7</v>
      </c>
      <c r="KH33" s="102">
        <v>4</v>
      </c>
      <c r="KI33" s="102">
        <v>5</v>
      </c>
      <c r="KJ33" s="102">
        <v>8</v>
      </c>
      <c r="KK33" s="102">
        <v>3</v>
      </c>
      <c r="KL33" s="103">
        <v>27</v>
      </c>
      <c r="KM33" s="104">
        <v>32</v>
      </c>
    </row>
    <row r="34" spans="2:299" s="70" customFormat="1" ht="21" customHeight="1" x14ac:dyDescent="0.2">
      <c r="B34" s="106" t="s">
        <v>31</v>
      </c>
      <c r="C34" s="96">
        <v>4</v>
      </c>
      <c r="D34" s="97">
        <v>8</v>
      </c>
      <c r="E34" s="98">
        <v>12</v>
      </c>
      <c r="F34" s="413">
        <v>0</v>
      </c>
      <c r="G34" s="97">
        <v>7</v>
      </c>
      <c r="H34" s="97">
        <v>6</v>
      </c>
      <c r="I34" s="97">
        <v>4</v>
      </c>
      <c r="J34" s="97">
        <v>6</v>
      </c>
      <c r="K34" s="97">
        <v>0</v>
      </c>
      <c r="L34" s="99">
        <v>23</v>
      </c>
      <c r="M34" s="100">
        <v>35</v>
      </c>
      <c r="N34" s="101">
        <v>0</v>
      </c>
      <c r="O34" s="102">
        <v>0</v>
      </c>
      <c r="P34" s="103">
        <v>0</v>
      </c>
      <c r="Q34" s="413">
        <v>0</v>
      </c>
      <c r="R34" s="102">
        <v>0</v>
      </c>
      <c r="S34" s="102">
        <v>0</v>
      </c>
      <c r="T34" s="102">
        <v>0</v>
      </c>
      <c r="U34" s="102">
        <v>0</v>
      </c>
      <c r="V34" s="102">
        <v>0</v>
      </c>
      <c r="W34" s="103">
        <v>0</v>
      </c>
      <c r="X34" s="104">
        <v>0</v>
      </c>
      <c r="Y34" s="101">
        <v>0</v>
      </c>
      <c r="Z34" s="102">
        <v>0</v>
      </c>
      <c r="AA34" s="103">
        <v>0</v>
      </c>
      <c r="AB34" s="413">
        <v>0</v>
      </c>
      <c r="AC34" s="102">
        <v>0</v>
      </c>
      <c r="AD34" s="102">
        <v>0</v>
      </c>
      <c r="AE34" s="102">
        <v>0</v>
      </c>
      <c r="AF34" s="102">
        <v>1</v>
      </c>
      <c r="AG34" s="102">
        <v>0</v>
      </c>
      <c r="AH34" s="103">
        <v>1</v>
      </c>
      <c r="AI34" s="104">
        <v>1</v>
      </c>
      <c r="AJ34" s="101">
        <v>0</v>
      </c>
      <c r="AK34" s="102">
        <v>1</v>
      </c>
      <c r="AL34" s="103">
        <v>1</v>
      </c>
      <c r="AM34" s="413">
        <v>0</v>
      </c>
      <c r="AN34" s="102">
        <v>0</v>
      </c>
      <c r="AO34" s="102">
        <v>1</v>
      </c>
      <c r="AP34" s="102">
        <v>1</v>
      </c>
      <c r="AQ34" s="102">
        <v>0</v>
      </c>
      <c r="AR34" s="102">
        <v>0</v>
      </c>
      <c r="AS34" s="103">
        <v>2</v>
      </c>
      <c r="AT34" s="104">
        <v>3</v>
      </c>
      <c r="AU34" s="101">
        <v>1</v>
      </c>
      <c r="AV34" s="102">
        <v>2</v>
      </c>
      <c r="AW34" s="103">
        <v>3</v>
      </c>
      <c r="AX34" s="413">
        <v>0</v>
      </c>
      <c r="AY34" s="102">
        <v>1</v>
      </c>
      <c r="AZ34" s="102">
        <v>1</v>
      </c>
      <c r="BA34" s="102">
        <v>1</v>
      </c>
      <c r="BB34" s="102">
        <v>1</v>
      </c>
      <c r="BC34" s="102">
        <v>0</v>
      </c>
      <c r="BD34" s="103">
        <v>4</v>
      </c>
      <c r="BE34" s="104">
        <v>7</v>
      </c>
      <c r="BF34" s="101">
        <v>1</v>
      </c>
      <c r="BG34" s="102">
        <v>2</v>
      </c>
      <c r="BH34" s="103">
        <v>3</v>
      </c>
      <c r="BI34" s="413">
        <v>0</v>
      </c>
      <c r="BJ34" s="102">
        <v>5</v>
      </c>
      <c r="BK34" s="102">
        <v>4</v>
      </c>
      <c r="BL34" s="102">
        <v>0</v>
      </c>
      <c r="BM34" s="102">
        <v>1</v>
      </c>
      <c r="BN34" s="102">
        <v>0</v>
      </c>
      <c r="BO34" s="103">
        <v>10</v>
      </c>
      <c r="BP34" s="104">
        <v>13</v>
      </c>
      <c r="BQ34" s="101">
        <v>2</v>
      </c>
      <c r="BR34" s="102">
        <v>3</v>
      </c>
      <c r="BS34" s="103">
        <v>5</v>
      </c>
      <c r="BT34" s="413">
        <v>0</v>
      </c>
      <c r="BU34" s="102">
        <v>1</v>
      </c>
      <c r="BV34" s="102">
        <v>0</v>
      </c>
      <c r="BW34" s="102">
        <v>2</v>
      </c>
      <c r="BX34" s="102">
        <v>3</v>
      </c>
      <c r="BY34" s="102">
        <v>0</v>
      </c>
      <c r="BZ34" s="103">
        <v>6</v>
      </c>
      <c r="CA34" s="104">
        <v>11</v>
      </c>
      <c r="CB34" s="101">
        <v>0</v>
      </c>
      <c r="CC34" s="102">
        <v>0</v>
      </c>
      <c r="CD34" s="103">
        <v>0</v>
      </c>
      <c r="CE34" s="413">
        <v>0</v>
      </c>
      <c r="CF34" s="102">
        <v>0</v>
      </c>
      <c r="CG34" s="102">
        <v>0</v>
      </c>
      <c r="CH34" s="102">
        <v>0</v>
      </c>
      <c r="CI34" s="102">
        <v>0</v>
      </c>
      <c r="CJ34" s="102">
        <v>0</v>
      </c>
      <c r="CK34" s="103">
        <v>0</v>
      </c>
      <c r="CL34" s="104">
        <v>0</v>
      </c>
      <c r="CM34" s="101">
        <v>4</v>
      </c>
      <c r="CN34" s="102">
        <v>8</v>
      </c>
      <c r="CO34" s="103">
        <v>12</v>
      </c>
      <c r="CP34" s="413">
        <v>0</v>
      </c>
      <c r="CQ34" s="102">
        <v>7</v>
      </c>
      <c r="CR34" s="102">
        <v>6</v>
      </c>
      <c r="CS34" s="102">
        <v>4</v>
      </c>
      <c r="CT34" s="102">
        <v>6</v>
      </c>
      <c r="CU34" s="102">
        <v>0</v>
      </c>
      <c r="CV34" s="103">
        <v>23</v>
      </c>
      <c r="CW34" s="104">
        <v>35</v>
      </c>
      <c r="CX34" s="105">
        <v>1</v>
      </c>
      <c r="CY34" s="97">
        <v>0</v>
      </c>
      <c r="CZ34" s="98">
        <v>1</v>
      </c>
      <c r="DA34" s="413">
        <v>0</v>
      </c>
      <c r="DB34" s="97">
        <v>3</v>
      </c>
      <c r="DC34" s="97">
        <v>2</v>
      </c>
      <c r="DD34" s="97">
        <v>0</v>
      </c>
      <c r="DE34" s="97">
        <v>1</v>
      </c>
      <c r="DF34" s="97">
        <v>1</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0</v>
      </c>
      <c r="FC34" s="103">
        <v>0</v>
      </c>
      <c r="FD34" s="413">
        <v>0</v>
      </c>
      <c r="FE34" s="102">
        <v>0</v>
      </c>
      <c r="FF34" s="102">
        <v>0</v>
      </c>
      <c r="FG34" s="102">
        <v>0</v>
      </c>
      <c r="FH34" s="102">
        <v>0</v>
      </c>
      <c r="FI34" s="102">
        <v>0</v>
      </c>
      <c r="FJ34" s="103">
        <v>0</v>
      </c>
      <c r="FK34" s="104">
        <v>0</v>
      </c>
      <c r="FL34" s="101">
        <v>0</v>
      </c>
      <c r="FM34" s="102">
        <v>0</v>
      </c>
      <c r="FN34" s="103">
        <v>0</v>
      </c>
      <c r="FO34" s="413">
        <v>0</v>
      </c>
      <c r="FP34" s="102">
        <v>3</v>
      </c>
      <c r="FQ34" s="102">
        <v>1</v>
      </c>
      <c r="FR34" s="102">
        <v>0</v>
      </c>
      <c r="FS34" s="102">
        <v>1</v>
      </c>
      <c r="FT34" s="102">
        <v>1</v>
      </c>
      <c r="FU34" s="103">
        <v>6</v>
      </c>
      <c r="FV34" s="104">
        <v>6</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3</v>
      </c>
      <c r="GM34" s="102">
        <v>2</v>
      </c>
      <c r="GN34" s="102">
        <v>0</v>
      </c>
      <c r="GO34" s="102">
        <v>1</v>
      </c>
      <c r="GP34" s="102">
        <v>1</v>
      </c>
      <c r="GQ34" s="103">
        <v>7</v>
      </c>
      <c r="GR34" s="104">
        <v>8</v>
      </c>
      <c r="GS34" s="105">
        <v>5</v>
      </c>
      <c r="GT34" s="97">
        <v>8</v>
      </c>
      <c r="GU34" s="98">
        <v>13</v>
      </c>
      <c r="GV34" s="413">
        <v>0</v>
      </c>
      <c r="GW34" s="97">
        <v>10</v>
      </c>
      <c r="GX34" s="97">
        <v>8</v>
      </c>
      <c r="GY34" s="97">
        <v>4</v>
      </c>
      <c r="GZ34" s="97">
        <v>7</v>
      </c>
      <c r="HA34" s="97">
        <v>1</v>
      </c>
      <c r="HB34" s="99">
        <v>30</v>
      </c>
      <c r="HC34" s="100">
        <v>43</v>
      </c>
      <c r="HD34" s="101">
        <v>0</v>
      </c>
      <c r="HE34" s="102">
        <v>0</v>
      </c>
      <c r="HF34" s="103">
        <v>0</v>
      </c>
      <c r="HG34" s="413">
        <v>0</v>
      </c>
      <c r="HH34" s="102">
        <v>0</v>
      </c>
      <c r="HI34" s="102">
        <v>0</v>
      </c>
      <c r="HJ34" s="102">
        <v>0</v>
      </c>
      <c r="HK34" s="102">
        <v>0</v>
      </c>
      <c r="HL34" s="102">
        <v>0</v>
      </c>
      <c r="HM34" s="103">
        <v>0</v>
      </c>
      <c r="HN34" s="104">
        <v>0</v>
      </c>
      <c r="HO34" s="101">
        <v>0</v>
      </c>
      <c r="HP34" s="102">
        <v>0</v>
      </c>
      <c r="HQ34" s="103">
        <v>0</v>
      </c>
      <c r="HR34" s="413">
        <v>0</v>
      </c>
      <c r="HS34" s="102">
        <v>0</v>
      </c>
      <c r="HT34" s="102">
        <v>0</v>
      </c>
      <c r="HU34" s="102">
        <v>0</v>
      </c>
      <c r="HV34" s="102">
        <v>1</v>
      </c>
      <c r="HW34" s="102">
        <v>0</v>
      </c>
      <c r="HX34" s="103">
        <v>1</v>
      </c>
      <c r="HY34" s="104">
        <v>1</v>
      </c>
      <c r="HZ34" s="101">
        <v>0</v>
      </c>
      <c r="IA34" s="102">
        <v>1</v>
      </c>
      <c r="IB34" s="103">
        <v>1</v>
      </c>
      <c r="IC34" s="413">
        <v>0</v>
      </c>
      <c r="ID34" s="102">
        <v>0</v>
      </c>
      <c r="IE34" s="102">
        <v>1</v>
      </c>
      <c r="IF34" s="102">
        <v>1</v>
      </c>
      <c r="IG34" s="102">
        <v>0</v>
      </c>
      <c r="IH34" s="102">
        <v>0</v>
      </c>
      <c r="II34" s="103">
        <v>2</v>
      </c>
      <c r="IJ34" s="104">
        <v>3</v>
      </c>
      <c r="IK34" s="101">
        <v>2</v>
      </c>
      <c r="IL34" s="102">
        <v>2</v>
      </c>
      <c r="IM34" s="103">
        <v>4</v>
      </c>
      <c r="IN34" s="413">
        <v>0</v>
      </c>
      <c r="IO34" s="102">
        <v>1</v>
      </c>
      <c r="IP34" s="102">
        <v>2</v>
      </c>
      <c r="IQ34" s="102">
        <v>1</v>
      </c>
      <c r="IR34" s="102">
        <v>1</v>
      </c>
      <c r="IS34" s="102">
        <v>0</v>
      </c>
      <c r="IT34" s="103">
        <v>5</v>
      </c>
      <c r="IU34" s="104">
        <v>9</v>
      </c>
      <c r="IV34" s="101">
        <v>1</v>
      </c>
      <c r="IW34" s="102">
        <v>2</v>
      </c>
      <c r="IX34" s="103">
        <v>3</v>
      </c>
      <c r="IY34" s="413">
        <v>0</v>
      </c>
      <c r="IZ34" s="102">
        <v>5</v>
      </c>
      <c r="JA34" s="102">
        <v>4</v>
      </c>
      <c r="JB34" s="102">
        <v>0</v>
      </c>
      <c r="JC34" s="102">
        <v>1</v>
      </c>
      <c r="JD34" s="102">
        <v>0</v>
      </c>
      <c r="JE34" s="103">
        <v>10</v>
      </c>
      <c r="JF34" s="104">
        <v>13</v>
      </c>
      <c r="JG34" s="101">
        <v>2</v>
      </c>
      <c r="JH34" s="102">
        <v>3</v>
      </c>
      <c r="JI34" s="103">
        <v>5</v>
      </c>
      <c r="JJ34" s="413">
        <v>0</v>
      </c>
      <c r="JK34" s="102">
        <v>4</v>
      </c>
      <c r="JL34" s="102">
        <v>1</v>
      </c>
      <c r="JM34" s="102">
        <v>2</v>
      </c>
      <c r="JN34" s="102">
        <v>4</v>
      </c>
      <c r="JO34" s="102">
        <v>1</v>
      </c>
      <c r="JP34" s="103">
        <v>12</v>
      </c>
      <c r="JQ34" s="104">
        <v>17</v>
      </c>
      <c r="JR34" s="101">
        <v>0</v>
      </c>
      <c r="JS34" s="102">
        <v>0</v>
      </c>
      <c r="JT34" s="103">
        <v>0</v>
      </c>
      <c r="JU34" s="413">
        <v>0</v>
      </c>
      <c r="JV34" s="102">
        <v>0</v>
      </c>
      <c r="JW34" s="102">
        <v>0</v>
      </c>
      <c r="JX34" s="102">
        <v>0</v>
      </c>
      <c r="JY34" s="102">
        <v>0</v>
      </c>
      <c r="JZ34" s="102">
        <v>0</v>
      </c>
      <c r="KA34" s="103">
        <v>0</v>
      </c>
      <c r="KB34" s="104">
        <v>0</v>
      </c>
      <c r="KC34" s="101">
        <v>5</v>
      </c>
      <c r="KD34" s="102">
        <v>8</v>
      </c>
      <c r="KE34" s="103">
        <v>13</v>
      </c>
      <c r="KF34" s="413">
        <v>0</v>
      </c>
      <c r="KG34" s="102">
        <v>10</v>
      </c>
      <c r="KH34" s="102">
        <v>8</v>
      </c>
      <c r="KI34" s="102">
        <v>4</v>
      </c>
      <c r="KJ34" s="102">
        <v>7</v>
      </c>
      <c r="KK34" s="102">
        <v>1</v>
      </c>
      <c r="KL34" s="103">
        <v>30</v>
      </c>
      <c r="KM34" s="104">
        <v>43</v>
      </c>
    </row>
    <row r="35" spans="2:299" s="70" customFormat="1" ht="21" customHeight="1" x14ac:dyDescent="0.2">
      <c r="B35" s="106" t="s">
        <v>32</v>
      </c>
      <c r="C35" s="96">
        <v>8</v>
      </c>
      <c r="D35" s="97">
        <v>5</v>
      </c>
      <c r="E35" s="98">
        <v>13</v>
      </c>
      <c r="F35" s="413">
        <v>0</v>
      </c>
      <c r="G35" s="97">
        <v>17</v>
      </c>
      <c r="H35" s="97">
        <v>14</v>
      </c>
      <c r="I35" s="97">
        <v>5</v>
      </c>
      <c r="J35" s="97">
        <v>4</v>
      </c>
      <c r="K35" s="97">
        <v>0</v>
      </c>
      <c r="L35" s="99">
        <v>40</v>
      </c>
      <c r="M35" s="100">
        <v>53</v>
      </c>
      <c r="N35" s="101">
        <v>0</v>
      </c>
      <c r="O35" s="102">
        <v>0</v>
      </c>
      <c r="P35" s="103">
        <v>0</v>
      </c>
      <c r="Q35" s="413">
        <v>0</v>
      </c>
      <c r="R35" s="102">
        <v>0</v>
      </c>
      <c r="S35" s="102">
        <v>0</v>
      </c>
      <c r="T35" s="102">
        <v>0</v>
      </c>
      <c r="U35" s="102">
        <v>0</v>
      </c>
      <c r="V35" s="102">
        <v>0</v>
      </c>
      <c r="W35" s="103">
        <v>0</v>
      </c>
      <c r="X35" s="104">
        <v>0</v>
      </c>
      <c r="Y35" s="101">
        <v>1</v>
      </c>
      <c r="Z35" s="102">
        <v>0</v>
      </c>
      <c r="AA35" s="103">
        <v>1</v>
      </c>
      <c r="AB35" s="413">
        <v>0</v>
      </c>
      <c r="AC35" s="102">
        <v>0</v>
      </c>
      <c r="AD35" s="102">
        <v>0</v>
      </c>
      <c r="AE35" s="102">
        <v>0</v>
      </c>
      <c r="AF35" s="102">
        <v>0</v>
      </c>
      <c r="AG35" s="102">
        <v>0</v>
      </c>
      <c r="AH35" s="103">
        <v>0</v>
      </c>
      <c r="AI35" s="104">
        <v>1</v>
      </c>
      <c r="AJ35" s="101">
        <v>0</v>
      </c>
      <c r="AK35" s="102">
        <v>0</v>
      </c>
      <c r="AL35" s="103">
        <v>0</v>
      </c>
      <c r="AM35" s="413">
        <v>0</v>
      </c>
      <c r="AN35" s="102">
        <v>0</v>
      </c>
      <c r="AO35" s="102">
        <v>2</v>
      </c>
      <c r="AP35" s="102">
        <v>0</v>
      </c>
      <c r="AQ35" s="102">
        <v>0</v>
      </c>
      <c r="AR35" s="102">
        <v>0</v>
      </c>
      <c r="AS35" s="103">
        <v>2</v>
      </c>
      <c r="AT35" s="104">
        <v>2</v>
      </c>
      <c r="AU35" s="101">
        <v>3</v>
      </c>
      <c r="AV35" s="102">
        <v>2</v>
      </c>
      <c r="AW35" s="103">
        <v>5</v>
      </c>
      <c r="AX35" s="413">
        <v>0</v>
      </c>
      <c r="AY35" s="102">
        <v>4</v>
      </c>
      <c r="AZ35" s="102">
        <v>2</v>
      </c>
      <c r="BA35" s="102">
        <v>2</v>
      </c>
      <c r="BB35" s="102">
        <v>0</v>
      </c>
      <c r="BC35" s="102">
        <v>0</v>
      </c>
      <c r="BD35" s="103">
        <v>8</v>
      </c>
      <c r="BE35" s="104">
        <v>13</v>
      </c>
      <c r="BF35" s="101">
        <v>1</v>
      </c>
      <c r="BG35" s="102">
        <v>1</v>
      </c>
      <c r="BH35" s="103">
        <v>2</v>
      </c>
      <c r="BI35" s="413">
        <v>0</v>
      </c>
      <c r="BJ35" s="102">
        <v>8</v>
      </c>
      <c r="BK35" s="102">
        <v>4</v>
      </c>
      <c r="BL35" s="102">
        <v>3</v>
      </c>
      <c r="BM35" s="102">
        <v>1</v>
      </c>
      <c r="BN35" s="102">
        <v>0</v>
      </c>
      <c r="BO35" s="103">
        <v>16</v>
      </c>
      <c r="BP35" s="104">
        <v>18</v>
      </c>
      <c r="BQ35" s="101">
        <v>3</v>
      </c>
      <c r="BR35" s="102">
        <v>2</v>
      </c>
      <c r="BS35" s="103">
        <v>5</v>
      </c>
      <c r="BT35" s="413">
        <v>0</v>
      </c>
      <c r="BU35" s="102">
        <v>5</v>
      </c>
      <c r="BV35" s="102">
        <v>6</v>
      </c>
      <c r="BW35" s="102">
        <v>0</v>
      </c>
      <c r="BX35" s="102">
        <v>3</v>
      </c>
      <c r="BY35" s="102">
        <v>0</v>
      </c>
      <c r="BZ35" s="103">
        <v>14</v>
      </c>
      <c r="CA35" s="104">
        <v>19</v>
      </c>
      <c r="CB35" s="101">
        <v>0</v>
      </c>
      <c r="CC35" s="102">
        <v>0</v>
      </c>
      <c r="CD35" s="103">
        <v>0</v>
      </c>
      <c r="CE35" s="413">
        <v>0</v>
      </c>
      <c r="CF35" s="102">
        <v>0</v>
      </c>
      <c r="CG35" s="102">
        <v>0</v>
      </c>
      <c r="CH35" s="102">
        <v>0</v>
      </c>
      <c r="CI35" s="102">
        <v>0</v>
      </c>
      <c r="CJ35" s="102">
        <v>0</v>
      </c>
      <c r="CK35" s="103">
        <v>0</v>
      </c>
      <c r="CL35" s="104">
        <v>0</v>
      </c>
      <c r="CM35" s="101">
        <v>8</v>
      </c>
      <c r="CN35" s="102">
        <v>5</v>
      </c>
      <c r="CO35" s="103">
        <v>13</v>
      </c>
      <c r="CP35" s="413">
        <v>0</v>
      </c>
      <c r="CQ35" s="102">
        <v>17</v>
      </c>
      <c r="CR35" s="102">
        <v>14</v>
      </c>
      <c r="CS35" s="102">
        <v>5</v>
      </c>
      <c r="CT35" s="102">
        <v>4</v>
      </c>
      <c r="CU35" s="102">
        <v>0</v>
      </c>
      <c r="CV35" s="103">
        <v>40</v>
      </c>
      <c r="CW35" s="104">
        <v>53</v>
      </c>
      <c r="CX35" s="105">
        <v>0</v>
      </c>
      <c r="CY35" s="97">
        <v>0</v>
      </c>
      <c r="CZ35" s="98">
        <v>0</v>
      </c>
      <c r="DA35" s="413">
        <v>0</v>
      </c>
      <c r="DB35" s="97">
        <v>0</v>
      </c>
      <c r="DC35" s="97">
        <v>2</v>
      </c>
      <c r="DD35" s="97">
        <v>1</v>
      </c>
      <c r="DE35" s="97">
        <v>2</v>
      </c>
      <c r="DF35" s="97">
        <v>1</v>
      </c>
      <c r="DG35" s="99">
        <v>6</v>
      </c>
      <c r="DH35" s="100">
        <v>6</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0</v>
      </c>
      <c r="EF35" s="102">
        <v>0</v>
      </c>
      <c r="EG35" s="103">
        <v>0</v>
      </c>
      <c r="EH35" s="413">
        <v>0</v>
      </c>
      <c r="EI35" s="102">
        <v>0</v>
      </c>
      <c r="EJ35" s="102">
        <v>0</v>
      </c>
      <c r="EK35" s="102">
        <v>0</v>
      </c>
      <c r="EL35" s="102">
        <v>0</v>
      </c>
      <c r="EM35" s="102">
        <v>0</v>
      </c>
      <c r="EN35" s="103">
        <v>0</v>
      </c>
      <c r="EO35" s="104">
        <v>0</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0</v>
      </c>
      <c r="FG35" s="102">
        <v>1</v>
      </c>
      <c r="FH35" s="102">
        <v>1</v>
      </c>
      <c r="FI35" s="102">
        <v>0</v>
      </c>
      <c r="FJ35" s="103">
        <v>2</v>
      </c>
      <c r="FK35" s="104">
        <v>2</v>
      </c>
      <c r="FL35" s="101">
        <v>0</v>
      </c>
      <c r="FM35" s="102">
        <v>0</v>
      </c>
      <c r="FN35" s="103">
        <v>0</v>
      </c>
      <c r="FO35" s="413">
        <v>0</v>
      </c>
      <c r="FP35" s="102">
        <v>0</v>
      </c>
      <c r="FQ35" s="102">
        <v>1</v>
      </c>
      <c r="FR35" s="102">
        <v>0</v>
      </c>
      <c r="FS35" s="102">
        <v>1</v>
      </c>
      <c r="FT35" s="102">
        <v>1</v>
      </c>
      <c r="FU35" s="103">
        <v>3</v>
      </c>
      <c r="FV35" s="104">
        <v>3</v>
      </c>
      <c r="FW35" s="101">
        <v>0</v>
      </c>
      <c r="FX35" s="102">
        <v>0</v>
      </c>
      <c r="FY35" s="103">
        <v>0</v>
      </c>
      <c r="FZ35" s="413">
        <v>0</v>
      </c>
      <c r="GA35" s="102">
        <v>0</v>
      </c>
      <c r="GB35" s="102">
        <v>0</v>
      </c>
      <c r="GC35" s="102">
        <v>0</v>
      </c>
      <c r="GD35" s="102">
        <v>0</v>
      </c>
      <c r="GE35" s="102">
        <v>0</v>
      </c>
      <c r="GF35" s="103">
        <v>0</v>
      </c>
      <c r="GG35" s="104">
        <v>0</v>
      </c>
      <c r="GH35" s="101">
        <v>0</v>
      </c>
      <c r="GI35" s="102">
        <v>0</v>
      </c>
      <c r="GJ35" s="103">
        <v>0</v>
      </c>
      <c r="GK35" s="413">
        <v>0</v>
      </c>
      <c r="GL35" s="102">
        <v>0</v>
      </c>
      <c r="GM35" s="102">
        <v>2</v>
      </c>
      <c r="GN35" s="102">
        <v>1</v>
      </c>
      <c r="GO35" s="102">
        <v>2</v>
      </c>
      <c r="GP35" s="102">
        <v>1</v>
      </c>
      <c r="GQ35" s="103">
        <v>6</v>
      </c>
      <c r="GR35" s="104">
        <v>6</v>
      </c>
      <c r="GS35" s="105">
        <v>8</v>
      </c>
      <c r="GT35" s="97">
        <v>5</v>
      </c>
      <c r="GU35" s="98">
        <v>13</v>
      </c>
      <c r="GV35" s="413">
        <v>0</v>
      </c>
      <c r="GW35" s="97">
        <v>17</v>
      </c>
      <c r="GX35" s="97">
        <v>16</v>
      </c>
      <c r="GY35" s="97">
        <v>6</v>
      </c>
      <c r="GZ35" s="97">
        <v>6</v>
      </c>
      <c r="HA35" s="97">
        <v>1</v>
      </c>
      <c r="HB35" s="99">
        <v>46</v>
      </c>
      <c r="HC35" s="100">
        <v>59</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0</v>
      </c>
      <c r="HV35" s="102">
        <v>0</v>
      </c>
      <c r="HW35" s="102">
        <v>0</v>
      </c>
      <c r="HX35" s="103">
        <v>0</v>
      </c>
      <c r="HY35" s="104">
        <v>1</v>
      </c>
      <c r="HZ35" s="101">
        <v>0</v>
      </c>
      <c r="IA35" s="102">
        <v>0</v>
      </c>
      <c r="IB35" s="103">
        <v>0</v>
      </c>
      <c r="IC35" s="413">
        <v>0</v>
      </c>
      <c r="ID35" s="102">
        <v>0</v>
      </c>
      <c r="IE35" s="102">
        <v>2</v>
      </c>
      <c r="IF35" s="102">
        <v>0</v>
      </c>
      <c r="IG35" s="102">
        <v>0</v>
      </c>
      <c r="IH35" s="102">
        <v>0</v>
      </c>
      <c r="II35" s="103">
        <v>2</v>
      </c>
      <c r="IJ35" s="104">
        <v>2</v>
      </c>
      <c r="IK35" s="101">
        <v>3</v>
      </c>
      <c r="IL35" s="102">
        <v>2</v>
      </c>
      <c r="IM35" s="103">
        <v>5</v>
      </c>
      <c r="IN35" s="413">
        <v>0</v>
      </c>
      <c r="IO35" s="102">
        <v>4</v>
      </c>
      <c r="IP35" s="102">
        <v>3</v>
      </c>
      <c r="IQ35" s="102">
        <v>2</v>
      </c>
      <c r="IR35" s="102">
        <v>0</v>
      </c>
      <c r="IS35" s="102">
        <v>0</v>
      </c>
      <c r="IT35" s="103">
        <v>9</v>
      </c>
      <c r="IU35" s="104">
        <v>14</v>
      </c>
      <c r="IV35" s="101">
        <v>1</v>
      </c>
      <c r="IW35" s="102">
        <v>1</v>
      </c>
      <c r="IX35" s="103">
        <v>2</v>
      </c>
      <c r="IY35" s="413">
        <v>0</v>
      </c>
      <c r="IZ35" s="102">
        <v>8</v>
      </c>
      <c r="JA35" s="102">
        <v>4</v>
      </c>
      <c r="JB35" s="102">
        <v>4</v>
      </c>
      <c r="JC35" s="102">
        <v>2</v>
      </c>
      <c r="JD35" s="102">
        <v>0</v>
      </c>
      <c r="JE35" s="103">
        <v>18</v>
      </c>
      <c r="JF35" s="104">
        <v>20</v>
      </c>
      <c r="JG35" s="101">
        <v>3</v>
      </c>
      <c r="JH35" s="102">
        <v>2</v>
      </c>
      <c r="JI35" s="103">
        <v>5</v>
      </c>
      <c r="JJ35" s="413">
        <v>0</v>
      </c>
      <c r="JK35" s="102">
        <v>5</v>
      </c>
      <c r="JL35" s="102">
        <v>7</v>
      </c>
      <c r="JM35" s="102">
        <v>0</v>
      </c>
      <c r="JN35" s="102">
        <v>4</v>
      </c>
      <c r="JO35" s="102">
        <v>1</v>
      </c>
      <c r="JP35" s="103">
        <v>17</v>
      </c>
      <c r="JQ35" s="104">
        <v>22</v>
      </c>
      <c r="JR35" s="101">
        <v>0</v>
      </c>
      <c r="JS35" s="102">
        <v>0</v>
      </c>
      <c r="JT35" s="103">
        <v>0</v>
      </c>
      <c r="JU35" s="413">
        <v>0</v>
      </c>
      <c r="JV35" s="102">
        <v>0</v>
      </c>
      <c r="JW35" s="102">
        <v>0</v>
      </c>
      <c r="JX35" s="102">
        <v>0</v>
      </c>
      <c r="JY35" s="102">
        <v>0</v>
      </c>
      <c r="JZ35" s="102">
        <v>0</v>
      </c>
      <c r="KA35" s="103">
        <v>0</v>
      </c>
      <c r="KB35" s="104">
        <v>0</v>
      </c>
      <c r="KC35" s="101">
        <v>8</v>
      </c>
      <c r="KD35" s="102">
        <v>5</v>
      </c>
      <c r="KE35" s="103">
        <v>13</v>
      </c>
      <c r="KF35" s="413">
        <v>0</v>
      </c>
      <c r="KG35" s="102">
        <v>17</v>
      </c>
      <c r="KH35" s="102">
        <v>16</v>
      </c>
      <c r="KI35" s="102">
        <v>6</v>
      </c>
      <c r="KJ35" s="102">
        <v>6</v>
      </c>
      <c r="KK35" s="102">
        <v>1</v>
      </c>
      <c r="KL35" s="103">
        <v>46</v>
      </c>
      <c r="KM35" s="104">
        <v>59</v>
      </c>
    </row>
    <row r="36" spans="2:299" s="70" customFormat="1" ht="21" customHeight="1" x14ac:dyDescent="0.2">
      <c r="B36" s="106" t="s">
        <v>33</v>
      </c>
      <c r="C36" s="96">
        <v>4</v>
      </c>
      <c r="D36" s="97">
        <v>2</v>
      </c>
      <c r="E36" s="98">
        <v>6</v>
      </c>
      <c r="F36" s="413">
        <v>0</v>
      </c>
      <c r="G36" s="97">
        <v>4</v>
      </c>
      <c r="H36" s="97">
        <v>1</v>
      </c>
      <c r="I36" s="97">
        <v>4</v>
      </c>
      <c r="J36" s="97">
        <v>1</v>
      </c>
      <c r="K36" s="97">
        <v>2</v>
      </c>
      <c r="L36" s="99">
        <v>12</v>
      </c>
      <c r="M36" s="100">
        <v>18</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1</v>
      </c>
      <c r="AK36" s="102">
        <v>0</v>
      </c>
      <c r="AL36" s="103">
        <v>1</v>
      </c>
      <c r="AM36" s="413">
        <v>0</v>
      </c>
      <c r="AN36" s="102">
        <v>0</v>
      </c>
      <c r="AO36" s="102">
        <v>1</v>
      </c>
      <c r="AP36" s="102">
        <v>0</v>
      </c>
      <c r="AQ36" s="102">
        <v>0</v>
      </c>
      <c r="AR36" s="102">
        <v>0</v>
      </c>
      <c r="AS36" s="103">
        <v>1</v>
      </c>
      <c r="AT36" s="104">
        <v>2</v>
      </c>
      <c r="AU36" s="101">
        <v>1</v>
      </c>
      <c r="AV36" s="102">
        <v>0</v>
      </c>
      <c r="AW36" s="103">
        <v>1</v>
      </c>
      <c r="AX36" s="413">
        <v>0</v>
      </c>
      <c r="AY36" s="102">
        <v>0</v>
      </c>
      <c r="AZ36" s="102">
        <v>0</v>
      </c>
      <c r="BA36" s="102">
        <v>2</v>
      </c>
      <c r="BB36" s="102">
        <v>0</v>
      </c>
      <c r="BC36" s="102">
        <v>0</v>
      </c>
      <c r="BD36" s="103">
        <v>2</v>
      </c>
      <c r="BE36" s="104">
        <v>3</v>
      </c>
      <c r="BF36" s="101">
        <v>1</v>
      </c>
      <c r="BG36" s="102">
        <v>1</v>
      </c>
      <c r="BH36" s="103">
        <v>2</v>
      </c>
      <c r="BI36" s="413">
        <v>0</v>
      </c>
      <c r="BJ36" s="102">
        <v>2</v>
      </c>
      <c r="BK36" s="102">
        <v>0</v>
      </c>
      <c r="BL36" s="102">
        <v>0</v>
      </c>
      <c r="BM36" s="102">
        <v>0</v>
      </c>
      <c r="BN36" s="102">
        <v>0</v>
      </c>
      <c r="BO36" s="103">
        <v>2</v>
      </c>
      <c r="BP36" s="104">
        <v>4</v>
      </c>
      <c r="BQ36" s="101">
        <v>1</v>
      </c>
      <c r="BR36" s="102">
        <v>1</v>
      </c>
      <c r="BS36" s="103">
        <v>2</v>
      </c>
      <c r="BT36" s="413">
        <v>0</v>
      </c>
      <c r="BU36" s="102">
        <v>2</v>
      </c>
      <c r="BV36" s="102">
        <v>0</v>
      </c>
      <c r="BW36" s="102">
        <v>2</v>
      </c>
      <c r="BX36" s="102">
        <v>1</v>
      </c>
      <c r="BY36" s="102">
        <v>2</v>
      </c>
      <c r="BZ36" s="103">
        <v>7</v>
      </c>
      <c r="CA36" s="104">
        <v>9</v>
      </c>
      <c r="CB36" s="101">
        <v>0</v>
      </c>
      <c r="CC36" s="102">
        <v>0</v>
      </c>
      <c r="CD36" s="103">
        <v>0</v>
      </c>
      <c r="CE36" s="413">
        <v>0</v>
      </c>
      <c r="CF36" s="102">
        <v>0</v>
      </c>
      <c r="CG36" s="102">
        <v>0</v>
      </c>
      <c r="CH36" s="102">
        <v>0</v>
      </c>
      <c r="CI36" s="102">
        <v>0</v>
      </c>
      <c r="CJ36" s="102">
        <v>0</v>
      </c>
      <c r="CK36" s="103">
        <v>0</v>
      </c>
      <c r="CL36" s="104">
        <v>0</v>
      </c>
      <c r="CM36" s="101">
        <v>4</v>
      </c>
      <c r="CN36" s="102">
        <v>2</v>
      </c>
      <c r="CO36" s="103">
        <v>6</v>
      </c>
      <c r="CP36" s="413">
        <v>0</v>
      </c>
      <c r="CQ36" s="102">
        <v>4</v>
      </c>
      <c r="CR36" s="102">
        <v>1</v>
      </c>
      <c r="CS36" s="102">
        <v>4</v>
      </c>
      <c r="CT36" s="102">
        <v>1</v>
      </c>
      <c r="CU36" s="102">
        <v>2</v>
      </c>
      <c r="CV36" s="103">
        <v>12</v>
      </c>
      <c r="CW36" s="104">
        <v>18</v>
      </c>
      <c r="CX36" s="105">
        <v>0</v>
      </c>
      <c r="CY36" s="97">
        <v>2</v>
      </c>
      <c r="CZ36" s="98">
        <v>2</v>
      </c>
      <c r="DA36" s="413">
        <v>0</v>
      </c>
      <c r="DB36" s="97">
        <v>0</v>
      </c>
      <c r="DC36" s="97">
        <v>0</v>
      </c>
      <c r="DD36" s="97">
        <v>1</v>
      </c>
      <c r="DE36" s="97">
        <v>0</v>
      </c>
      <c r="DF36" s="97">
        <v>0</v>
      </c>
      <c r="DG36" s="99">
        <v>1</v>
      </c>
      <c r="DH36" s="100">
        <v>3</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0</v>
      </c>
      <c r="FF36" s="102">
        <v>0</v>
      </c>
      <c r="FG36" s="102">
        <v>0</v>
      </c>
      <c r="FH36" s="102">
        <v>0</v>
      </c>
      <c r="FI36" s="102">
        <v>0</v>
      </c>
      <c r="FJ36" s="103">
        <v>0</v>
      </c>
      <c r="FK36" s="104">
        <v>0</v>
      </c>
      <c r="FL36" s="101">
        <v>0</v>
      </c>
      <c r="FM36" s="102">
        <v>1</v>
      </c>
      <c r="FN36" s="103">
        <v>1</v>
      </c>
      <c r="FO36" s="413">
        <v>0</v>
      </c>
      <c r="FP36" s="102">
        <v>0</v>
      </c>
      <c r="FQ36" s="102">
        <v>0</v>
      </c>
      <c r="FR36" s="102">
        <v>1</v>
      </c>
      <c r="FS36" s="102">
        <v>0</v>
      </c>
      <c r="FT36" s="102">
        <v>0</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0</v>
      </c>
      <c r="GM36" s="102">
        <v>0</v>
      </c>
      <c r="GN36" s="102">
        <v>1</v>
      </c>
      <c r="GO36" s="102">
        <v>0</v>
      </c>
      <c r="GP36" s="102">
        <v>0</v>
      </c>
      <c r="GQ36" s="103">
        <v>1</v>
      </c>
      <c r="GR36" s="104">
        <v>3</v>
      </c>
      <c r="GS36" s="105">
        <v>4</v>
      </c>
      <c r="GT36" s="97">
        <v>4</v>
      </c>
      <c r="GU36" s="98">
        <v>8</v>
      </c>
      <c r="GV36" s="413">
        <v>0</v>
      </c>
      <c r="GW36" s="97">
        <v>4</v>
      </c>
      <c r="GX36" s="97">
        <v>1</v>
      </c>
      <c r="GY36" s="97">
        <v>5</v>
      </c>
      <c r="GZ36" s="97">
        <v>1</v>
      </c>
      <c r="HA36" s="97">
        <v>2</v>
      </c>
      <c r="HB36" s="99">
        <v>13</v>
      </c>
      <c r="HC36" s="100">
        <v>21</v>
      </c>
      <c r="HD36" s="101">
        <v>0</v>
      </c>
      <c r="HE36" s="102">
        <v>0</v>
      </c>
      <c r="HF36" s="103">
        <v>0</v>
      </c>
      <c r="HG36" s="413">
        <v>0</v>
      </c>
      <c r="HH36" s="102">
        <v>0</v>
      </c>
      <c r="HI36" s="102">
        <v>0</v>
      </c>
      <c r="HJ36" s="102">
        <v>0</v>
      </c>
      <c r="HK36" s="102">
        <v>0</v>
      </c>
      <c r="HL36" s="102">
        <v>0</v>
      </c>
      <c r="HM36" s="103">
        <v>0</v>
      </c>
      <c r="HN36" s="104">
        <v>0</v>
      </c>
      <c r="HO36" s="101">
        <v>0</v>
      </c>
      <c r="HP36" s="102">
        <v>0</v>
      </c>
      <c r="HQ36" s="103">
        <v>0</v>
      </c>
      <c r="HR36" s="413">
        <v>0</v>
      </c>
      <c r="HS36" s="102">
        <v>0</v>
      </c>
      <c r="HT36" s="102">
        <v>0</v>
      </c>
      <c r="HU36" s="102">
        <v>0</v>
      </c>
      <c r="HV36" s="102">
        <v>0</v>
      </c>
      <c r="HW36" s="102">
        <v>0</v>
      </c>
      <c r="HX36" s="103">
        <v>0</v>
      </c>
      <c r="HY36" s="104">
        <v>0</v>
      </c>
      <c r="HZ36" s="101">
        <v>1</v>
      </c>
      <c r="IA36" s="102">
        <v>0</v>
      </c>
      <c r="IB36" s="103">
        <v>1</v>
      </c>
      <c r="IC36" s="413">
        <v>0</v>
      </c>
      <c r="ID36" s="102">
        <v>0</v>
      </c>
      <c r="IE36" s="102">
        <v>1</v>
      </c>
      <c r="IF36" s="102">
        <v>0</v>
      </c>
      <c r="IG36" s="102">
        <v>0</v>
      </c>
      <c r="IH36" s="102">
        <v>0</v>
      </c>
      <c r="II36" s="103">
        <v>1</v>
      </c>
      <c r="IJ36" s="104">
        <v>2</v>
      </c>
      <c r="IK36" s="101">
        <v>1</v>
      </c>
      <c r="IL36" s="102">
        <v>1</v>
      </c>
      <c r="IM36" s="103">
        <v>2</v>
      </c>
      <c r="IN36" s="413">
        <v>0</v>
      </c>
      <c r="IO36" s="102">
        <v>0</v>
      </c>
      <c r="IP36" s="102">
        <v>0</v>
      </c>
      <c r="IQ36" s="102">
        <v>2</v>
      </c>
      <c r="IR36" s="102">
        <v>0</v>
      </c>
      <c r="IS36" s="102">
        <v>0</v>
      </c>
      <c r="IT36" s="103">
        <v>2</v>
      </c>
      <c r="IU36" s="104">
        <v>4</v>
      </c>
      <c r="IV36" s="101">
        <v>1</v>
      </c>
      <c r="IW36" s="102">
        <v>1</v>
      </c>
      <c r="IX36" s="103">
        <v>2</v>
      </c>
      <c r="IY36" s="413">
        <v>0</v>
      </c>
      <c r="IZ36" s="102">
        <v>2</v>
      </c>
      <c r="JA36" s="102">
        <v>0</v>
      </c>
      <c r="JB36" s="102">
        <v>0</v>
      </c>
      <c r="JC36" s="102">
        <v>0</v>
      </c>
      <c r="JD36" s="102">
        <v>0</v>
      </c>
      <c r="JE36" s="103">
        <v>2</v>
      </c>
      <c r="JF36" s="104">
        <v>4</v>
      </c>
      <c r="JG36" s="101">
        <v>1</v>
      </c>
      <c r="JH36" s="102">
        <v>2</v>
      </c>
      <c r="JI36" s="103">
        <v>3</v>
      </c>
      <c r="JJ36" s="413">
        <v>0</v>
      </c>
      <c r="JK36" s="102">
        <v>2</v>
      </c>
      <c r="JL36" s="102">
        <v>0</v>
      </c>
      <c r="JM36" s="102">
        <v>3</v>
      </c>
      <c r="JN36" s="102">
        <v>1</v>
      </c>
      <c r="JO36" s="102">
        <v>2</v>
      </c>
      <c r="JP36" s="103">
        <v>8</v>
      </c>
      <c r="JQ36" s="104">
        <v>11</v>
      </c>
      <c r="JR36" s="101">
        <v>0</v>
      </c>
      <c r="JS36" s="102">
        <v>0</v>
      </c>
      <c r="JT36" s="103">
        <v>0</v>
      </c>
      <c r="JU36" s="413">
        <v>0</v>
      </c>
      <c r="JV36" s="102">
        <v>0</v>
      </c>
      <c r="JW36" s="102">
        <v>0</v>
      </c>
      <c r="JX36" s="102">
        <v>0</v>
      </c>
      <c r="JY36" s="102">
        <v>0</v>
      </c>
      <c r="JZ36" s="102">
        <v>0</v>
      </c>
      <c r="KA36" s="103">
        <v>0</v>
      </c>
      <c r="KB36" s="104">
        <v>0</v>
      </c>
      <c r="KC36" s="101">
        <v>4</v>
      </c>
      <c r="KD36" s="102">
        <v>4</v>
      </c>
      <c r="KE36" s="103">
        <v>8</v>
      </c>
      <c r="KF36" s="413">
        <v>0</v>
      </c>
      <c r="KG36" s="102">
        <v>4</v>
      </c>
      <c r="KH36" s="102">
        <v>1</v>
      </c>
      <c r="KI36" s="102">
        <v>5</v>
      </c>
      <c r="KJ36" s="102">
        <v>1</v>
      </c>
      <c r="KK36" s="102">
        <v>2</v>
      </c>
      <c r="KL36" s="103">
        <v>13</v>
      </c>
      <c r="KM36" s="104">
        <v>21</v>
      </c>
    </row>
    <row r="37" spans="2:299" s="70" customFormat="1" ht="21" customHeight="1" x14ac:dyDescent="0.2">
      <c r="B37" s="106" t="s">
        <v>34</v>
      </c>
      <c r="C37" s="96">
        <v>2</v>
      </c>
      <c r="D37" s="97">
        <v>3</v>
      </c>
      <c r="E37" s="98">
        <v>5</v>
      </c>
      <c r="F37" s="413">
        <v>0</v>
      </c>
      <c r="G37" s="97">
        <v>6</v>
      </c>
      <c r="H37" s="97">
        <v>8</v>
      </c>
      <c r="I37" s="97">
        <v>3</v>
      </c>
      <c r="J37" s="97">
        <v>1</v>
      </c>
      <c r="K37" s="97">
        <v>1</v>
      </c>
      <c r="L37" s="99">
        <v>19</v>
      </c>
      <c r="M37" s="100">
        <v>2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0</v>
      </c>
      <c r="AE37" s="102">
        <v>0</v>
      </c>
      <c r="AF37" s="102">
        <v>0</v>
      </c>
      <c r="AG37" s="102">
        <v>0</v>
      </c>
      <c r="AH37" s="103">
        <v>0</v>
      </c>
      <c r="AI37" s="104">
        <v>0</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5</v>
      </c>
      <c r="BA37" s="102">
        <v>0</v>
      </c>
      <c r="BB37" s="102">
        <v>0</v>
      </c>
      <c r="BC37" s="102">
        <v>0</v>
      </c>
      <c r="BD37" s="103">
        <v>5</v>
      </c>
      <c r="BE37" s="104">
        <v>7</v>
      </c>
      <c r="BF37" s="101">
        <v>1</v>
      </c>
      <c r="BG37" s="102">
        <v>2</v>
      </c>
      <c r="BH37" s="103">
        <v>3</v>
      </c>
      <c r="BI37" s="413">
        <v>0</v>
      </c>
      <c r="BJ37" s="102">
        <v>4</v>
      </c>
      <c r="BK37" s="102">
        <v>0</v>
      </c>
      <c r="BL37" s="102">
        <v>3</v>
      </c>
      <c r="BM37" s="102">
        <v>0</v>
      </c>
      <c r="BN37" s="102">
        <v>0</v>
      </c>
      <c r="BO37" s="103">
        <v>7</v>
      </c>
      <c r="BP37" s="104">
        <v>10</v>
      </c>
      <c r="BQ37" s="101">
        <v>0</v>
      </c>
      <c r="BR37" s="102">
        <v>0</v>
      </c>
      <c r="BS37" s="103">
        <v>0</v>
      </c>
      <c r="BT37" s="413">
        <v>0</v>
      </c>
      <c r="BU37" s="102">
        <v>2</v>
      </c>
      <c r="BV37" s="102">
        <v>3</v>
      </c>
      <c r="BW37" s="102">
        <v>0</v>
      </c>
      <c r="BX37" s="102">
        <v>1</v>
      </c>
      <c r="BY37" s="102">
        <v>1</v>
      </c>
      <c r="BZ37" s="103">
        <v>7</v>
      </c>
      <c r="CA37" s="104">
        <v>7</v>
      </c>
      <c r="CB37" s="101">
        <v>0</v>
      </c>
      <c r="CC37" s="102">
        <v>0</v>
      </c>
      <c r="CD37" s="103">
        <v>0</v>
      </c>
      <c r="CE37" s="413">
        <v>0</v>
      </c>
      <c r="CF37" s="102">
        <v>0</v>
      </c>
      <c r="CG37" s="102">
        <v>0</v>
      </c>
      <c r="CH37" s="102">
        <v>0</v>
      </c>
      <c r="CI37" s="102">
        <v>0</v>
      </c>
      <c r="CJ37" s="102">
        <v>0</v>
      </c>
      <c r="CK37" s="103">
        <v>0</v>
      </c>
      <c r="CL37" s="104">
        <v>0</v>
      </c>
      <c r="CM37" s="101">
        <v>2</v>
      </c>
      <c r="CN37" s="102">
        <v>3</v>
      </c>
      <c r="CO37" s="103">
        <v>5</v>
      </c>
      <c r="CP37" s="413">
        <v>0</v>
      </c>
      <c r="CQ37" s="102">
        <v>6</v>
      </c>
      <c r="CR37" s="102">
        <v>8</v>
      </c>
      <c r="CS37" s="102">
        <v>3</v>
      </c>
      <c r="CT37" s="102">
        <v>1</v>
      </c>
      <c r="CU37" s="102">
        <v>1</v>
      </c>
      <c r="CV37" s="103">
        <v>19</v>
      </c>
      <c r="CW37" s="104">
        <v>24</v>
      </c>
      <c r="CX37" s="105">
        <v>0</v>
      </c>
      <c r="CY37" s="97">
        <v>0</v>
      </c>
      <c r="CZ37" s="98">
        <v>0</v>
      </c>
      <c r="DA37" s="413">
        <v>0</v>
      </c>
      <c r="DB37" s="97">
        <v>0</v>
      </c>
      <c r="DC37" s="97">
        <v>0</v>
      </c>
      <c r="DD37" s="97">
        <v>0</v>
      </c>
      <c r="DE37" s="97">
        <v>0</v>
      </c>
      <c r="DF37" s="97">
        <v>1</v>
      </c>
      <c r="DG37" s="99">
        <v>1</v>
      </c>
      <c r="DH37" s="100">
        <v>1</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0</v>
      </c>
      <c r="FB37" s="102">
        <v>0</v>
      </c>
      <c r="FC37" s="103">
        <v>0</v>
      </c>
      <c r="FD37" s="413">
        <v>0</v>
      </c>
      <c r="FE37" s="102">
        <v>0</v>
      </c>
      <c r="FF37" s="102">
        <v>0</v>
      </c>
      <c r="FG37" s="102">
        <v>0</v>
      </c>
      <c r="FH37" s="102">
        <v>0</v>
      </c>
      <c r="FI37" s="102">
        <v>0</v>
      </c>
      <c r="FJ37" s="103">
        <v>0</v>
      </c>
      <c r="FK37" s="104">
        <v>0</v>
      </c>
      <c r="FL37" s="101">
        <v>0</v>
      </c>
      <c r="FM37" s="102">
        <v>0</v>
      </c>
      <c r="FN37" s="103">
        <v>0</v>
      </c>
      <c r="FO37" s="413">
        <v>0</v>
      </c>
      <c r="FP37" s="102">
        <v>0</v>
      </c>
      <c r="FQ37" s="102">
        <v>0</v>
      </c>
      <c r="FR37" s="102">
        <v>0</v>
      </c>
      <c r="FS37" s="102">
        <v>0</v>
      </c>
      <c r="FT37" s="102">
        <v>1</v>
      </c>
      <c r="FU37" s="103">
        <v>1</v>
      </c>
      <c r="FV37" s="104">
        <v>1</v>
      </c>
      <c r="FW37" s="101">
        <v>0</v>
      </c>
      <c r="FX37" s="102">
        <v>0</v>
      </c>
      <c r="FY37" s="103">
        <v>0</v>
      </c>
      <c r="FZ37" s="413">
        <v>0</v>
      </c>
      <c r="GA37" s="102">
        <v>0</v>
      </c>
      <c r="GB37" s="102">
        <v>0</v>
      </c>
      <c r="GC37" s="102">
        <v>0</v>
      </c>
      <c r="GD37" s="102">
        <v>0</v>
      </c>
      <c r="GE37" s="102">
        <v>0</v>
      </c>
      <c r="GF37" s="103">
        <v>0</v>
      </c>
      <c r="GG37" s="104">
        <v>0</v>
      </c>
      <c r="GH37" s="101">
        <v>0</v>
      </c>
      <c r="GI37" s="102">
        <v>0</v>
      </c>
      <c r="GJ37" s="103">
        <v>0</v>
      </c>
      <c r="GK37" s="413">
        <v>0</v>
      </c>
      <c r="GL37" s="102">
        <v>0</v>
      </c>
      <c r="GM37" s="102">
        <v>0</v>
      </c>
      <c r="GN37" s="102">
        <v>0</v>
      </c>
      <c r="GO37" s="102">
        <v>0</v>
      </c>
      <c r="GP37" s="102">
        <v>1</v>
      </c>
      <c r="GQ37" s="103">
        <v>1</v>
      </c>
      <c r="GR37" s="104">
        <v>1</v>
      </c>
      <c r="GS37" s="105">
        <v>2</v>
      </c>
      <c r="GT37" s="97">
        <v>3</v>
      </c>
      <c r="GU37" s="98">
        <v>5</v>
      </c>
      <c r="GV37" s="413">
        <v>0</v>
      </c>
      <c r="GW37" s="97">
        <v>6</v>
      </c>
      <c r="GX37" s="97">
        <v>8</v>
      </c>
      <c r="GY37" s="97">
        <v>3</v>
      </c>
      <c r="GZ37" s="97">
        <v>1</v>
      </c>
      <c r="HA37" s="97">
        <v>2</v>
      </c>
      <c r="HB37" s="99">
        <v>20</v>
      </c>
      <c r="HC37" s="100">
        <v>25</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0</v>
      </c>
      <c r="HU37" s="102">
        <v>0</v>
      </c>
      <c r="HV37" s="102">
        <v>0</v>
      </c>
      <c r="HW37" s="102">
        <v>0</v>
      </c>
      <c r="HX37" s="103">
        <v>0</v>
      </c>
      <c r="HY37" s="104">
        <v>0</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5</v>
      </c>
      <c r="IQ37" s="102">
        <v>0</v>
      </c>
      <c r="IR37" s="102">
        <v>0</v>
      </c>
      <c r="IS37" s="102">
        <v>0</v>
      </c>
      <c r="IT37" s="103">
        <v>5</v>
      </c>
      <c r="IU37" s="104">
        <v>7</v>
      </c>
      <c r="IV37" s="101">
        <v>1</v>
      </c>
      <c r="IW37" s="102">
        <v>2</v>
      </c>
      <c r="IX37" s="103">
        <v>3</v>
      </c>
      <c r="IY37" s="413">
        <v>0</v>
      </c>
      <c r="IZ37" s="102">
        <v>4</v>
      </c>
      <c r="JA37" s="102">
        <v>0</v>
      </c>
      <c r="JB37" s="102">
        <v>3</v>
      </c>
      <c r="JC37" s="102">
        <v>0</v>
      </c>
      <c r="JD37" s="102">
        <v>0</v>
      </c>
      <c r="JE37" s="103">
        <v>7</v>
      </c>
      <c r="JF37" s="104">
        <v>10</v>
      </c>
      <c r="JG37" s="101">
        <v>0</v>
      </c>
      <c r="JH37" s="102">
        <v>0</v>
      </c>
      <c r="JI37" s="103">
        <v>0</v>
      </c>
      <c r="JJ37" s="413">
        <v>0</v>
      </c>
      <c r="JK37" s="102">
        <v>2</v>
      </c>
      <c r="JL37" s="102">
        <v>3</v>
      </c>
      <c r="JM37" s="102">
        <v>0</v>
      </c>
      <c r="JN37" s="102">
        <v>1</v>
      </c>
      <c r="JO37" s="102">
        <v>2</v>
      </c>
      <c r="JP37" s="103">
        <v>8</v>
      </c>
      <c r="JQ37" s="104">
        <v>8</v>
      </c>
      <c r="JR37" s="101">
        <v>0</v>
      </c>
      <c r="JS37" s="102">
        <v>0</v>
      </c>
      <c r="JT37" s="103">
        <v>0</v>
      </c>
      <c r="JU37" s="413">
        <v>0</v>
      </c>
      <c r="JV37" s="102">
        <v>0</v>
      </c>
      <c r="JW37" s="102">
        <v>0</v>
      </c>
      <c r="JX37" s="102">
        <v>0</v>
      </c>
      <c r="JY37" s="102">
        <v>0</v>
      </c>
      <c r="JZ37" s="102">
        <v>0</v>
      </c>
      <c r="KA37" s="103">
        <v>0</v>
      </c>
      <c r="KB37" s="104">
        <v>0</v>
      </c>
      <c r="KC37" s="101">
        <v>2</v>
      </c>
      <c r="KD37" s="102">
        <v>3</v>
      </c>
      <c r="KE37" s="103">
        <v>5</v>
      </c>
      <c r="KF37" s="413">
        <v>0</v>
      </c>
      <c r="KG37" s="102">
        <v>6</v>
      </c>
      <c r="KH37" s="102">
        <v>8</v>
      </c>
      <c r="KI37" s="102">
        <v>3</v>
      </c>
      <c r="KJ37" s="102">
        <v>1</v>
      </c>
      <c r="KK37" s="102">
        <v>2</v>
      </c>
      <c r="KL37" s="103">
        <v>20</v>
      </c>
      <c r="KM37" s="104">
        <v>25</v>
      </c>
    </row>
    <row r="38" spans="2:299" s="70" customFormat="1" ht="21" customHeight="1" x14ac:dyDescent="0.2">
      <c r="B38" s="106" t="s">
        <v>35</v>
      </c>
      <c r="C38" s="96">
        <v>9</v>
      </c>
      <c r="D38" s="97">
        <v>4</v>
      </c>
      <c r="E38" s="98">
        <v>13</v>
      </c>
      <c r="F38" s="413">
        <v>0</v>
      </c>
      <c r="G38" s="97">
        <v>23</v>
      </c>
      <c r="H38" s="97">
        <v>7</v>
      </c>
      <c r="I38" s="97">
        <v>5</v>
      </c>
      <c r="J38" s="97">
        <v>7</v>
      </c>
      <c r="K38" s="97">
        <v>5</v>
      </c>
      <c r="L38" s="99">
        <v>47</v>
      </c>
      <c r="M38" s="100">
        <v>60</v>
      </c>
      <c r="N38" s="101">
        <v>0</v>
      </c>
      <c r="O38" s="102">
        <v>0</v>
      </c>
      <c r="P38" s="103">
        <v>0</v>
      </c>
      <c r="Q38" s="413">
        <v>0</v>
      </c>
      <c r="R38" s="102">
        <v>3</v>
      </c>
      <c r="S38" s="102">
        <v>1</v>
      </c>
      <c r="T38" s="102">
        <v>0</v>
      </c>
      <c r="U38" s="102">
        <v>0</v>
      </c>
      <c r="V38" s="102">
        <v>0</v>
      </c>
      <c r="W38" s="103">
        <v>4</v>
      </c>
      <c r="X38" s="104">
        <v>4</v>
      </c>
      <c r="Y38" s="101">
        <v>0</v>
      </c>
      <c r="Z38" s="102">
        <v>0</v>
      </c>
      <c r="AA38" s="103">
        <v>0</v>
      </c>
      <c r="AB38" s="413">
        <v>0</v>
      </c>
      <c r="AC38" s="102">
        <v>0</v>
      </c>
      <c r="AD38" s="102">
        <v>0</v>
      </c>
      <c r="AE38" s="102">
        <v>0</v>
      </c>
      <c r="AF38" s="102">
        <v>0</v>
      </c>
      <c r="AG38" s="102">
        <v>0</v>
      </c>
      <c r="AH38" s="103">
        <v>0</v>
      </c>
      <c r="AI38" s="104">
        <v>0</v>
      </c>
      <c r="AJ38" s="101">
        <v>1</v>
      </c>
      <c r="AK38" s="102">
        <v>2</v>
      </c>
      <c r="AL38" s="103">
        <v>3</v>
      </c>
      <c r="AM38" s="413">
        <v>0</v>
      </c>
      <c r="AN38" s="102">
        <v>0</v>
      </c>
      <c r="AO38" s="102">
        <v>0</v>
      </c>
      <c r="AP38" s="102">
        <v>0</v>
      </c>
      <c r="AQ38" s="102">
        <v>0</v>
      </c>
      <c r="AR38" s="102">
        <v>0</v>
      </c>
      <c r="AS38" s="103">
        <v>0</v>
      </c>
      <c r="AT38" s="104">
        <v>3</v>
      </c>
      <c r="AU38" s="101">
        <v>3</v>
      </c>
      <c r="AV38" s="102">
        <v>2</v>
      </c>
      <c r="AW38" s="103">
        <v>5</v>
      </c>
      <c r="AX38" s="413">
        <v>0</v>
      </c>
      <c r="AY38" s="102">
        <v>7</v>
      </c>
      <c r="AZ38" s="102">
        <v>0</v>
      </c>
      <c r="BA38" s="102">
        <v>2</v>
      </c>
      <c r="BB38" s="102">
        <v>1</v>
      </c>
      <c r="BC38" s="102">
        <v>0</v>
      </c>
      <c r="BD38" s="103">
        <v>10</v>
      </c>
      <c r="BE38" s="104">
        <v>15</v>
      </c>
      <c r="BF38" s="101">
        <v>3</v>
      </c>
      <c r="BG38" s="102">
        <v>0</v>
      </c>
      <c r="BH38" s="103">
        <v>3</v>
      </c>
      <c r="BI38" s="413">
        <v>0</v>
      </c>
      <c r="BJ38" s="102">
        <v>5</v>
      </c>
      <c r="BK38" s="102">
        <v>1</v>
      </c>
      <c r="BL38" s="102">
        <v>1</v>
      </c>
      <c r="BM38" s="102">
        <v>1</v>
      </c>
      <c r="BN38" s="102">
        <v>0</v>
      </c>
      <c r="BO38" s="103">
        <v>8</v>
      </c>
      <c r="BP38" s="104">
        <v>11</v>
      </c>
      <c r="BQ38" s="101">
        <v>2</v>
      </c>
      <c r="BR38" s="102">
        <v>0</v>
      </c>
      <c r="BS38" s="103">
        <v>2</v>
      </c>
      <c r="BT38" s="413">
        <v>0</v>
      </c>
      <c r="BU38" s="102">
        <v>8</v>
      </c>
      <c r="BV38" s="102">
        <v>5</v>
      </c>
      <c r="BW38" s="102">
        <v>2</v>
      </c>
      <c r="BX38" s="102">
        <v>5</v>
      </c>
      <c r="BY38" s="102">
        <v>5</v>
      </c>
      <c r="BZ38" s="103">
        <v>25</v>
      </c>
      <c r="CA38" s="104">
        <v>27</v>
      </c>
      <c r="CB38" s="101">
        <v>0</v>
      </c>
      <c r="CC38" s="102">
        <v>0</v>
      </c>
      <c r="CD38" s="103">
        <v>0</v>
      </c>
      <c r="CE38" s="413">
        <v>0</v>
      </c>
      <c r="CF38" s="102">
        <v>0</v>
      </c>
      <c r="CG38" s="102">
        <v>0</v>
      </c>
      <c r="CH38" s="102">
        <v>0</v>
      </c>
      <c r="CI38" s="102">
        <v>0</v>
      </c>
      <c r="CJ38" s="102">
        <v>0</v>
      </c>
      <c r="CK38" s="103">
        <v>0</v>
      </c>
      <c r="CL38" s="104">
        <v>0</v>
      </c>
      <c r="CM38" s="101">
        <v>9</v>
      </c>
      <c r="CN38" s="102">
        <v>4</v>
      </c>
      <c r="CO38" s="103">
        <v>13</v>
      </c>
      <c r="CP38" s="413">
        <v>0</v>
      </c>
      <c r="CQ38" s="102">
        <v>23</v>
      </c>
      <c r="CR38" s="102">
        <v>7</v>
      </c>
      <c r="CS38" s="102">
        <v>5</v>
      </c>
      <c r="CT38" s="102">
        <v>7</v>
      </c>
      <c r="CU38" s="102">
        <v>5</v>
      </c>
      <c r="CV38" s="103">
        <v>47</v>
      </c>
      <c r="CW38" s="104">
        <v>60</v>
      </c>
      <c r="CX38" s="105">
        <v>2</v>
      </c>
      <c r="CY38" s="97">
        <v>0</v>
      </c>
      <c r="CZ38" s="98">
        <v>2</v>
      </c>
      <c r="DA38" s="413">
        <v>0</v>
      </c>
      <c r="DB38" s="97">
        <v>3</v>
      </c>
      <c r="DC38" s="97">
        <v>2</v>
      </c>
      <c r="DD38" s="97">
        <v>1</v>
      </c>
      <c r="DE38" s="97">
        <v>2</v>
      </c>
      <c r="DF38" s="97">
        <v>1</v>
      </c>
      <c r="DG38" s="99">
        <v>9</v>
      </c>
      <c r="DH38" s="100">
        <v>11</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0</v>
      </c>
      <c r="EA38" s="102">
        <v>0</v>
      </c>
      <c r="EB38" s="102">
        <v>0</v>
      </c>
      <c r="EC38" s="103">
        <v>0</v>
      </c>
      <c r="ED38" s="104">
        <v>0</v>
      </c>
      <c r="EE38" s="101">
        <v>0</v>
      </c>
      <c r="EF38" s="102">
        <v>0</v>
      </c>
      <c r="EG38" s="103">
        <v>0</v>
      </c>
      <c r="EH38" s="413">
        <v>0</v>
      </c>
      <c r="EI38" s="102">
        <v>0</v>
      </c>
      <c r="EJ38" s="102">
        <v>0</v>
      </c>
      <c r="EK38" s="102">
        <v>0</v>
      </c>
      <c r="EL38" s="102">
        <v>0</v>
      </c>
      <c r="EM38" s="102">
        <v>0</v>
      </c>
      <c r="EN38" s="103">
        <v>0</v>
      </c>
      <c r="EO38" s="104">
        <v>0</v>
      </c>
      <c r="EP38" s="101">
        <v>1</v>
      </c>
      <c r="EQ38" s="102">
        <v>0</v>
      </c>
      <c r="ER38" s="103">
        <v>1</v>
      </c>
      <c r="ES38" s="413">
        <v>0</v>
      </c>
      <c r="ET38" s="102">
        <v>1</v>
      </c>
      <c r="EU38" s="102">
        <v>0</v>
      </c>
      <c r="EV38" s="102">
        <v>0</v>
      </c>
      <c r="EW38" s="102">
        <v>0</v>
      </c>
      <c r="EX38" s="102">
        <v>0</v>
      </c>
      <c r="EY38" s="103">
        <v>1</v>
      </c>
      <c r="EZ38" s="104">
        <v>2</v>
      </c>
      <c r="FA38" s="101">
        <v>1</v>
      </c>
      <c r="FB38" s="102">
        <v>0</v>
      </c>
      <c r="FC38" s="103">
        <v>1</v>
      </c>
      <c r="FD38" s="413">
        <v>0</v>
      </c>
      <c r="FE38" s="102">
        <v>0</v>
      </c>
      <c r="FF38" s="102">
        <v>1</v>
      </c>
      <c r="FG38" s="102">
        <v>0</v>
      </c>
      <c r="FH38" s="102">
        <v>0</v>
      </c>
      <c r="FI38" s="102">
        <v>1</v>
      </c>
      <c r="FJ38" s="103">
        <v>2</v>
      </c>
      <c r="FK38" s="104">
        <v>3</v>
      </c>
      <c r="FL38" s="101">
        <v>0</v>
      </c>
      <c r="FM38" s="102">
        <v>0</v>
      </c>
      <c r="FN38" s="103">
        <v>0</v>
      </c>
      <c r="FO38" s="413">
        <v>0</v>
      </c>
      <c r="FP38" s="102">
        <v>2</v>
      </c>
      <c r="FQ38" s="102">
        <v>1</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2</v>
      </c>
      <c r="GI38" s="102">
        <v>0</v>
      </c>
      <c r="GJ38" s="103">
        <v>2</v>
      </c>
      <c r="GK38" s="413">
        <v>0</v>
      </c>
      <c r="GL38" s="102">
        <v>3</v>
      </c>
      <c r="GM38" s="102">
        <v>2</v>
      </c>
      <c r="GN38" s="102">
        <v>1</v>
      </c>
      <c r="GO38" s="102">
        <v>2</v>
      </c>
      <c r="GP38" s="102">
        <v>1</v>
      </c>
      <c r="GQ38" s="103">
        <v>9</v>
      </c>
      <c r="GR38" s="104">
        <v>11</v>
      </c>
      <c r="GS38" s="105">
        <v>11</v>
      </c>
      <c r="GT38" s="97">
        <v>4</v>
      </c>
      <c r="GU38" s="98">
        <v>15</v>
      </c>
      <c r="GV38" s="413">
        <v>0</v>
      </c>
      <c r="GW38" s="97">
        <v>26</v>
      </c>
      <c r="GX38" s="97">
        <v>9</v>
      </c>
      <c r="GY38" s="97">
        <v>6</v>
      </c>
      <c r="GZ38" s="97">
        <v>9</v>
      </c>
      <c r="HA38" s="97">
        <v>6</v>
      </c>
      <c r="HB38" s="99">
        <v>56</v>
      </c>
      <c r="HC38" s="100">
        <v>71</v>
      </c>
      <c r="HD38" s="101">
        <v>0</v>
      </c>
      <c r="HE38" s="102">
        <v>0</v>
      </c>
      <c r="HF38" s="103">
        <v>0</v>
      </c>
      <c r="HG38" s="413">
        <v>0</v>
      </c>
      <c r="HH38" s="102">
        <v>3</v>
      </c>
      <c r="HI38" s="102">
        <v>1</v>
      </c>
      <c r="HJ38" s="102">
        <v>0</v>
      </c>
      <c r="HK38" s="102">
        <v>0</v>
      </c>
      <c r="HL38" s="102">
        <v>0</v>
      </c>
      <c r="HM38" s="103">
        <v>4</v>
      </c>
      <c r="HN38" s="104">
        <v>4</v>
      </c>
      <c r="HO38" s="101">
        <v>0</v>
      </c>
      <c r="HP38" s="102">
        <v>0</v>
      </c>
      <c r="HQ38" s="103">
        <v>0</v>
      </c>
      <c r="HR38" s="413">
        <v>0</v>
      </c>
      <c r="HS38" s="102">
        <v>0</v>
      </c>
      <c r="HT38" s="102">
        <v>0</v>
      </c>
      <c r="HU38" s="102">
        <v>0</v>
      </c>
      <c r="HV38" s="102">
        <v>0</v>
      </c>
      <c r="HW38" s="102">
        <v>0</v>
      </c>
      <c r="HX38" s="103">
        <v>0</v>
      </c>
      <c r="HY38" s="104">
        <v>0</v>
      </c>
      <c r="HZ38" s="101">
        <v>1</v>
      </c>
      <c r="IA38" s="102">
        <v>2</v>
      </c>
      <c r="IB38" s="103">
        <v>3</v>
      </c>
      <c r="IC38" s="413">
        <v>0</v>
      </c>
      <c r="ID38" s="102">
        <v>0</v>
      </c>
      <c r="IE38" s="102">
        <v>0</v>
      </c>
      <c r="IF38" s="102">
        <v>0</v>
      </c>
      <c r="IG38" s="102">
        <v>0</v>
      </c>
      <c r="IH38" s="102">
        <v>0</v>
      </c>
      <c r="II38" s="103">
        <v>0</v>
      </c>
      <c r="IJ38" s="104">
        <v>3</v>
      </c>
      <c r="IK38" s="101">
        <v>4</v>
      </c>
      <c r="IL38" s="102">
        <v>2</v>
      </c>
      <c r="IM38" s="103">
        <v>6</v>
      </c>
      <c r="IN38" s="413">
        <v>0</v>
      </c>
      <c r="IO38" s="102">
        <v>8</v>
      </c>
      <c r="IP38" s="102">
        <v>0</v>
      </c>
      <c r="IQ38" s="102">
        <v>2</v>
      </c>
      <c r="IR38" s="102">
        <v>1</v>
      </c>
      <c r="IS38" s="102">
        <v>0</v>
      </c>
      <c r="IT38" s="103">
        <v>11</v>
      </c>
      <c r="IU38" s="104">
        <v>17</v>
      </c>
      <c r="IV38" s="101">
        <v>4</v>
      </c>
      <c r="IW38" s="102">
        <v>0</v>
      </c>
      <c r="IX38" s="103">
        <v>4</v>
      </c>
      <c r="IY38" s="413">
        <v>0</v>
      </c>
      <c r="IZ38" s="102">
        <v>5</v>
      </c>
      <c r="JA38" s="102">
        <v>2</v>
      </c>
      <c r="JB38" s="102">
        <v>1</v>
      </c>
      <c r="JC38" s="102">
        <v>1</v>
      </c>
      <c r="JD38" s="102">
        <v>1</v>
      </c>
      <c r="JE38" s="103">
        <v>10</v>
      </c>
      <c r="JF38" s="104">
        <v>14</v>
      </c>
      <c r="JG38" s="101">
        <v>2</v>
      </c>
      <c r="JH38" s="102">
        <v>0</v>
      </c>
      <c r="JI38" s="103">
        <v>2</v>
      </c>
      <c r="JJ38" s="413">
        <v>0</v>
      </c>
      <c r="JK38" s="102">
        <v>10</v>
      </c>
      <c r="JL38" s="102">
        <v>6</v>
      </c>
      <c r="JM38" s="102">
        <v>3</v>
      </c>
      <c r="JN38" s="102">
        <v>7</v>
      </c>
      <c r="JO38" s="102">
        <v>5</v>
      </c>
      <c r="JP38" s="103">
        <v>31</v>
      </c>
      <c r="JQ38" s="104">
        <v>33</v>
      </c>
      <c r="JR38" s="101">
        <v>0</v>
      </c>
      <c r="JS38" s="102">
        <v>0</v>
      </c>
      <c r="JT38" s="103">
        <v>0</v>
      </c>
      <c r="JU38" s="413">
        <v>0</v>
      </c>
      <c r="JV38" s="102">
        <v>0</v>
      </c>
      <c r="JW38" s="102">
        <v>0</v>
      </c>
      <c r="JX38" s="102">
        <v>0</v>
      </c>
      <c r="JY38" s="102">
        <v>0</v>
      </c>
      <c r="JZ38" s="102">
        <v>0</v>
      </c>
      <c r="KA38" s="103">
        <v>0</v>
      </c>
      <c r="KB38" s="104">
        <v>0</v>
      </c>
      <c r="KC38" s="101">
        <v>11</v>
      </c>
      <c r="KD38" s="102">
        <v>4</v>
      </c>
      <c r="KE38" s="103">
        <v>15</v>
      </c>
      <c r="KF38" s="413">
        <v>0</v>
      </c>
      <c r="KG38" s="102">
        <v>26</v>
      </c>
      <c r="KH38" s="102">
        <v>9</v>
      </c>
      <c r="KI38" s="102">
        <v>6</v>
      </c>
      <c r="KJ38" s="102">
        <v>9</v>
      </c>
      <c r="KK38" s="102">
        <v>6</v>
      </c>
      <c r="KL38" s="103">
        <v>56</v>
      </c>
      <c r="KM38" s="104">
        <v>71</v>
      </c>
    </row>
    <row r="39" spans="2:299" s="70" customFormat="1" ht="21" customHeight="1" x14ac:dyDescent="0.2">
      <c r="B39" s="106" t="s">
        <v>36</v>
      </c>
      <c r="C39" s="96">
        <v>5</v>
      </c>
      <c r="D39" s="97">
        <v>4</v>
      </c>
      <c r="E39" s="98">
        <v>9</v>
      </c>
      <c r="F39" s="413">
        <v>0</v>
      </c>
      <c r="G39" s="97">
        <v>15</v>
      </c>
      <c r="H39" s="97">
        <v>8</v>
      </c>
      <c r="I39" s="97">
        <v>6</v>
      </c>
      <c r="J39" s="97">
        <v>7</v>
      </c>
      <c r="K39" s="97">
        <v>4</v>
      </c>
      <c r="L39" s="99">
        <v>40</v>
      </c>
      <c r="M39" s="100">
        <v>49</v>
      </c>
      <c r="N39" s="101">
        <v>0</v>
      </c>
      <c r="O39" s="102">
        <v>0</v>
      </c>
      <c r="P39" s="103">
        <v>0</v>
      </c>
      <c r="Q39" s="413">
        <v>0</v>
      </c>
      <c r="R39" s="102">
        <v>1</v>
      </c>
      <c r="S39" s="102">
        <v>1</v>
      </c>
      <c r="T39" s="102">
        <v>0</v>
      </c>
      <c r="U39" s="102">
        <v>0</v>
      </c>
      <c r="V39" s="102">
        <v>1</v>
      </c>
      <c r="W39" s="103">
        <v>3</v>
      </c>
      <c r="X39" s="104">
        <v>3</v>
      </c>
      <c r="Y39" s="101">
        <v>1</v>
      </c>
      <c r="Z39" s="102">
        <v>0</v>
      </c>
      <c r="AA39" s="103">
        <v>1</v>
      </c>
      <c r="AB39" s="413">
        <v>0</v>
      </c>
      <c r="AC39" s="102">
        <v>2</v>
      </c>
      <c r="AD39" s="102">
        <v>1</v>
      </c>
      <c r="AE39" s="102">
        <v>0</v>
      </c>
      <c r="AF39" s="102">
        <v>0</v>
      </c>
      <c r="AG39" s="102">
        <v>1</v>
      </c>
      <c r="AH39" s="103">
        <v>4</v>
      </c>
      <c r="AI39" s="104">
        <v>5</v>
      </c>
      <c r="AJ39" s="101">
        <v>1</v>
      </c>
      <c r="AK39" s="102">
        <v>0</v>
      </c>
      <c r="AL39" s="103">
        <v>1</v>
      </c>
      <c r="AM39" s="413">
        <v>0</v>
      </c>
      <c r="AN39" s="102">
        <v>0</v>
      </c>
      <c r="AO39" s="102">
        <v>0</v>
      </c>
      <c r="AP39" s="102">
        <v>2</v>
      </c>
      <c r="AQ39" s="102">
        <v>1</v>
      </c>
      <c r="AR39" s="102">
        <v>0</v>
      </c>
      <c r="AS39" s="103">
        <v>3</v>
      </c>
      <c r="AT39" s="104">
        <v>4</v>
      </c>
      <c r="AU39" s="101">
        <v>0</v>
      </c>
      <c r="AV39" s="102">
        <v>1</v>
      </c>
      <c r="AW39" s="103">
        <v>1</v>
      </c>
      <c r="AX39" s="413">
        <v>0</v>
      </c>
      <c r="AY39" s="102">
        <v>2</v>
      </c>
      <c r="AZ39" s="102">
        <v>4</v>
      </c>
      <c r="BA39" s="102">
        <v>1</v>
      </c>
      <c r="BB39" s="102">
        <v>1</v>
      </c>
      <c r="BC39" s="102">
        <v>1</v>
      </c>
      <c r="BD39" s="103">
        <v>9</v>
      </c>
      <c r="BE39" s="104">
        <v>10</v>
      </c>
      <c r="BF39" s="101">
        <v>2</v>
      </c>
      <c r="BG39" s="102">
        <v>0</v>
      </c>
      <c r="BH39" s="103">
        <v>2</v>
      </c>
      <c r="BI39" s="413">
        <v>0</v>
      </c>
      <c r="BJ39" s="102">
        <v>6</v>
      </c>
      <c r="BK39" s="102">
        <v>1</v>
      </c>
      <c r="BL39" s="102">
        <v>1</v>
      </c>
      <c r="BM39" s="102">
        <v>2</v>
      </c>
      <c r="BN39" s="102">
        <v>1</v>
      </c>
      <c r="BO39" s="103">
        <v>11</v>
      </c>
      <c r="BP39" s="104">
        <v>13</v>
      </c>
      <c r="BQ39" s="101">
        <v>1</v>
      </c>
      <c r="BR39" s="102">
        <v>3</v>
      </c>
      <c r="BS39" s="103">
        <v>4</v>
      </c>
      <c r="BT39" s="413">
        <v>0</v>
      </c>
      <c r="BU39" s="102">
        <v>4</v>
      </c>
      <c r="BV39" s="102">
        <v>1</v>
      </c>
      <c r="BW39" s="102">
        <v>2</v>
      </c>
      <c r="BX39" s="102">
        <v>3</v>
      </c>
      <c r="BY39" s="102">
        <v>0</v>
      </c>
      <c r="BZ39" s="103">
        <v>10</v>
      </c>
      <c r="CA39" s="104">
        <v>14</v>
      </c>
      <c r="CB39" s="101">
        <v>0</v>
      </c>
      <c r="CC39" s="102">
        <v>0</v>
      </c>
      <c r="CD39" s="103">
        <v>0</v>
      </c>
      <c r="CE39" s="413">
        <v>0</v>
      </c>
      <c r="CF39" s="102">
        <v>0</v>
      </c>
      <c r="CG39" s="102">
        <v>0</v>
      </c>
      <c r="CH39" s="102">
        <v>0</v>
      </c>
      <c r="CI39" s="102">
        <v>0</v>
      </c>
      <c r="CJ39" s="102">
        <v>0</v>
      </c>
      <c r="CK39" s="103">
        <v>0</v>
      </c>
      <c r="CL39" s="104">
        <v>0</v>
      </c>
      <c r="CM39" s="101">
        <v>5</v>
      </c>
      <c r="CN39" s="102">
        <v>4</v>
      </c>
      <c r="CO39" s="103">
        <v>9</v>
      </c>
      <c r="CP39" s="413">
        <v>0</v>
      </c>
      <c r="CQ39" s="102">
        <v>15</v>
      </c>
      <c r="CR39" s="102">
        <v>8</v>
      </c>
      <c r="CS39" s="102">
        <v>6</v>
      </c>
      <c r="CT39" s="102">
        <v>7</v>
      </c>
      <c r="CU39" s="102">
        <v>4</v>
      </c>
      <c r="CV39" s="103">
        <v>40</v>
      </c>
      <c r="CW39" s="104">
        <v>49</v>
      </c>
      <c r="CX39" s="105">
        <v>2</v>
      </c>
      <c r="CY39" s="97">
        <v>3</v>
      </c>
      <c r="CZ39" s="98">
        <v>5</v>
      </c>
      <c r="DA39" s="413">
        <v>0</v>
      </c>
      <c r="DB39" s="97">
        <v>4</v>
      </c>
      <c r="DC39" s="97">
        <v>2</v>
      </c>
      <c r="DD39" s="97">
        <v>1</v>
      </c>
      <c r="DE39" s="97">
        <v>0</v>
      </c>
      <c r="DF39" s="97">
        <v>0</v>
      </c>
      <c r="DG39" s="99">
        <v>7</v>
      </c>
      <c r="DH39" s="100">
        <v>12</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0</v>
      </c>
      <c r="EB39" s="102">
        <v>0</v>
      </c>
      <c r="EC39" s="103">
        <v>0</v>
      </c>
      <c r="ED39" s="104">
        <v>0</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2</v>
      </c>
      <c r="FG39" s="102">
        <v>0</v>
      </c>
      <c r="FH39" s="102">
        <v>0</v>
      </c>
      <c r="FI39" s="102">
        <v>0</v>
      </c>
      <c r="FJ39" s="103">
        <v>2</v>
      </c>
      <c r="FK39" s="104">
        <v>4</v>
      </c>
      <c r="FL39" s="101">
        <v>1</v>
      </c>
      <c r="FM39" s="102">
        <v>1</v>
      </c>
      <c r="FN39" s="103">
        <v>2</v>
      </c>
      <c r="FO39" s="413">
        <v>0</v>
      </c>
      <c r="FP39" s="102">
        <v>2</v>
      </c>
      <c r="FQ39" s="102">
        <v>0</v>
      </c>
      <c r="FR39" s="102">
        <v>1</v>
      </c>
      <c r="FS39" s="102">
        <v>0</v>
      </c>
      <c r="FT39" s="102">
        <v>0</v>
      </c>
      <c r="FU39" s="103">
        <v>3</v>
      </c>
      <c r="FV39" s="104">
        <v>5</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4</v>
      </c>
      <c r="GM39" s="102">
        <v>2</v>
      </c>
      <c r="GN39" s="102">
        <v>1</v>
      </c>
      <c r="GO39" s="102">
        <v>0</v>
      </c>
      <c r="GP39" s="102">
        <v>0</v>
      </c>
      <c r="GQ39" s="103">
        <v>7</v>
      </c>
      <c r="GR39" s="104">
        <v>12</v>
      </c>
      <c r="GS39" s="105">
        <v>7</v>
      </c>
      <c r="GT39" s="97">
        <v>7</v>
      </c>
      <c r="GU39" s="98">
        <v>14</v>
      </c>
      <c r="GV39" s="413">
        <v>0</v>
      </c>
      <c r="GW39" s="97">
        <v>19</v>
      </c>
      <c r="GX39" s="97">
        <v>10</v>
      </c>
      <c r="GY39" s="97">
        <v>7</v>
      </c>
      <c r="GZ39" s="97">
        <v>7</v>
      </c>
      <c r="HA39" s="97">
        <v>4</v>
      </c>
      <c r="HB39" s="99">
        <v>47</v>
      </c>
      <c r="HC39" s="100">
        <v>61</v>
      </c>
      <c r="HD39" s="101">
        <v>0</v>
      </c>
      <c r="HE39" s="102">
        <v>0</v>
      </c>
      <c r="HF39" s="103">
        <v>0</v>
      </c>
      <c r="HG39" s="413">
        <v>0</v>
      </c>
      <c r="HH39" s="102">
        <v>2</v>
      </c>
      <c r="HI39" s="102">
        <v>1</v>
      </c>
      <c r="HJ39" s="102">
        <v>0</v>
      </c>
      <c r="HK39" s="102">
        <v>0</v>
      </c>
      <c r="HL39" s="102">
        <v>1</v>
      </c>
      <c r="HM39" s="103">
        <v>4</v>
      </c>
      <c r="HN39" s="104">
        <v>4</v>
      </c>
      <c r="HO39" s="101">
        <v>1</v>
      </c>
      <c r="HP39" s="102">
        <v>0</v>
      </c>
      <c r="HQ39" s="103">
        <v>1</v>
      </c>
      <c r="HR39" s="413">
        <v>0</v>
      </c>
      <c r="HS39" s="102">
        <v>2</v>
      </c>
      <c r="HT39" s="102">
        <v>1</v>
      </c>
      <c r="HU39" s="102">
        <v>0</v>
      </c>
      <c r="HV39" s="102">
        <v>0</v>
      </c>
      <c r="HW39" s="102">
        <v>1</v>
      </c>
      <c r="HX39" s="103">
        <v>4</v>
      </c>
      <c r="HY39" s="104">
        <v>5</v>
      </c>
      <c r="HZ39" s="101">
        <v>2</v>
      </c>
      <c r="IA39" s="102">
        <v>0</v>
      </c>
      <c r="IB39" s="103">
        <v>2</v>
      </c>
      <c r="IC39" s="413">
        <v>0</v>
      </c>
      <c r="ID39" s="102">
        <v>0</v>
      </c>
      <c r="IE39" s="102">
        <v>0</v>
      </c>
      <c r="IF39" s="102">
        <v>2</v>
      </c>
      <c r="IG39" s="102">
        <v>1</v>
      </c>
      <c r="IH39" s="102">
        <v>0</v>
      </c>
      <c r="II39" s="103">
        <v>3</v>
      </c>
      <c r="IJ39" s="104">
        <v>5</v>
      </c>
      <c r="IK39" s="101">
        <v>0</v>
      </c>
      <c r="IL39" s="102">
        <v>1</v>
      </c>
      <c r="IM39" s="103">
        <v>1</v>
      </c>
      <c r="IN39" s="413">
        <v>0</v>
      </c>
      <c r="IO39" s="102">
        <v>3</v>
      </c>
      <c r="IP39" s="102">
        <v>4</v>
      </c>
      <c r="IQ39" s="102">
        <v>1</v>
      </c>
      <c r="IR39" s="102">
        <v>1</v>
      </c>
      <c r="IS39" s="102">
        <v>1</v>
      </c>
      <c r="IT39" s="103">
        <v>10</v>
      </c>
      <c r="IU39" s="104">
        <v>11</v>
      </c>
      <c r="IV39" s="101">
        <v>2</v>
      </c>
      <c r="IW39" s="102">
        <v>2</v>
      </c>
      <c r="IX39" s="103">
        <v>4</v>
      </c>
      <c r="IY39" s="413">
        <v>0</v>
      </c>
      <c r="IZ39" s="102">
        <v>6</v>
      </c>
      <c r="JA39" s="102">
        <v>3</v>
      </c>
      <c r="JB39" s="102">
        <v>1</v>
      </c>
      <c r="JC39" s="102">
        <v>2</v>
      </c>
      <c r="JD39" s="102">
        <v>1</v>
      </c>
      <c r="JE39" s="103">
        <v>13</v>
      </c>
      <c r="JF39" s="104">
        <v>17</v>
      </c>
      <c r="JG39" s="101">
        <v>2</v>
      </c>
      <c r="JH39" s="102">
        <v>4</v>
      </c>
      <c r="JI39" s="103">
        <v>6</v>
      </c>
      <c r="JJ39" s="413">
        <v>0</v>
      </c>
      <c r="JK39" s="102">
        <v>6</v>
      </c>
      <c r="JL39" s="102">
        <v>1</v>
      </c>
      <c r="JM39" s="102">
        <v>3</v>
      </c>
      <c r="JN39" s="102">
        <v>3</v>
      </c>
      <c r="JO39" s="102">
        <v>0</v>
      </c>
      <c r="JP39" s="103">
        <v>13</v>
      </c>
      <c r="JQ39" s="104">
        <v>19</v>
      </c>
      <c r="JR39" s="101">
        <v>0</v>
      </c>
      <c r="JS39" s="102">
        <v>0</v>
      </c>
      <c r="JT39" s="103">
        <v>0</v>
      </c>
      <c r="JU39" s="413">
        <v>0</v>
      </c>
      <c r="JV39" s="102">
        <v>0</v>
      </c>
      <c r="JW39" s="102">
        <v>0</v>
      </c>
      <c r="JX39" s="102">
        <v>0</v>
      </c>
      <c r="JY39" s="102">
        <v>0</v>
      </c>
      <c r="JZ39" s="102">
        <v>0</v>
      </c>
      <c r="KA39" s="103">
        <v>0</v>
      </c>
      <c r="KB39" s="104">
        <v>0</v>
      </c>
      <c r="KC39" s="101">
        <v>7</v>
      </c>
      <c r="KD39" s="102">
        <v>7</v>
      </c>
      <c r="KE39" s="103">
        <v>14</v>
      </c>
      <c r="KF39" s="413">
        <v>0</v>
      </c>
      <c r="KG39" s="102">
        <v>19</v>
      </c>
      <c r="KH39" s="102">
        <v>10</v>
      </c>
      <c r="KI39" s="102">
        <v>7</v>
      </c>
      <c r="KJ39" s="102">
        <v>7</v>
      </c>
      <c r="KK39" s="102">
        <v>4</v>
      </c>
      <c r="KL39" s="103">
        <v>47</v>
      </c>
      <c r="KM39" s="104">
        <v>61</v>
      </c>
    </row>
    <row r="40" spans="2:299" s="70" customFormat="1" ht="21" customHeight="1" thickBot="1" x14ac:dyDescent="0.25">
      <c r="B40" s="108" t="s">
        <v>37</v>
      </c>
      <c r="C40" s="109">
        <v>0</v>
      </c>
      <c r="D40" s="110">
        <v>0</v>
      </c>
      <c r="E40" s="111">
        <v>0</v>
      </c>
      <c r="F40" s="414">
        <v>0</v>
      </c>
      <c r="G40" s="110">
        <v>2</v>
      </c>
      <c r="H40" s="110">
        <v>2</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2</v>
      </c>
      <c r="AP40" s="115">
        <v>0</v>
      </c>
      <c r="AQ40" s="115">
        <v>0</v>
      </c>
      <c r="AR40" s="115">
        <v>0</v>
      </c>
      <c r="AS40" s="116">
        <v>3</v>
      </c>
      <c r="AT40" s="117">
        <v>3</v>
      </c>
      <c r="AU40" s="114">
        <v>0</v>
      </c>
      <c r="AV40" s="115">
        <v>0</v>
      </c>
      <c r="AW40" s="116">
        <v>0</v>
      </c>
      <c r="AX40" s="414">
        <v>0</v>
      </c>
      <c r="AY40" s="115">
        <v>1</v>
      </c>
      <c r="AZ40" s="115">
        <v>0</v>
      </c>
      <c r="BA40" s="115">
        <v>0</v>
      </c>
      <c r="BB40" s="115">
        <v>0</v>
      </c>
      <c r="BC40" s="115">
        <v>0</v>
      </c>
      <c r="BD40" s="116">
        <v>1</v>
      </c>
      <c r="BE40" s="117">
        <v>1</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2</v>
      </c>
      <c r="CR40" s="115">
        <v>2</v>
      </c>
      <c r="CS40" s="115">
        <v>1</v>
      </c>
      <c r="CT40" s="115">
        <v>0</v>
      </c>
      <c r="CU40" s="115">
        <v>0</v>
      </c>
      <c r="CV40" s="116">
        <v>5</v>
      </c>
      <c r="CW40" s="117">
        <v>5</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2</v>
      </c>
      <c r="GX40" s="110">
        <v>2</v>
      </c>
      <c r="GY40" s="110">
        <v>1</v>
      </c>
      <c r="GZ40" s="110">
        <v>0</v>
      </c>
      <c r="HA40" s="110">
        <v>0</v>
      </c>
      <c r="HB40" s="112">
        <v>5</v>
      </c>
      <c r="HC40" s="113">
        <v>5</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0</v>
      </c>
      <c r="HW40" s="115">
        <v>0</v>
      </c>
      <c r="HX40" s="116">
        <v>1</v>
      </c>
      <c r="HY40" s="117">
        <v>1</v>
      </c>
      <c r="HZ40" s="114">
        <v>0</v>
      </c>
      <c r="IA40" s="115">
        <v>0</v>
      </c>
      <c r="IB40" s="116">
        <v>0</v>
      </c>
      <c r="IC40" s="414">
        <v>0</v>
      </c>
      <c r="ID40" s="115">
        <v>1</v>
      </c>
      <c r="IE40" s="115">
        <v>2</v>
      </c>
      <c r="IF40" s="115">
        <v>0</v>
      </c>
      <c r="IG40" s="115">
        <v>0</v>
      </c>
      <c r="IH40" s="115">
        <v>0</v>
      </c>
      <c r="II40" s="116">
        <v>3</v>
      </c>
      <c r="IJ40" s="117">
        <v>3</v>
      </c>
      <c r="IK40" s="114">
        <v>0</v>
      </c>
      <c r="IL40" s="115">
        <v>0</v>
      </c>
      <c r="IM40" s="116">
        <v>0</v>
      </c>
      <c r="IN40" s="414">
        <v>0</v>
      </c>
      <c r="IO40" s="115">
        <v>1</v>
      </c>
      <c r="IP40" s="115">
        <v>0</v>
      </c>
      <c r="IQ40" s="115">
        <v>0</v>
      </c>
      <c r="IR40" s="115">
        <v>0</v>
      </c>
      <c r="IS40" s="115">
        <v>0</v>
      </c>
      <c r="IT40" s="116">
        <v>1</v>
      </c>
      <c r="IU40" s="117">
        <v>1</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0</v>
      </c>
      <c r="JP40" s="116">
        <v>0</v>
      </c>
      <c r="JQ40" s="117">
        <v>0</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2</v>
      </c>
      <c r="KH40" s="115">
        <v>2</v>
      </c>
      <c r="KI40" s="115">
        <v>1</v>
      </c>
      <c r="KJ40" s="115">
        <v>0</v>
      </c>
      <c r="KK40" s="115">
        <v>0</v>
      </c>
      <c r="KL40" s="116">
        <v>5</v>
      </c>
      <c r="KM40" s="117">
        <v>5</v>
      </c>
    </row>
    <row r="41" spans="2:299" ht="32.25" customHeight="1" x14ac:dyDescent="0.2">
      <c r="C41" s="70"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8</v>
      </c>
      <c r="I1" s="440">
        <f>H1</f>
        <v>8</v>
      </c>
      <c r="J1" s="440"/>
    </row>
    <row r="2" spans="2:299" ht="24" customHeight="1" thickBot="1" x14ac:dyDescent="0.25">
      <c r="B2" s="10" t="s">
        <v>150</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536</v>
      </c>
      <c r="D7" s="86">
        <v>3471</v>
      </c>
      <c r="E7" s="87">
        <v>7007</v>
      </c>
      <c r="F7" s="412">
        <v>0</v>
      </c>
      <c r="G7" s="86">
        <v>4511</v>
      </c>
      <c r="H7" s="86">
        <v>4255</v>
      </c>
      <c r="I7" s="86">
        <v>2549</v>
      </c>
      <c r="J7" s="86">
        <v>2078</v>
      </c>
      <c r="K7" s="86">
        <v>1401</v>
      </c>
      <c r="L7" s="88">
        <v>14794</v>
      </c>
      <c r="M7" s="89">
        <v>21801</v>
      </c>
      <c r="N7" s="90">
        <v>116</v>
      </c>
      <c r="O7" s="91">
        <v>149</v>
      </c>
      <c r="P7" s="92">
        <v>265</v>
      </c>
      <c r="Q7" s="412">
        <v>0</v>
      </c>
      <c r="R7" s="91">
        <v>113</v>
      </c>
      <c r="S7" s="91">
        <v>138</v>
      </c>
      <c r="T7" s="91">
        <v>82</v>
      </c>
      <c r="U7" s="91">
        <v>82</v>
      </c>
      <c r="V7" s="91">
        <v>70</v>
      </c>
      <c r="W7" s="92">
        <v>485</v>
      </c>
      <c r="X7" s="93">
        <v>750</v>
      </c>
      <c r="Y7" s="90">
        <v>220</v>
      </c>
      <c r="Z7" s="91">
        <v>272</v>
      </c>
      <c r="AA7" s="92">
        <v>492</v>
      </c>
      <c r="AB7" s="412">
        <v>0</v>
      </c>
      <c r="AC7" s="91">
        <v>265</v>
      </c>
      <c r="AD7" s="91">
        <v>298</v>
      </c>
      <c r="AE7" s="91">
        <v>177</v>
      </c>
      <c r="AF7" s="91">
        <v>159</v>
      </c>
      <c r="AG7" s="91">
        <v>105</v>
      </c>
      <c r="AH7" s="92">
        <v>1004</v>
      </c>
      <c r="AI7" s="93">
        <v>1496</v>
      </c>
      <c r="AJ7" s="90">
        <v>388</v>
      </c>
      <c r="AK7" s="91">
        <v>410</v>
      </c>
      <c r="AL7" s="92">
        <v>798</v>
      </c>
      <c r="AM7" s="412">
        <v>0</v>
      </c>
      <c r="AN7" s="91">
        <v>521</v>
      </c>
      <c r="AO7" s="91">
        <v>467</v>
      </c>
      <c r="AP7" s="91">
        <v>270</v>
      </c>
      <c r="AQ7" s="91">
        <v>229</v>
      </c>
      <c r="AR7" s="91">
        <v>196</v>
      </c>
      <c r="AS7" s="92">
        <v>1683</v>
      </c>
      <c r="AT7" s="93">
        <v>2481</v>
      </c>
      <c r="AU7" s="90">
        <v>811</v>
      </c>
      <c r="AV7" s="91">
        <v>746</v>
      </c>
      <c r="AW7" s="92">
        <v>1557</v>
      </c>
      <c r="AX7" s="412">
        <v>0</v>
      </c>
      <c r="AY7" s="91">
        <v>1023</v>
      </c>
      <c r="AZ7" s="91">
        <v>887</v>
      </c>
      <c r="BA7" s="91">
        <v>484</v>
      </c>
      <c r="BB7" s="91">
        <v>427</v>
      </c>
      <c r="BC7" s="91">
        <v>278</v>
      </c>
      <c r="BD7" s="92">
        <v>3099</v>
      </c>
      <c r="BE7" s="93">
        <v>4656</v>
      </c>
      <c r="BF7" s="90">
        <v>1150</v>
      </c>
      <c r="BG7" s="91">
        <v>990</v>
      </c>
      <c r="BH7" s="92">
        <v>2140</v>
      </c>
      <c r="BI7" s="412">
        <v>0</v>
      </c>
      <c r="BJ7" s="91">
        <v>1331</v>
      </c>
      <c r="BK7" s="91">
        <v>1165</v>
      </c>
      <c r="BL7" s="91">
        <v>683</v>
      </c>
      <c r="BM7" s="91">
        <v>540</v>
      </c>
      <c r="BN7" s="91">
        <v>363</v>
      </c>
      <c r="BO7" s="92">
        <v>4082</v>
      </c>
      <c r="BP7" s="93">
        <v>6222</v>
      </c>
      <c r="BQ7" s="90">
        <v>851</v>
      </c>
      <c r="BR7" s="91">
        <v>904</v>
      </c>
      <c r="BS7" s="92">
        <v>1755</v>
      </c>
      <c r="BT7" s="412">
        <v>0</v>
      </c>
      <c r="BU7" s="91">
        <v>1258</v>
      </c>
      <c r="BV7" s="91">
        <v>1300</v>
      </c>
      <c r="BW7" s="91">
        <v>853</v>
      </c>
      <c r="BX7" s="91">
        <v>641</v>
      </c>
      <c r="BY7" s="91">
        <v>389</v>
      </c>
      <c r="BZ7" s="92">
        <v>4441</v>
      </c>
      <c r="CA7" s="93">
        <v>6196</v>
      </c>
      <c r="CB7" s="90">
        <v>0</v>
      </c>
      <c r="CC7" s="91">
        <v>0</v>
      </c>
      <c r="CD7" s="92">
        <v>0</v>
      </c>
      <c r="CE7" s="412">
        <v>0</v>
      </c>
      <c r="CF7" s="91">
        <v>0</v>
      </c>
      <c r="CG7" s="91">
        <v>0</v>
      </c>
      <c r="CH7" s="91">
        <v>0</v>
      </c>
      <c r="CI7" s="91">
        <v>0</v>
      </c>
      <c r="CJ7" s="91">
        <v>0</v>
      </c>
      <c r="CK7" s="92">
        <v>0</v>
      </c>
      <c r="CL7" s="93">
        <v>0</v>
      </c>
      <c r="CM7" s="90">
        <v>3536</v>
      </c>
      <c r="CN7" s="91">
        <v>3471</v>
      </c>
      <c r="CO7" s="92">
        <v>7007</v>
      </c>
      <c r="CP7" s="412">
        <v>0</v>
      </c>
      <c r="CQ7" s="91">
        <v>4511</v>
      </c>
      <c r="CR7" s="91">
        <v>4255</v>
      </c>
      <c r="CS7" s="91">
        <v>2549</v>
      </c>
      <c r="CT7" s="91">
        <v>2078</v>
      </c>
      <c r="CU7" s="91">
        <v>1401</v>
      </c>
      <c r="CV7" s="92">
        <v>14794</v>
      </c>
      <c r="CW7" s="93">
        <v>21801</v>
      </c>
      <c r="CX7" s="94">
        <v>1278</v>
      </c>
      <c r="CY7" s="86">
        <v>1523</v>
      </c>
      <c r="CZ7" s="87">
        <v>2801</v>
      </c>
      <c r="DA7" s="412">
        <v>0</v>
      </c>
      <c r="DB7" s="86">
        <v>1801</v>
      </c>
      <c r="DC7" s="86">
        <v>1709</v>
      </c>
      <c r="DD7" s="86">
        <v>1101</v>
      </c>
      <c r="DE7" s="86">
        <v>1121</v>
      </c>
      <c r="DF7" s="86">
        <v>726</v>
      </c>
      <c r="DG7" s="88">
        <v>6458</v>
      </c>
      <c r="DH7" s="89">
        <v>9259</v>
      </c>
      <c r="DI7" s="90">
        <v>31</v>
      </c>
      <c r="DJ7" s="91">
        <v>37</v>
      </c>
      <c r="DK7" s="92">
        <v>68</v>
      </c>
      <c r="DL7" s="412">
        <v>0</v>
      </c>
      <c r="DM7" s="91">
        <v>22</v>
      </c>
      <c r="DN7" s="91">
        <v>42</v>
      </c>
      <c r="DO7" s="91">
        <v>16</v>
      </c>
      <c r="DP7" s="91">
        <v>19</v>
      </c>
      <c r="DQ7" s="91">
        <v>14</v>
      </c>
      <c r="DR7" s="92">
        <v>113</v>
      </c>
      <c r="DS7" s="93">
        <v>181</v>
      </c>
      <c r="DT7" s="90">
        <v>81</v>
      </c>
      <c r="DU7" s="91">
        <v>96</v>
      </c>
      <c r="DV7" s="92">
        <v>177</v>
      </c>
      <c r="DW7" s="412">
        <v>0</v>
      </c>
      <c r="DX7" s="91">
        <v>74</v>
      </c>
      <c r="DY7" s="91">
        <v>77</v>
      </c>
      <c r="DZ7" s="91">
        <v>42</v>
      </c>
      <c r="EA7" s="91">
        <v>33</v>
      </c>
      <c r="EB7" s="91">
        <v>31</v>
      </c>
      <c r="EC7" s="92">
        <v>257</v>
      </c>
      <c r="ED7" s="93">
        <v>434</v>
      </c>
      <c r="EE7" s="90">
        <v>198</v>
      </c>
      <c r="EF7" s="91">
        <v>223</v>
      </c>
      <c r="EG7" s="92">
        <v>421</v>
      </c>
      <c r="EH7" s="412">
        <v>0</v>
      </c>
      <c r="EI7" s="91">
        <v>196</v>
      </c>
      <c r="EJ7" s="91">
        <v>174</v>
      </c>
      <c r="EK7" s="91">
        <v>84</v>
      </c>
      <c r="EL7" s="91">
        <v>62</v>
      </c>
      <c r="EM7" s="91">
        <v>62</v>
      </c>
      <c r="EN7" s="92">
        <v>578</v>
      </c>
      <c r="EO7" s="93">
        <v>999</v>
      </c>
      <c r="EP7" s="90">
        <v>397</v>
      </c>
      <c r="EQ7" s="91">
        <v>362</v>
      </c>
      <c r="ER7" s="92">
        <v>759</v>
      </c>
      <c r="ES7" s="412">
        <v>0</v>
      </c>
      <c r="ET7" s="91">
        <v>358</v>
      </c>
      <c r="EU7" s="91">
        <v>289</v>
      </c>
      <c r="EV7" s="91">
        <v>166</v>
      </c>
      <c r="EW7" s="91">
        <v>169</v>
      </c>
      <c r="EX7" s="91">
        <v>104</v>
      </c>
      <c r="EY7" s="92">
        <v>1086</v>
      </c>
      <c r="EZ7" s="93">
        <v>1845</v>
      </c>
      <c r="FA7" s="90">
        <v>331</v>
      </c>
      <c r="FB7" s="91">
        <v>457</v>
      </c>
      <c r="FC7" s="92">
        <v>788</v>
      </c>
      <c r="FD7" s="412">
        <v>0</v>
      </c>
      <c r="FE7" s="91">
        <v>570</v>
      </c>
      <c r="FF7" s="91">
        <v>479</v>
      </c>
      <c r="FG7" s="91">
        <v>267</v>
      </c>
      <c r="FH7" s="91">
        <v>264</v>
      </c>
      <c r="FI7" s="91">
        <v>177</v>
      </c>
      <c r="FJ7" s="92">
        <v>1757</v>
      </c>
      <c r="FK7" s="93">
        <v>2545</v>
      </c>
      <c r="FL7" s="90">
        <v>240</v>
      </c>
      <c r="FM7" s="91">
        <v>348</v>
      </c>
      <c r="FN7" s="92">
        <v>588</v>
      </c>
      <c r="FO7" s="412">
        <v>0</v>
      </c>
      <c r="FP7" s="91">
        <v>581</v>
      </c>
      <c r="FQ7" s="91">
        <v>648</v>
      </c>
      <c r="FR7" s="91">
        <v>526</v>
      </c>
      <c r="FS7" s="91">
        <v>574</v>
      </c>
      <c r="FT7" s="91">
        <v>338</v>
      </c>
      <c r="FU7" s="92">
        <v>2667</v>
      </c>
      <c r="FV7" s="93">
        <v>3255</v>
      </c>
      <c r="FW7" s="90">
        <v>0</v>
      </c>
      <c r="FX7" s="91">
        <v>0</v>
      </c>
      <c r="FY7" s="92">
        <v>0</v>
      </c>
      <c r="FZ7" s="412">
        <v>0</v>
      </c>
      <c r="GA7" s="91">
        <v>0</v>
      </c>
      <c r="GB7" s="91">
        <v>0</v>
      </c>
      <c r="GC7" s="91">
        <v>0</v>
      </c>
      <c r="GD7" s="91">
        <v>0</v>
      </c>
      <c r="GE7" s="91">
        <v>0</v>
      </c>
      <c r="GF7" s="92">
        <v>0</v>
      </c>
      <c r="GG7" s="93">
        <v>0</v>
      </c>
      <c r="GH7" s="90">
        <v>1278</v>
      </c>
      <c r="GI7" s="91">
        <v>1523</v>
      </c>
      <c r="GJ7" s="92">
        <v>2801</v>
      </c>
      <c r="GK7" s="412">
        <v>0</v>
      </c>
      <c r="GL7" s="91">
        <v>1801</v>
      </c>
      <c r="GM7" s="91">
        <v>1709</v>
      </c>
      <c r="GN7" s="91">
        <v>1101</v>
      </c>
      <c r="GO7" s="91">
        <v>1121</v>
      </c>
      <c r="GP7" s="91">
        <v>726</v>
      </c>
      <c r="GQ7" s="92">
        <v>6458</v>
      </c>
      <c r="GR7" s="93">
        <v>9259</v>
      </c>
      <c r="GS7" s="94">
        <v>4814</v>
      </c>
      <c r="GT7" s="86">
        <v>4994</v>
      </c>
      <c r="GU7" s="87">
        <v>9808</v>
      </c>
      <c r="GV7" s="412">
        <v>0</v>
      </c>
      <c r="GW7" s="86">
        <v>6312</v>
      </c>
      <c r="GX7" s="86">
        <v>5964</v>
      </c>
      <c r="GY7" s="86">
        <v>3650</v>
      </c>
      <c r="GZ7" s="86">
        <v>3199</v>
      </c>
      <c r="HA7" s="86">
        <v>2127</v>
      </c>
      <c r="HB7" s="88">
        <v>21252</v>
      </c>
      <c r="HC7" s="89">
        <v>31060</v>
      </c>
      <c r="HD7" s="90">
        <v>147</v>
      </c>
      <c r="HE7" s="91">
        <v>186</v>
      </c>
      <c r="HF7" s="92">
        <v>333</v>
      </c>
      <c r="HG7" s="412">
        <v>0</v>
      </c>
      <c r="HH7" s="91">
        <v>135</v>
      </c>
      <c r="HI7" s="91">
        <v>180</v>
      </c>
      <c r="HJ7" s="91">
        <v>98</v>
      </c>
      <c r="HK7" s="91">
        <v>101</v>
      </c>
      <c r="HL7" s="91">
        <v>84</v>
      </c>
      <c r="HM7" s="92">
        <v>598</v>
      </c>
      <c r="HN7" s="93">
        <v>931</v>
      </c>
      <c r="HO7" s="90">
        <v>301</v>
      </c>
      <c r="HP7" s="91">
        <v>368</v>
      </c>
      <c r="HQ7" s="92">
        <v>669</v>
      </c>
      <c r="HR7" s="412">
        <v>0</v>
      </c>
      <c r="HS7" s="91">
        <v>339</v>
      </c>
      <c r="HT7" s="91">
        <v>375</v>
      </c>
      <c r="HU7" s="91">
        <v>219</v>
      </c>
      <c r="HV7" s="91">
        <v>192</v>
      </c>
      <c r="HW7" s="91">
        <v>136</v>
      </c>
      <c r="HX7" s="92">
        <v>1261</v>
      </c>
      <c r="HY7" s="93">
        <v>1930</v>
      </c>
      <c r="HZ7" s="90">
        <v>586</v>
      </c>
      <c r="IA7" s="91">
        <v>633</v>
      </c>
      <c r="IB7" s="92">
        <v>1219</v>
      </c>
      <c r="IC7" s="412">
        <v>0</v>
      </c>
      <c r="ID7" s="91">
        <v>717</v>
      </c>
      <c r="IE7" s="91">
        <v>641</v>
      </c>
      <c r="IF7" s="91">
        <v>354</v>
      </c>
      <c r="IG7" s="91">
        <v>291</v>
      </c>
      <c r="IH7" s="91">
        <v>258</v>
      </c>
      <c r="II7" s="92">
        <v>2261</v>
      </c>
      <c r="IJ7" s="93">
        <v>3480</v>
      </c>
      <c r="IK7" s="90">
        <v>1208</v>
      </c>
      <c r="IL7" s="91">
        <v>1108</v>
      </c>
      <c r="IM7" s="92">
        <v>2316</v>
      </c>
      <c r="IN7" s="412">
        <v>0</v>
      </c>
      <c r="IO7" s="91">
        <v>1381</v>
      </c>
      <c r="IP7" s="91">
        <v>1176</v>
      </c>
      <c r="IQ7" s="91">
        <v>650</v>
      </c>
      <c r="IR7" s="91">
        <v>596</v>
      </c>
      <c r="IS7" s="91">
        <v>382</v>
      </c>
      <c r="IT7" s="92">
        <v>4185</v>
      </c>
      <c r="IU7" s="93">
        <v>6501</v>
      </c>
      <c r="IV7" s="90">
        <v>1481</v>
      </c>
      <c r="IW7" s="91">
        <v>1447</v>
      </c>
      <c r="IX7" s="92">
        <v>2928</v>
      </c>
      <c r="IY7" s="412">
        <v>0</v>
      </c>
      <c r="IZ7" s="91">
        <v>1901</v>
      </c>
      <c r="JA7" s="91">
        <v>1644</v>
      </c>
      <c r="JB7" s="91">
        <v>950</v>
      </c>
      <c r="JC7" s="91">
        <v>804</v>
      </c>
      <c r="JD7" s="91">
        <v>540</v>
      </c>
      <c r="JE7" s="92">
        <v>5839</v>
      </c>
      <c r="JF7" s="93">
        <v>8767</v>
      </c>
      <c r="JG7" s="90">
        <v>1091</v>
      </c>
      <c r="JH7" s="91">
        <v>1252</v>
      </c>
      <c r="JI7" s="92">
        <v>2343</v>
      </c>
      <c r="JJ7" s="412">
        <v>0</v>
      </c>
      <c r="JK7" s="91">
        <v>1839</v>
      </c>
      <c r="JL7" s="91">
        <v>1948</v>
      </c>
      <c r="JM7" s="91">
        <v>1379</v>
      </c>
      <c r="JN7" s="91">
        <v>1215</v>
      </c>
      <c r="JO7" s="91">
        <v>727</v>
      </c>
      <c r="JP7" s="92">
        <v>7108</v>
      </c>
      <c r="JQ7" s="93">
        <v>9451</v>
      </c>
      <c r="JR7" s="90">
        <v>0</v>
      </c>
      <c r="JS7" s="91">
        <v>0</v>
      </c>
      <c r="JT7" s="92">
        <v>0</v>
      </c>
      <c r="JU7" s="412">
        <v>0</v>
      </c>
      <c r="JV7" s="91">
        <v>0</v>
      </c>
      <c r="JW7" s="91">
        <v>0</v>
      </c>
      <c r="JX7" s="91">
        <v>0</v>
      </c>
      <c r="JY7" s="91">
        <v>0</v>
      </c>
      <c r="JZ7" s="91">
        <v>0</v>
      </c>
      <c r="KA7" s="92">
        <v>0</v>
      </c>
      <c r="KB7" s="93">
        <v>0</v>
      </c>
      <c r="KC7" s="90">
        <v>4814</v>
      </c>
      <c r="KD7" s="91">
        <v>4994</v>
      </c>
      <c r="KE7" s="92">
        <v>9808</v>
      </c>
      <c r="KF7" s="412">
        <v>0</v>
      </c>
      <c r="KG7" s="91">
        <v>6312</v>
      </c>
      <c r="KH7" s="91">
        <v>5964</v>
      </c>
      <c r="KI7" s="91">
        <v>3650</v>
      </c>
      <c r="KJ7" s="91">
        <v>3199</v>
      </c>
      <c r="KK7" s="91">
        <v>2127</v>
      </c>
      <c r="KL7" s="92">
        <v>21252</v>
      </c>
      <c r="KM7" s="93">
        <v>31060</v>
      </c>
    </row>
    <row r="8" spans="2:299" s="70" customFormat="1" ht="21" customHeight="1" x14ac:dyDescent="0.2">
      <c r="B8" s="95" t="s">
        <v>5</v>
      </c>
      <c r="C8" s="96">
        <v>1544</v>
      </c>
      <c r="D8" s="97">
        <v>1838</v>
      </c>
      <c r="E8" s="98">
        <v>3382</v>
      </c>
      <c r="F8" s="413">
        <v>0</v>
      </c>
      <c r="G8" s="97">
        <v>1673</v>
      </c>
      <c r="H8" s="97">
        <v>2050</v>
      </c>
      <c r="I8" s="97">
        <v>1182</v>
      </c>
      <c r="J8" s="97">
        <v>934</v>
      </c>
      <c r="K8" s="97">
        <v>617</v>
      </c>
      <c r="L8" s="99">
        <v>6456</v>
      </c>
      <c r="M8" s="100">
        <v>9838</v>
      </c>
      <c r="N8" s="101">
        <v>47</v>
      </c>
      <c r="O8" s="102">
        <v>73</v>
      </c>
      <c r="P8" s="103">
        <v>120</v>
      </c>
      <c r="Q8" s="413">
        <v>0</v>
      </c>
      <c r="R8" s="102">
        <v>29</v>
      </c>
      <c r="S8" s="102">
        <v>68</v>
      </c>
      <c r="T8" s="102">
        <v>33</v>
      </c>
      <c r="U8" s="102">
        <v>38</v>
      </c>
      <c r="V8" s="102">
        <v>31</v>
      </c>
      <c r="W8" s="103">
        <v>199</v>
      </c>
      <c r="X8" s="104">
        <v>319</v>
      </c>
      <c r="Y8" s="101">
        <v>87</v>
      </c>
      <c r="Z8" s="102">
        <v>137</v>
      </c>
      <c r="AA8" s="103">
        <v>224</v>
      </c>
      <c r="AB8" s="413">
        <v>0</v>
      </c>
      <c r="AC8" s="102">
        <v>86</v>
      </c>
      <c r="AD8" s="102">
        <v>140</v>
      </c>
      <c r="AE8" s="102">
        <v>78</v>
      </c>
      <c r="AF8" s="102">
        <v>69</v>
      </c>
      <c r="AG8" s="102">
        <v>38</v>
      </c>
      <c r="AH8" s="103">
        <v>411</v>
      </c>
      <c r="AI8" s="104">
        <v>635</v>
      </c>
      <c r="AJ8" s="101">
        <v>156</v>
      </c>
      <c r="AK8" s="102">
        <v>201</v>
      </c>
      <c r="AL8" s="103">
        <v>357</v>
      </c>
      <c r="AM8" s="413">
        <v>0</v>
      </c>
      <c r="AN8" s="102">
        <v>165</v>
      </c>
      <c r="AO8" s="102">
        <v>220</v>
      </c>
      <c r="AP8" s="102">
        <v>109</v>
      </c>
      <c r="AQ8" s="102">
        <v>106</v>
      </c>
      <c r="AR8" s="102">
        <v>80</v>
      </c>
      <c r="AS8" s="103">
        <v>680</v>
      </c>
      <c r="AT8" s="104">
        <v>1037</v>
      </c>
      <c r="AU8" s="101">
        <v>366</v>
      </c>
      <c r="AV8" s="102">
        <v>402</v>
      </c>
      <c r="AW8" s="103">
        <v>768</v>
      </c>
      <c r="AX8" s="413">
        <v>0</v>
      </c>
      <c r="AY8" s="102">
        <v>356</v>
      </c>
      <c r="AZ8" s="102">
        <v>411</v>
      </c>
      <c r="BA8" s="102">
        <v>215</v>
      </c>
      <c r="BB8" s="102">
        <v>189</v>
      </c>
      <c r="BC8" s="102">
        <v>110</v>
      </c>
      <c r="BD8" s="103">
        <v>1281</v>
      </c>
      <c r="BE8" s="104">
        <v>2049</v>
      </c>
      <c r="BF8" s="101">
        <v>511</v>
      </c>
      <c r="BG8" s="102">
        <v>538</v>
      </c>
      <c r="BH8" s="103">
        <v>1049</v>
      </c>
      <c r="BI8" s="413">
        <v>0</v>
      </c>
      <c r="BJ8" s="102">
        <v>536</v>
      </c>
      <c r="BK8" s="102">
        <v>567</v>
      </c>
      <c r="BL8" s="102">
        <v>327</v>
      </c>
      <c r="BM8" s="102">
        <v>263</v>
      </c>
      <c r="BN8" s="102">
        <v>166</v>
      </c>
      <c r="BO8" s="103">
        <v>1859</v>
      </c>
      <c r="BP8" s="104">
        <v>2908</v>
      </c>
      <c r="BQ8" s="101">
        <v>377</v>
      </c>
      <c r="BR8" s="102">
        <v>487</v>
      </c>
      <c r="BS8" s="103">
        <v>864</v>
      </c>
      <c r="BT8" s="413">
        <v>0</v>
      </c>
      <c r="BU8" s="102">
        <v>501</v>
      </c>
      <c r="BV8" s="102">
        <v>644</v>
      </c>
      <c r="BW8" s="102">
        <v>420</v>
      </c>
      <c r="BX8" s="102">
        <v>269</v>
      </c>
      <c r="BY8" s="102">
        <v>192</v>
      </c>
      <c r="BZ8" s="103">
        <v>2026</v>
      </c>
      <c r="CA8" s="104">
        <v>2890</v>
      </c>
      <c r="CB8" s="101">
        <v>0</v>
      </c>
      <c r="CC8" s="102">
        <v>0</v>
      </c>
      <c r="CD8" s="103">
        <v>0</v>
      </c>
      <c r="CE8" s="413">
        <v>0</v>
      </c>
      <c r="CF8" s="102">
        <v>0</v>
      </c>
      <c r="CG8" s="102">
        <v>0</v>
      </c>
      <c r="CH8" s="102">
        <v>0</v>
      </c>
      <c r="CI8" s="102">
        <v>0</v>
      </c>
      <c r="CJ8" s="102">
        <v>0</v>
      </c>
      <c r="CK8" s="103">
        <v>0</v>
      </c>
      <c r="CL8" s="104">
        <v>0</v>
      </c>
      <c r="CM8" s="101">
        <v>1544</v>
      </c>
      <c r="CN8" s="102">
        <v>1838</v>
      </c>
      <c r="CO8" s="103">
        <v>3382</v>
      </c>
      <c r="CP8" s="413">
        <v>0</v>
      </c>
      <c r="CQ8" s="102">
        <v>1673</v>
      </c>
      <c r="CR8" s="102">
        <v>2050</v>
      </c>
      <c r="CS8" s="102">
        <v>1182</v>
      </c>
      <c r="CT8" s="102">
        <v>934</v>
      </c>
      <c r="CU8" s="102">
        <v>617</v>
      </c>
      <c r="CV8" s="103">
        <v>6456</v>
      </c>
      <c r="CW8" s="104">
        <v>9838</v>
      </c>
      <c r="CX8" s="105">
        <v>511</v>
      </c>
      <c r="CY8" s="97">
        <v>730</v>
      </c>
      <c r="CZ8" s="98">
        <v>1241</v>
      </c>
      <c r="DA8" s="413">
        <v>0</v>
      </c>
      <c r="DB8" s="97">
        <v>661</v>
      </c>
      <c r="DC8" s="97">
        <v>816</v>
      </c>
      <c r="DD8" s="97">
        <v>486</v>
      </c>
      <c r="DE8" s="97">
        <v>496</v>
      </c>
      <c r="DF8" s="97">
        <v>320</v>
      </c>
      <c r="DG8" s="99">
        <v>2779</v>
      </c>
      <c r="DH8" s="100">
        <v>4020</v>
      </c>
      <c r="DI8" s="101">
        <v>12</v>
      </c>
      <c r="DJ8" s="102">
        <v>17</v>
      </c>
      <c r="DK8" s="103">
        <v>29</v>
      </c>
      <c r="DL8" s="413">
        <v>0</v>
      </c>
      <c r="DM8" s="102">
        <v>9</v>
      </c>
      <c r="DN8" s="102">
        <v>20</v>
      </c>
      <c r="DO8" s="102">
        <v>8</v>
      </c>
      <c r="DP8" s="102">
        <v>10</v>
      </c>
      <c r="DQ8" s="102">
        <v>7</v>
      </c>
      <c r="DR8" s="103">
        <v>54</v>
      </c>
      <c r="DS8" s="104">
        <v>83</v>
      </c>
      <c r="DT8" s="101">
        <v>27</v>
      </c>
      <c r="DU8" s="102">
        <v>49</v>
      </c>
      <c r="DV8" s="103">
        <v>76</v>
      </c>
      <c r="DW8" s="413">
        <v>0</v>
      </c>
      <c r="DX8" s="102">
        <v>18</v>
      </c>
      <c r="DY8" s="102">
        <v>37</v>
      </c>
      <c r="DZ8" s="102">
        <v>19</v>
      </c>
      <c r="EA8" s="102">
        <v>14</v>
      </c>
      <c r="EB8" s="102">
        <v>20</v>
      </c>
      <c r="EC8" s="103">
        <v>108</v>
      </c>
      <c r="ED8" s="104">
        <v>184</v>
      </c>
      <c r="EE8" s="101">
        <v>77</v>
      </c>
      <c r="EF8" s="102">
        <v>111</v>
      </c>
      <c r="EG8" s="103">
        <v>188</v>
      </c>
      <c r="EH8" s="413">
        <v>0</v>
      </c>
      <c r="EI8" s="102">
        <v>70</v>
      </c>
      <c r="EJ8" s="102">
        <v>90</v>
      </c>
      <c r="EK8" s="102">
        <v>29</v>
      </c>
      <c r="EL8" s="102">
        <v>31</v>
      </c>
      <c r="EM8" s="102">
        <v>27</v>
      </c>
      <c r="EN8" s="103">
        <v>247</v>
      </c>
      <c r="EO8" s="104">
        <v>435</v>
      </c>
      <c r="EP8" s="101">
        <v>153</v>
      </c>
      <c r="EQ8" s="102">
        <v>176</v>
      </c>
      <c r="ER8" s="103">
        <v>329</v>
      </c>
      <c r="ES8" s="413">
        <v>0</v>
      </c>
      <c r="ET8" s="102">
        <v>132</v>
      </c>
      <c r="EU8" s="102">
        <v>127</v>
      </c>
      <c r="EV8" s="102">
        <v>86</v>
      </c>
      <c r="EW8" s="102">
        <v>74</v>
      </c>
      <c r="EX8" s="102">
        <v>38</v>
      </c>
      <c r="EY8" s="103">
        <v>457</v>
      </c>
      <c r="EZ8" s="104">
        <v>786</v>
      </c>
      <c r="FA8" s="101">
        <v>135</v>
      </c>
      <c r="FB8" s="102">
        <v>227</v>
      </c>
      <c r="FC8" s="103">
        <v>362</v>
      </c>
      <c r="FD8" s="413">
        <v>0</v>
      </c>
      <c r="FE8" s="102">
        <v>220</v>
      </c>
      <c r="FF8" s="102">
        <v>240</v>
      </c>
      <c r="FG8" s="102">
        <v>115</v>
      </c>
      <c r="FH8" s="102">
        <v>124</v>
      </c>
      <c r="FI8" s="102">
        <v>76</v>
      </c>
      <c r="FJ8" s="103">
        <v>775</v>
      </c>
      <c r="FK8" s="104">
        <v>1137</v>
      </c>
      <c r="FL8" s="101">
        <v>107</v>
      </c>
      <c r="FM8" s="102">
        <v>150</v>
      </c>
      <c r="FN8" s="103">
        <v>257</v>
      </c>
      <c r="FO8" s="413">
        <v>0</v>
      </c>
      <c r="FP8" s="102">
        <v>212</v>
      </c>
      <c r="FQ8" s="102">
        <v>302</v>
      </c>
      <c r="FR8" s="102">
        <v>229</v>
      </c>
      <c r="FS8" s="102">
        <v>243</v>
      </c>
      <c r="FT8" s="102">
        <v>152</v>
      </c>
      <c r="FU8" s="103">
        <v>1138</v>
      </c>
      <c r="FV8" s="104">
        <v>1395</v>
      </c>
      <c r="FW8" s="101">
        <v>0</v>
      </c>
      <c r="FX8" s="102">
        <v>0</v>
      </c>
      <c r="FY8" s="103">
        <v>0</v>
      </c>
      <c r="FZ8" s="413">
        <v>0</v>
      </c>
      <c r="GA8" s="102">
        <v>0</v>
      </c>
      <c r="GB8" s="102">
        <v>0</v>
      </c>
      <c r="GC8" s="102">
        <v>0</v>
      </c>
      <c r="GD8" s="102">
        <v>0</v>
      </c>
      <c r="GE8" s="102">
        <v>0</v>
      </c>
      <c r="GF8" s="103">
        <v>0</v>
      </c>
      <c r="GG8" s="104">
        <v>0</v>
      </c>
      <c r="GH8" s="101">
        <v>511</v>
      </c>
      <c r="GI8" s="102">
        <v>730</v>
      </c>
      <c r="GJ8" s="103">
        <v>1241</v>
      </c>
      <c r="GK8" s="413">
        <v>0</v>
      </c>
      <c r="GL8" s="102">
        <v>661</v>
      </c>
      <c r="GM8" s="102">
        <v>816</v>
      </c>
      <c r="GN8" s="102">
        <v>486</v>
      </c>
      <c r="GO8" s="102">
        <v>496</v>
      </c>
      <c r="GP8" s="102">
        <v>320</v>
      </c>
      <c r="GQ8" s="103">
        <v>2779</v>
      </c>
      <c r="GR8" s="104">
        <v>4020</v>
      </c>
      <c r="GS8" s="105">
        <v>2055</v>
      </c>
      <c r="GT8" s="97">
        <v>2568</v>
      </c>
      <c r="GU8" s="98">
        <v>4623</v>
      </c>
      <c r="GV8" s="413">
        <v>0</v>
      </c>
      <c r="GW8" s="97">
        <v>2334</v>
      </c>
      <c r="GX8" s="97">
        <v>2866</v>
      </c>
      <c r="GY8" s="97">
        <v>1668</v>
      </c>
      <c r="GZ8" s="97">
        <v>1430</v>
      </c>
      <c r="HA8" s="97">
        <v>937</v>
      </c>
      <c r="HB8" s="99">
        <v>9235</v>
      </c>
      <c r="HC8" s="100">
        <v>13858</v>
      </c>
      <c r="HD8" s="101">
        <v>59</v>
      </c>
      <c r="HE8" s="102">
        <v>90</v>
      </c>
      <c r="HF8" s="103">
        <v>149</v>
      </c>
      <c r="HG8" s="413">
        <v>0</v>
      </c>
      <c r="HH8" s="102">
        <v>38</v>
      </c>
      <c r="HI8" s="102">
        <v>88</v>
      </c>
      <c r="HJ8" s="102">
        <v>41</v>
      </c>
      <c r="HK8" s="102">
        <v>48</v>
      </c>
      <c r="HL8" s="102">
        <v>38</v>
      </c>
      <c r="HM8" s="103">
        <v>253</v>
      </c>
      <c r="HN8" s="104">
        <v>402</v>
      </c>
      <c r="HO8" s="101">
        <v>114</v>
      </c>
      <c r="HP8" s="102">
        <v>186</v>
      </c>
      <c r="HQ8" s="103">
        <v>300</v>
      </c>
      <c r="HR8" s="413">
        <v>0</v>
      </c>
      <c r="HS8" s="102">
        <v>104</v>
      </c>
      <c r="HT8" s="102">
        <v>177</v>
      </c>
      <c r="HU8" s="102">
        <v>97</v>
      </c>
      <c r="HV8" s="102">
        <v>83</v>
      </c>
      <c r="HW8" s="102">
        <v>58</v>
      </c>
      <c r="HX8" s="103">
        <v>519</v>
      </c>
      <c r="HY8" s="104">
        <v>819</v>
      </c>
      <c r="HZ8" s="101">
        <v>233</v>
      </c>
      <c r="IA8" s="102">
        <v>312</v>
      </c>
      <c r="IB8" s="103">
        <v>545</v>
      </c>
      <c r="IC8" s="413">
        <v>0</v>
      </c>
      <c r="ID8" s="102">
        <v>235</v>
      </c>
      <c r="IE8" s="102">
        <v>310</v>
      </c>
      <c r="IF8" s="102">
        <v>138</v>
      </c>
      <c r="IG8" s="102">
        <v>137</v>
      </c>
      <c r="IH8" s="102">
        <v>107</v>
      </c>
      <c r="II8" s="103">
        <v>927</v>
      </c>
      <c r="IJ8" s="104">
        <v>1472</v>
      </c>
      <c r="IK8" s="101">
        <v>519</v>
      </c>
      <c r="IL8" s="102">
        <v>578</v>
      </c>
      <c r="IM8" s="103">
        <v>1097</v>
      </c>
      <c r="IN8" s="413">
        <v>0</v>
      </c>
      <c r="IO8" s="102">
        <v>488</v>
      </c>
      <c r="IP8" s="102">
        <v>538</v>
      </c>
      <c r="IQ8" s="102">
        <v>301</v>
      </c>
      <c r="IR8" s="102">
        <v>263</v>
      </c>
      <c r="IS8" s="102">
        <v>148</v>
      </c>
      <c r="IT8" s="103">
        <v>1738</v>
      </c>
      <c r="IU8" s="104">
        <v>2835</v>
      </c>
      <c r="IV8" s="101">
        <v>646</v>
      </c>
      <c r="IW8" s="102">
        <v>765</v>
      </c>
      <c r="IX8" s="103">
        <v>1411</v>
      </c>
      <c r="IY8" s="413">
        <v>0</v>
      </c>
      <c r="IZ8" s="102">
        <v>756</v>
      </c>
      <c r="JA8" s="102">
        <v>807</v>
      </c>
      <c r="JB8" s="102">
        <v>442</v>
      </c>
      <c r="JC8" s="102">
        <v>387</v>
      </c>
      <c r="JD8" s="102">
        <v>242</v>
      </c>
      <c r="JE8" s="103">
        <v>2634</v>
      </c>
      <c r="JF8" s="104">
        <v>4045</v>
      </c>
      <c r="JG8" s="101">
        <v>484</v>
      </c>
      <c r="JH8" s="102">
        <v>637</v>
      </c>
      <c r="JI8" s="103">
        <v>1121</v>
      </c>
      <c r="JJ8" s="413">
        <v>0</v>
      </c>
      <c r="JK8" s="102">
        <v>713</v>
      </c>
      <c r="JL8" s="102">
        <v>946</v>
      </c>
      <c r="JM8" s="102">
        <v>649</v>
      </c>
      <c r="JN8" s="102">
        <v>512</v>
      </c>
      <c r="JO8" s="102">
        <v>344</v>
      </c>
      <c r="JP8" s="103">
        <v>3164</v>
      </c>
      <c r="JQ8" s="104">
        <v>4285</v>
      </c>
      <c r="JR8" s="101">
        <v>0</v>
      </c>
      <c r="JS8" s="102">
        <v>0</v>
      </c>
      <c r="JT8" s="103">
        <v>0</v>
      </c>
      <c r="JU8" s="413">
        <v>0</v>
      </c>
      <c r="JV8" s="102">
        <v>0</v>
      </c>
      <c r="JW8" s="102">
        <v>0</v>
      </c>
      <c r="JX8" s="102">
        <v>0</v>
      </c>
      <c r="JY8" s="102">
        <v>0</v>
      </c>
      <c r="JZ8" s="102">
        <v>0</v>
      </c>
      <c r="KA8" s="103">
        <v>0</v>
      </c>
      <c r="KB8" s="104">
        <v>0</v>
      </c>
      <c r="KC8" s="101">
        <v>2055</v>
      </c>
      <c r="KD8" s="102">
        <v>2568</v>
      </c>
      <c r="KE8" s="103">
        <v>4623</v>
      </c>
      <c r="KF8" s="413">
        <v>0</v>
      </c>
      <c r="KG8" s="102">
        <v>2334</v>
      </c>
      <c r="KH8" s="102">
        <v>2866</v>
      </c>
      <c r="KI8" s="102">
        <v>1668</v>
      </c>
      <c r="KJ8" s="102">
        <v>1430</v>
      </c>
      <c r="KK8" s="102">
        <v>937</v>
      </c>
      <c r="KL8" s="103">
        <v>9235</v>
      </c>
      <c r="KM8" s="104">
        <v>13858</v>
      </c>
    </row>
    <row r="9" spans="2:299" s="70" customFormat="1" ht="21" customHeight="1" x14ac:dyDescent="0.2">
      <c r="B9" s="106" t="s">
        <v>6</v>
      </c>
      <c r="C9" s="96">
        <v>471</v>
      </c>
      <c r="D9" s="97">
        <v>407</v>
      </c>
      <c r="E9" s="98">
        <v>878</v>
      </c>
      <c r="F9" s="413">
        <v>0</v>
      </c>
      <c r="G9" s="97">
        <v>792</v>
      </c>
      <c r="H9" s="97">
        <v>620</v>
      </c>
      <c r="I9" s="97">
        <v>347</v>
      </c>
      <c r="J9" s="97">
        <v>331</v>
      </c>
      <c r="K9" s="97">
        <v>238</v>
      </c>
      <c r="L9" s="99">
        <v>2328</v>
      </c>
      <c r="M9" s="100">
        <v>3206</v>
      </c>
      <c r="N9" s="101">
        <v>23</v>
      </c>
      <c r="O9" s="102">
        <v>21</v>
      </c>
      <c r="P9" s="103">
        <v>44</v>
      </c>
      <c r="Q9" s="413">
        <v>0</v>
      </c>
      <c r="R9" s="102">
        <v>30</v>
      </c>
      <c r="S9" s="102">
        <v>21</v>
      </c>
      <c r="T9" s="102">
        <v>13</v>
      </c>
      <c r="U9" s="102">
        <v>15</v>
      </c>
      <c r="V9" s="102">
        <v>14</v>
      </c>
      <c r="W9" s="103">
        <v>93</v>
      </c>
      <c r="X9" s="104">
        <v>137</v>
      </c>
      <c r="Y9" s="101">
        <v>38</v>
      </c>
      <c r="Z9" s="102">
        <v>36</v>
      </c>
      <c r="AA9" s="103">
        <v>74</v>
      </c>
      <c r="AB9" s="413">
        <v>0</v>
      </c>
      <c r="AC9" s="102">
        <v>53</v>
      </c>
      <c r="AD9" s="102">
        <v>41</v>
      </c>
      <c r="AE9" s="102">
        <v>22</v>
      </c>
      <c r="AF9" s="102">
        <v>30</v>
      </c>
      <c r="AG9" s="102">
        <v>21</v>
      </c>
      <c r="AH9" s="103">
        <v>167</v>
      </c>
      <c r="AI9" s="104">
        <v>241</v>
      </c>
      <c r="AJ9" s="101">
        <v>66</v>
      </c>
      <c r="AK9" s="102">
        <v>52</v>
      </c>
      <c r="AL9" s="103">
        <v>118</v>
      </c>
      <c r="AM9" s="413">
        <v>0</v>
      </c>
      <c r="AN9" s="102">
        <v>101</v>
      </c>
      <c r="AO9" s="102">
        <v>63</v>
      </c>
      <c r="AP9" s="102">
        <v>41</v>
      </c>
      <c r="AQ9" s="102">
        <v>39</v>
      </c>
      <c r="AR9" s="102">
        <v>41</v>
      </c>
      <c r="AS9" s="103">
        <v>285</v>
      </c>
      <c r="AT9" s="104">
        <v>403</v>
      </c>
      <c r="AU9" s="101">
        <v>102</v>
      </c>
      <c r="AV9" s="102">
        <v>69</v>
      </c>
      <c r="AW9" s="103">
        <v>171</v>
      </c>
      <c r="AX9" s="413">
        <v>0</v>
      </c>
      <c r="AY9" s="102">
        <v>185</v>
      </c>
      <c r="AZ9" s="102">
        <v>138</v>
      </c>
      <c r="BA9" s="102">
        <v>66</v>
      </c>
      <c r="BB9" s="102">
        <v>66</v>
      </c>
      <c r="BC9" s="102">
        <v>37</v>
      </c>
      <c r="BD9" s="103">
        <v>492</v>
      </c>
      <c r="BE9" s="104">
        <v>663</v>
      </c>
      <c r="BF9" s="101">
        <v>137</v>
      </c>
      <c r="BG9" s="102">
        <v>111</v>
      </c>
      <c r="BH9" s="103">
        <v>248</v>
      </c>
      <c r="BI9" s="413">
        <v>0</v>
      </c>
      <c r="BJ9" s="102">
        <v>222</v>
      </c>
      <c r="BK9" s="102">
        <v>147</v>
      </c>
      <c r="BL9" s="102">
        <v>84</v>
      </c>
      <c r="BM9" s="102">
        <v>74</v>
      </c>
      <c r="BN9" s="102">
        <v>61</v>
      </c>
      <c r="BO9" s="103">
        <v>588</v>
      </c>
      <c r="BP9" s="104">
        <v>836</v>
      </c>
      <c r="BQ9" s="101">
        <v>105</v>
      </c>
      <c r="BR9" s="102">
        <v>118</v>
      </c>
      <c r="BS9" s="103">
        <v>223</v>
      </c>
      <c r="BT9" s="413">
        <v>0</v>
      </c>
      <c r="BU9" s="102">
        <v>201</v>
      </c>
      <c r="BV9" s="102">
        <v>210</v>
      </c>
      <c r="BW9" s="102">
        <v>121</v>
      </c>
      <c r="BX9" s="102">
        <v>107</v>
      </c>
      <c r="BY9" s="102">
        <v>64</v>
      </c>
      <c r="BZ9" s="103">
        <v>703</v>
      </c>
      <c r="CA9" s="104">
        <v>926</v>
      </c>
      <c r="CB9" s="101">
        <v>0</v>
      </c>
      <c r="CC9" s="102">
        <v>0</v>
      </c>
      <c r="CD9" s="103">
        <v>0</v>
      </c>
      <c r="CE9" s="413">
        <v>0</v>
      </c>
      <c r="CF9" s="102">
        <v>0</v>
      </c>
      <c r="CG9" s="102">
        <v>0</v>
      </c>
      <c r="CH9" s="102">
        <v>0</v>
      </c>
      <c r="CI9" s="102">
        <v>0</v>
      </c>
      <c r="CJ9" s="102">
        <v>0</v>
      </c>
      <c r="CK9" s="103">
        <v>0</v>
      </c>
      <c r="CL9" s="104">
        <v>0</v>
      </c>
      <c r="CM9" s="101">
        <v>471</v>
      </c>
      <c r="CN9" s="102">
        <v>407</v>
      </c>
      <c r="CO9" s="103">
        <v>878</v>
      </c>
      <c r="CP9" s="413">
        <v>0</v>
      </c>
      <c r="CQ9" s="102">
        <v>792</v>
      </c>
      <c r="CR9" s="102">
        <v>620</v>
      </c>
      <c r="CS9" s="102">
        <v>347</v>
      </c>
      <c r="CT9" s="102">
        <v>331</v>
      </c>
      <c r="CU9" s="102">
        <v>238</v>
      </c>
      <c r="CV9" s="103">
        <v>2328</v>
      </c>
      <c r="CW9" s="104">
        <v>3206</v>
      </c>
      <c r="CX9" s="105">
        <v>224</v>
      </c>
      <c r="CY9" s="97">
        <v>259</v>
      </c>
      <c r="CZ9" s="98">
        <v>483</v>
      </c>
      <c r="DA9" s="413">
        <v>0</v>
      </c>
      <c r="DB9" s="97">
        <v>393</v>
      </c>
      <c r="DC9" s="97">
        <v>282</v>
      </c>
      <c r="DD9" s="97">
        <v>202</v>
      </c>
      <c r="DE9" s="97">
        <v>197</v>
      </c>
      <c r="DF9" s="97">
        <v>121</v>
      </c>
      <c r="DG9" s="99">
        <v>1195</v>
      </c>
      <c r="DH9" s="100">
        <v>1678</v>
      </c>
      <c r="DI9" s="101">
        <v>5</v>
      </c>
      <c r="DJ9" s="102">
        <v>7</v>
      </c>
      <c r="DK9" s="103">
        <v>12</v>
      </c>
      <c r="DL9" s="413">
        <v>0</v>
      </c>
      <c r="DM9" s="102">
        <v>3</v>
      </c>
      <c r="DN9" s="102">
        <v>8</v>
      </c>
      <c r="DO9" s="102">
        <v>2</v>
      </c>
      <c r="DP9" s="102">
        <v>2</v>
      </c>
      <c r="DQ9" s="102">
        <v>1</v>
      </c>
      <c r="DR9" s="103">
        <v>16</v>
      </c>
      <c r="DS9" s="104">
        <v>28</v>
      </c>
      <c r="DT9" s="101">
        <v>17</v>
      </c>
      <c r="DU9" s="102">
        <v>19</v>
      </c>
      <c r="DV9" s="103">
        <v>36</v>
      </c>
      <c r="DW9" s="413">
        <v>0</v>
      </c>
      <c r="DX9" s="102">
        <v>22</v>
      </c>
      <c r="DY9" s="102">
        <v>13</v>
      </c>
      <c r="DZ9" s="102">
        <v>11</v>
      </c>
      <c r="EA9" s="102">
        <v>5</v>
      </c>
      <c r="EB9" s="102">
        <v>2</v>
      </c>
      <c r="EC9" s="103">
        <v>53</v>
      </c>
      <c r="ED9" s="104">
        <v>89</v>
      </c>
      <c r="EE9" s="101">
        <v>33</v>
      </c>
      <c r="EF9" s="102">
        <v>37</v>
      </c>
      <c r="EG9" s="103">
        <v>70</v>
      </c>
      <c r="EH9" s="413">
        <v>0</v>
      </c>
      <c r="EI9" s="102">
        <v>48</v>
      </c>
      <c r="EJ9" s="102">
        <v>24</v>
      </c>
      <c r="EK9" s="102">
        <v>13</v>
      </c>
      <c r="EL9" s="102">
        <v>7</v>
      </c>
      <c r="EM9" s="102">
        <v>15</v>
      </c>
      <c r="EN9" s="103">
        <v>107</v>
      </c>
      <c r="EO9" s="104">
        <v>177</v>
      </c>
      <c r="EP9" s="101">
        <v>73</v>
      </c>
      <c r="EQ9" s="102">
        <v>53</v>
      </c>
      <c r="ER9" s="103">
        <v>126</v>
      </c>
      <c r="ES9" s="413">
        <v>0</v>
      </c>
      <c r="ET9" s="102">
        <v>81</v>
      </c>
      <c r="EU9" s="102">
        <v>52</v>
      </c>
      <c r="EV9" s="102">
        <v>21</v>
      </c>
      <c r="EW9" s="102">
        <v>31</v>
      </c>
      <c r="EX9" s="102">
        <v>23</v>
      </c>
      <c r="EY9" s="103">
        <v>208</v>
      </c>
      <c r="EZ9" s="104">
        <v>334</v>
      </c>
      <c r="FA9" s="101">
        <v>58</v>
      </c>
      <c r="FB9" s="102">
        <v>80</v>
      </c>
      <c r="FC9" s="103">
        <v>138</v>
      </c>
      <c r="FD9" s="413">
        <v>0</v>
      </c>
      <c r="FE9" s="102">
        <v>110</v>
      </c>
      <c r="FF9" s="102">
        <v>78</v>
      </c>
      <c r="FG9" s="102">
        <v>54</v>
      </c>
      <c r="FH9" s="102">
        <v>44</v>
      </c>
      <c r="FI9" s="102">
        <v>28</v>
      </c>
      <c r="FJ9" s="103">
        <v>314</v>
      </c>
      <c r="FK9" s="104">
        <v>452</v>
      </c>
      <c r="FL9" s="101">
        <v>38</v>
      </c>
      <c r="FM9" s="102">
        <v>63</v>
      </c>
      <c r="FN9" s="103">
        <v>101</v>
      </c>
      <c r="FO9" s="413">
        <v>0</v>
      </c>
      <c r="FP9" s="102">
        <v>129</v>
      </c>
      <c r="FQ9" s="102">
        <v>107</v>
      </c>
      <c r="FR9" s="102">
        <v>101</v>
      </c>
      <c r="FS9" s="102">
        <v>108</v>
      </c>
      <c r="FT9" s="102">
        <v>52</v>
      </c>
      <c r="FU9" s="103">
        <v>497</v>
      </c>
      <c r="FV9" s="104">
        <v>598</v>
      </c>
      <c r="FW9" s="101">
        <v>0</v>
      </c>
      <c r="FX9" s="102">
        <v>0</v>
      </c>
      <c r="FY9" s="103">
        <v>0</v>
      </c>
      <c r="FZ9" s="413">
        <v>0</v>
      </c>
      <c r="GA9" s="102">
        <v>0</v>
      </c>
      <c r="GB9" s="102">
        <v>0</v>
      </c>
      <c r="GC9" s="102">
        <v>0</v>
      </c>
      <c r="GD9" s="102">
        <v>0</v>
      </c>
      <c r="GE9" s="102">
        <v>0</v>
      </c>
      <c r="GF9" s="103">
        <v>0</v>
      </c>
      <c r="GG9" s="104">
        <v>0</v>
      </c>
      <c r="GH9" s="101">
        <v>224</v>
      </c>
      <c r="GI9" s="102">
        <v>259</v>
      </c>
      <c r="GJ9" s="103">
        <v>483</v>
      </c>
      <c r="GK9" s="413">
        <v>0</v>
      </c>
      <c r="GL9" s="102">
        <v>393</v>
      </c>
      <c r="GM9" s="102">
        <v>282</v>
      </c>
      <c r="GN9" s="102">
        <v>202</v>
      </c>
      <c r="GO9" s="102">
        <v>197</v>
      </c>
      <c r="GP9" s="102">
        <v>121</v>
      </c>
      <c r="GQ9" s="103">
        <v>1195</v>
      </c>
      <c r="GR9" s="104">
        <v>1678</v>
      </c>
      <c r="GS9" s="105">
        <v>695</v>
      </c>
      <c r="GT9" s="97">
        <v>666</v>
      </c>
      <c r="GU9" s="98">
        <v>1361</v>
      </c>
      <c r="GV9" s="413">
        <v>0</v>
      </c>
      <c r="GW9" s="97">
        <v>1185</v>
      </c>
      <c r="GX9" s="97">
        <v>902</v>
      </c>
      <c r="GY9" s="97">
        <v>549</v>
      </c>
      <c r="GZ9" s="97">
        <v>528</v>
      </c>
      <c r="HA9" s="97">
        <v>359</v>
      </c>
      <c r="HB9" s="99">
        <v>3523</v>
      </c>
      <c r="HC9" s="100">
        <v>4884</v>
      </c>
      <c r="HD9" s="101">
        <v>28</v>
      </c>
      <c r="HE9" s="102">
        <v>28</v>
      </c>
      <c r="HF9" s="103">
        <v>56</v>
      </c>
      <c r="HG9" s="413">
        <v>0</v>
      </c>
      <c r="HH9" s="102">
        <v>33</v>
      </c>
      <c r="HI9" s="102">
        <v>29</v>
      </c>
      <c r="HJ9" s="102">
        <v>15</v>
      </c>
      <c r="HK9" s="102">
        <v>17</v>
      </c>
      <c r="HL9" s="102">
        <v>15</v>
      </c>
      <c r="HM9" s="103">
        <v>109</v>
      </c>
      <c r="HN9" s="104">
        <v>165</v>
      </c>
      <c r="HO9" s="101">
        <v>55</v>
      </c>
      <c r="HP9" s="102">
        <v>55</v>
      </c>
      <c r="HQ9" s="103">
        <v>110</v>
      </c>
      <c r="HR9" s="413">
        <v>0</v>
      </c>
      <c r="HS9" s="102">
        <v>75</v>
      </c>
      <c r="HT9" s="102">
        <v>54</v>
      </c>
      <c r="HU9" s="102">
        <v>33</v>
      </c>
      <c r="HV9" s="102">
        <v>35</v>
      </c>
      <c r="HW9" s="102">
        <v>23</v>
      </c>
      <c r="HX9" s="103">
        <v>220</v>
      </c>
      <c r="HY9" s="104">
        <v>330</v>
      </c>
      <c r="HZ9" s="101">
        <v>99</v>
      </c>
      <c r="IA9" s="102">
        <v>89</v>
      </c>
      <c r="IB9" s="103">
        <v>188</v>
      </c>
      <c r="IC9" s="413">
        <v>0</v>
      </c>
      <c r="ID9" s="102">
        <v>149</v>
      </c>
      <c r="IE9" s="102">
        <v>87</v>
      </c>
      <c r="IF9" s="102">
        <v>54</v>
      </c>
      <c r="IG9" s="102">
        <v>46</v>
      </c>
      <c r="IH9" s="102">
        <v>56</v>
      </c>
      <c r="II9" s="103">
        <v>392</v>
      </c>
      <c r="IJ9" s="104">
        <v>580</v>
      </c>
      <c r="IK9" s="101">
        <v>175</v>
      </c>
      <c r="IL9" s="102">
        <v>122</v>
      </c>
      <c r="IM9" s="103">
        <v>297</v>
      </c>
      <c r="IN9" s="413">
        <v>0</v>
      </c>
      <c r="IO9" s="102">
        <v>266</v>
      </c>
      <c r="IP9" s="102">
        <v>190</v>
      </c>
      <c r="IQ9" s="102">
        <v>87</v>
      </c>
      <c r="IR9" s="102">
        <v>97</v>
      </c>
      <c r="IS9" s="102">
        <v>60</v>
      </c>
      <c r="IT9" s="103">
        <v>700</v>
      </c>
      <c r="IU9" s="104">
        <v>997</v>
      </c>
      <c r="IV9" s="101">
        <v>195</v>
      </c>
      <c r="IW9" s="102">
        <v>191</v>
      </c>
      <c r="IX9" s="103">
        <v>386</v>
      </c>
      <c r="IY9" s="413">
        <v>0</v>
      </c>
      <c r="IZ9" s="102">
        <v>332</v>
      </c>
      <c r="JA9" s="102">
        <v>225</v>
      </c>
      <c r="JB9" s="102">
        <v>138</v>
      </c>
      <c r="JC9" s="102">
        <v>118</v>
      </c>
      <c r="JD9" s="102">
        <v>89</v>
      </c>
      <c r="JE9" s="103">
        <v>902</v>
      </c>
      <c r="JF9" s="104">
        <v>1288</v>
      </c>
      <c r="JG9" s="101">
        <v>143</v>
      </c>
      <c r="JH9" s="102">
        <v>181</v>
      </c>
      <c r="JI9" s="103">
        <v>324</v>
      </c>
      <c r="JJ9" s="413">
        <v>0</v>
      </c>
      <c r="JK9" s="102">
        <v>330</v>
      </c>
      <c r="JL9" s="102">
        <v>317</v>
      </c>
      <c r="JM9" s="102">
        <v>222</v>
      </c>
      <c r="JN9" s="102">
        <v>215</v>
      </c>
      <c r="JO9" s="102">
        <v>116</v>
      </c>
      <c r="JP9" s="103">
        <v>1200</v>
      </c>
      <c r="JQ9" s="104">
        <v>1524</v>
      </c>
      <c r="JR9" s="101">
        <v>0</v>
      </c>
      <c r="JS9" s="102">
        <v>0</v>
      </c>
      <c r="JT9" s="103">
        <v>0</v>
      </c>
      <c r="JU9" s="413">
        <v>0</v>
      </c>
      <c r="JV9" s="102">
        <v>0</v>
      </c>
      <c r="JW9" s="102">
        <v>0</v>
      </c>
      <c r="JX9" s="102">
        <v>0</v>
      </c>
      <c r="JY9" s="102">
        <v>0</v>
      </c>
      <c r="JZ9" s="102">
        <v>0</v>
      </c>
      <c r="KA9" s="103">
        <v>0</v>
      </c>
      <c r="KB9" s="104">
        <v>0</v>
      </c>
      <c r="KC9" s="101">
        <v>695</v>
      </c>
      <c r="KD9" s="102">
        <v>666</v>
      </c>
      <c r="KE9" s="103">
        <v>1361</v>
      </c>
      <c r="KF9" s="413">
        <v>0</v>
      </c>
      <c r="KG9" s="102">
        <v>1185</v>
      </c>
      <c r="KH9" s="102">
        <v>902</v>
      </c>
      <c r="KI9" s="102">
        <v>549</v>
      </c>
      <c r="KJ9" s="102">
        <v>528</v>
      </c>
      <c r="KK9" s="102">
        <v>359</v>
      </c>
      <c r="KL9" s="103">
        <v>3523</v>
      </c>
      <c r="KM9" s="104">
        <v>4884</v>
      </c>
    </row>
    <row r="10" spans="2:299" s="70" customFormat="1" ht="21" customHeight="1" x14ac:dyDescent="0.2">
      <c r="B10" s="106" t="s">
        <v>14</v>
      </c>
      <c r="C10" s="96">
        <v>200</v>
      </c>
      <c r="D10" s="97">
        <v>213</v>
      </c>
      <c r="E10" s="98">
        <v>413</v>
      </c>
      <c r="F10" s="413">
        <v>0</v>
      </c>
      <c r="G10" s="97">
        <v>225</v>
      </c>
      <c r="H10" s="97">
        <v>288</v>
      </c>
      <c r="I10" s="97">
        <v>161</v>
      </c>
      <c r="J10" s="97">
        <v>136</v>
      </c>
      <c r="K10" s="97">
        <v>97</v>
      </c>
      <c r="L10" s="99">
        <v>907</v>
      </c>
      <c r="M10" s="100">
        <v>1320</v>
      </c>
      <c r="N10" s="101">
        <v>3</v>
      </c>
      <c r="O10" s="102">
        <v>12</v>
      </c>
      <c r="P10" s="103">
        <v>15</v>
      </c>
      <c r="Q10" s="413">
        <v>0</v>
      </c>
      <c r="R10" s="102">
        <v>6</v>
      </c>
      <c r="S10" s="102">
        <v>11</v>
      </c>
      <c r="T10" s="102">
        <v>4</v>
      </c>
      <c r="U10" s="102">
        <v>9</v>
      </c>
      <c r="V10" s="102">
        <v>2</v>
      </c>
      <c r="W10" s="103">
        <v>32</v>
      </c>
      <c r="X10" s="104">
        <v>47</v>
      </c>
      <c r="Y10" s="101">
        <v>13</v>
      </c>
      <c r="Z10" s="102">
        <v>17</v>
      </c>
      <c r="AA10" s="103">
        <v>30</v>
      </c>
      <c r="AB10" s="413">
        <v>0</v>
      </c>
      <c r="AC10" s="102">
        <v>13</v>
      </c>
      <c r="AD10" s="102">
        <v>13</v>
      </c>
      <c r="AE10" s="102">
        <v>15</v>
      </c>
      <c r="AF10" s="102">
        <v>10</v>
      </c>
      <c r="AG10" s="102">
        <v>12</v>
      </c>
      <c r="AH10" s="103">
        <v>63</v>
      </c>
      <c r="AI10" s="104">
        <v>93</v>
      </c>
      <c r="AJ10" s="101">
        <v>29</v>
      </c>
      <c r="AK10" s="102">
        <v>34</v>
      </c>
      <c r="AL10" s="103">
        <v>63</v>
      </c>
      <c r="AM10" s="413">
        <v>0</v>
      </c>
      <c r="AN10" s="102">
        <v>20</v>
      </c>
      <c r="AO10" s="102">
        <v>43</v>
      </c>
      <c r="AP10" s="102">
        <v>22</v>
      </c>
      <c r="AQ10" s="102">
        <v>9</v>
      </c>
      <c r="AR10" s="102">
        <v>16</v>
      </c>
      <c r="AS10" s="103">
        <v>110</v>
      </c>
      <c r="AT10" s="104">
        <v>173</v>
      </c>
      <c r="AU10" s="101">
        <v>48</v>
      </c>
      <c r="AV10" s="102">
        <v>45</v>
      </c>
      <c r="AW10" s="103">
        <v>93</v>
      </c>
      <c r="AX10" s="413">
        <v>0</v>
      </c>
      <c r="AY10" s="102">
        <v>55</v>
      </c>
      <c r="AZ10" s="102">
        <v>64</v>
      </c>
      <c r="BA10" s="102">
        <v>31</v>
      </c>
      <c r="BB10" s="102">
        <v>31</v>
      </c>
      <c r="BC10" s="102">
        <v>23</v>
      </c>
      <c r="BD10" s="103">
        <v>204</v>
      </c>
      <c r="BE10" s="104">
        <v>297</v>
      </c>
      <c r="BF10" s="101">
        <v>72</v>
      </c>
      <c r="BG10" s="102">
        <v>59</v>
      </c>
      <c r="BH10" s="103">
        <v>131</v>
      </c>
      <c r="BI10" s="413">
        <v>0</v>
      </c>
      <c r="BJ10" s="102">
        <v>67</v>
      </c>
      <c r="BK10" s="102">
        <v>89</v>
      </c>
      <c r="BL10" s="102">
        <v>49</v>
      </c>
      <c r="BM10" s="102">
        <v>35</v>
      </c>
      <c r="BN10" s="102">
        <v>24</v>
      </c>
      <c r="BO10" s="103">
        <v>264</v>
      </c>
      <c r="BP10" s="104">
        <v>395</v>
      </c>
      <c r="BQ10" s="101">
        <v>35</v>
      </c>
      <c r="BR10" s="102">
        <v>46</v>
      </c>
      <c r="BS10" s="103">
        <v>81</v>
      </c>
      <c r="BT10" s="413">
        <v>0</v>
      </c>
      <c r="BU10" s="102">
        <v>64</v>
      </c>
      <c r="BV10" s="102">
        <v>68</v>
      </c>
      <c r="BW10" s="102">
        <v>40</v>
      </c>
      <c r="BX10" s="102">
        <v>42</v>
      </c>
      <c r="BY10" s="102">
        <v>20</v>
      </c>
      <c r="BZ10" s="103">
        <v>234</v>
      </c>
      <c r="CA10" s="104">
        <v>315</v>
      </c>
      <c r="CB10" s="101">
        <v>0</v>
      </c>
      <c r="CC10" s="102">
        <v>0</v>
      </c>
      <c r="CD10" s="103">
        <v>0</v>
      </c>
      <c r="CE10" s="413">
        <v>0</v>
      </c>
      <c r="CF10" s="102">
        <v>0</v>
      </c>
      <c r="CG10" s="102">
        <v>0</v>
      </c>
      <c r="CH10" s="102">
        <v>0</v>
      </c>
      <c r="CI10" s="102">
        <v>0</v>
      </c>
      <c r="CJ10" s="102">
        <v>0</v>
      </c>
      <c r="CK10" s="103">
        <v>0</v>
      </c>
      <c r="CL10" s="104">
        <v>0</v>
      </c>
      <c r="CM10" s="101">
        <v>200</v>
      </c>
      <c r="CN10" s="102">
        <v>213</v>
      </c>
      <c r="CO10" s="103">
        <v>413</v>
      </c>
      <c r="CP10" s="413">
        <v>0</v>
      </c>
      <c r="CQ10" s="102">
        <v>225</v>
      </c>
      <c r="CR10" s="102">
        <v>288</v>
      </c>
      <c r="CS10" s="102">
        <v>161</v>
      </c>
      <c r="CT10" s="102">
        <v>136</v>
      </c>
      <c r="CU10" s="102">
        <v>97</v>
      </c>
      <c r="CV10" s="103">
        <v>907</v>
      </c>
      <c r="CW10" s="104">
        <v>1320</v>
      </c>
      <c r="CX10" s="105">
        <v>67</v>
      </c>
      <c r="CY10" s="97">
        <v>84</v>
      </c>
      <c r="CZ10" s="98">
        <v>151</v>
      </c>
      <c r="DA10" s="413">
        <v>0</v>
      </c>
      <c r="DB10" s="97">
        <v>97</v>
      </c>
      <c r="DC10" s="97">
        <v>122</v>
      </c>
      <c r="DD10" s="97">
        <v>69</v>
      </c>
      <c r="DE10" s="97">
        <v>83</v>
      </c>
      <c r="DF10" s="97">
        <v>49</v>
      </c>
      <c r="DG10" s="99">
        <v>420</v>
      </c>
      <c r="DH10" s="100">
        <v>571</v>
      </c>
      <c r="DI10" s="101">
        <v>1</v>
      </c>
      <c r="DJ10" s="102">
        <v>4</v>
      </c>
      <c r="DK10" s="103">
        <v>5</v>
      </c>
      <c r="DL10" s="413">
        <v>0</v>
      </c>
      <c r="DM10" s="102">
        <v>3</v>
      </c>
      <c r="DN10" s="102">
        <v>6</v>
      </c>
      <c r="DO10" s="102">
        <v>0</v>
      </c>
      <c r="DP10" s="102">
        <v>3</v>
      </c>
      <c r="DQ10" s="102">
        <v>2</v>
      </c>
      <c r="DR10" s="103">
        <v>14</v>
      </c>
      <c r="DS10" s="104">
        <v>19</v>
      </c>
      <c r="DT10" s="101">
        <v>8</v>
      </c>
      <c r="DU10" s="102">
        <v>2</v>
      </c>
      <c r="DV10" s="103">
        <v>10</v>
      </c>
      <c r="DW10" s="413">
        <v>0</v>
      </c>
      <c r="DX10" s="102">
        <v>5</v>
      </c>
      <c r="DY10" s="102">
        <v>5</v>
      </c>
      <c r="DZ10" s="102">
        <v>3</v>
      </c>
      <c r="EA10" s="102">
        <v>1</v>
      </c>
      <c r="EB10" s="102">
        <v>0</v>
      </c>
      <c r="EC10" s="103">
        <v>14</v>
      </c>
      <c r="ED10" s="104">
        <v>24</v>
      </c>
      <c r="EE10" s="101">
        <v>15</v>
      </c>
      <c r="EF10" s="102">
        <v>13</v>
      </c>
      <c r="EG10" s="103">
        <v>28</v>
      </c>
      <c r="EH10" s="413">
        <v>0</v>
      </c>
      <c r="EI10" s="102">
        <v>8</v>
      </c>
      <c r="EJ10" s="102">
        <v>12</v>
      </c>
      <c r="EK10" s="102">
        <v>8</v>
      </c>
      <c r="EL10" s="102">
        <v>2</v>
      </c>
      <c r="EM10" s="102">
        <v>5</v>
      </c>
      <c r="EN10" s="103">
        <v>35</v>
      </c>
      <c r="EO10" s="104">
        <v>63</v>
      </c>
      <c r="EP10" s="101">
        <v>18</v>
      </c>
      <c r="EQ10" s="102">
        <v>18</v>
      </c>
      <c r="ER10" s="103">
        <v>36</v>
      </c>
      <c r="ES10" s="413">
        <v>0</v>
      </c>
      <c r="ET10" s="102">
        <v>17</v>
      </c>
      <c r="EU10" s="102">
        <v>22</v>
      </c>
      <c r="EV10" s="102">
        <v>15</v>
      </c>
      <c r="EW10" s="102">
        <v>12</v>
      </c>
      <c r="EX10" s="102">
        <v>11</v>
      </c>
      <c r="EY10" s="103">
        <v>77</v>
      </c>
      <c r="EZ10" s="104">
        <v>113</v>
      </c>
      <c r="FA10" s="101">
        <v>17</v>
      </c>
      <c r="FB10" s="102">
        <v>23</v>
      </c>
      <c r="FC10" s="103">
        <v>40</v>
      </c>
      <c r="FD10" s="413">
        <v>0</v>
      </c>
      <c r="FE10" s="102">
        <v>31</v>
      </c>
      <c r="FF10" s="102">
        <v>36</v>
      </c>
      <c r="FG10" s="102">
        <v>14</v>
      </c>
      <c r="FH10" s="102">
        <v>24</v>
      </c>
      <c r="FI10" s="102">
        <v>12</v>
      </c>
      <c r="FJ10" s="103">
        <v>117</v>
      </c>
      <c r="FK10" s="104">
        <v>157</v>
      </c>
      <c r="FL10" s="101">
        <v>8</v>
      </c>
      <c r="FM10" s="102">
        <v>24</v>
      </c>
      <c r="FN10" s="103">
        <v>32</v>
      </c>
      <c r="FO10" s="413">
        <v>0</v>
      </c>
      <c r="FP10" s="102">
        <v>33</v>
      </c>
      <c r="FQ10" s="102">
        <v>41</v>
      </c>
      <c r="FR10" s="102">
        <v>29</v>
      </c>
      <c r="FS10" s="102">
        <v>41</v>
      </c>
      <c r="FT10" s="102">
        <v>19</v>
      </c>
      <c r="FU10" s="103">
        <v>163</v>
      </c>
      <c r="FV10" s="104">
        <v>195</v>
      </c>
      <c r="FW10" s="101">
        <v>0</v>
      </c>
      <c r="FX10" s="102">
        <v>0</v>
      </c>
      <c r="FY10" s="103">
        <v>0</v>
      </c>
      <c r="FZ10" s="413">
        <v>0</v>
      </c>
      <c r="GA10" s="102">
        <v>0</v>
      </c>
      <c r="GB10" s="102">
        <v>0</v>
      </c>
      <c r="GC10" s="102">
        <v>0</v>
      </c>
      <c r="GD10" s="102">
        <v>0</v>
      </c>
      <c r="GE10" s="102">
        <v>0</v>
      </c>
      <c r="GF10" s="103">
        <v>0</v>
      </c>
      <c r="GG10" s="104">
        <v>0</v>
      </c>
      <c r="GH10" s="101">
        <v>67</v>
      </c>
      <c r="GI10" s="102">
        <v>84</v>
      </c>
      <c r="GJ10" s="103">
        <v>151</v>
      </c>
      <c r="GK10" s="413">
        <v>0</v>
      </c>
      <c r="GL10" s="102">
        <v>97</v>
      </c>
      <c r="GM10" s="102">
        <v>122</v>
      </c>
      <c r="GN10" s="102">
        <v>69</v>
      </c>
      <c r="GO10" s="102">
        <v>83</v>
      </c>
      <c r="GP10" s="102">
        <v>49</v>
      </c>
      <c r="GQ10" s="103">
        <v>420</v>
      </c>
      <c r="GR10" s="104">
        <v>571</v>
      </c>
      <c r="GS10" s="105">
        <v>267</v>
      </c>
      <c r="GT10" s="97">
        <v>297</v>
      </c>
      <c r="GU10" s="98">
        <v>564</v>
      </c>
      <c r="GV10" s="413">
        <v>0</v>
      </c>
      <c r="GW10" s="97">
        <v>322</v>
      </c>
      <c r="GX10" s="97">
        <v>410</v>
      </c>
      <c r="GY10" s="97">
        <v>230</v>
      </c>
      <c r="GZ10" s="97">
        <v>219</v>
      </c>
      <c r="HA10" s="97">
        <v>146</v>
      </c>
      <c r="HB10" s="99">
        <v>1327</v>
      </c>
      <c r="HC10" s="100">
        <v>1891</v>
      </c>
      <c r="HD10" s="101">
        <v>4</v>
      </c>
      <c r="HE10" s="102">
        <v>16</v>
      </c>
      <c r="HF10" s="103">
        <v>20</v>
      </c>
      <c r="HG10" s="413">
        <v>0</v>
      </c>
      <c r="HH10" s="102">
        <v>9</v>
      </c>
      <c r="HI10" s="102">
        <v>17</v>
      </c>
      <c r="HJ10" s="102">
        <v>4</v>
      </c>
      <c r="HK10" s="102">
        <v>12</v>
      </c>
      <c r="HL10" s="102">
        <v>4</v>
      </c>
      <c r="HM10" s="103">
        <v>46</v>
      </c>
      <c r="HN10" s="104">
        <v>66</v>
      </c>
      <c r="HO10" s="101">
        <v>21</v>
      </c>
      <c r="HP10" s="102">
        <v>19</v>
      </c>
      <c r="HQ10" s="103">
        <v>40</v>
      </c>
      <c r="HR10" s="413">
        <v>0</v>
      </c>
      <c r="HS10" s="102">
        <v>18</v>
      </c>
      <c r="HT10" s="102">
        <v>18</v>
      </c>
      <c r="HU10" s="102">
        <v>18</v>
      </c>
      <c r="HV10" s="102">
        <v>11</v>
      </c>
      <c r="HW10" s="102">
        <v>12</v>
      </c>
      <c r="HX10" s="103">
        <v>77</v>
      </c>
      <c r="HY10" s="104">
        <v>117</v>
      </c>
      <c r="HZ10" s="101">
        <v>44</v>
      </c>
      <c r="IA10" s="102">
        <v>47</v>
      </c>
      <c r="IB10" s="103">
        <v>91</v>
      </c>
      <c r="IC10" s="413">
        <v>0</v>
      </c>
      <c r="ID10" s="102">
        <v>28</v>
      </c>
      <c r="IE10" s="102">
        <v>55</v>
      </c>
      <c r="IF10" s="102">
        <v>30</v>
      </c>
      <c r="IG10" s="102">
        <v>11</v>
      </c>
      <c r="IH10" s="102">
        <v>21</v>
      </c>
      <c r="II10" s="103">
        <v>145</v>
      </c>
      <c r="IJ10" s="104">
        <v>236</v>
      </c>
      <c r="IK10" s="101">
        <v>66</v>
      </c>
      <c r="IL10" s="102">
        <v>63</v>
      </c>
      <c r="IM10" s="103">
        <v>129</v>
      </c>
      <c r="IN10" s="413">
        <v>0</v>
      </c>
      <c r="IO10" s="102">
        <v>72</v>
      </c>
      <c r="IP10" s="102">
        <v>86</v>
      </c>
      <c r="IQ10" s="102">
        <v>46</v>
      </c>
      <c r="IR10" s="102">
        <v>43</v>
      </c>
      <c r="IS10" s="102">
        <v>34</v>
      </c>
      <c r="IT10" s="103">
        <v>281</v>
      </c>
      <c r="IU10" s="104">
        <v>410</v>
      </c>
      <c r="IV10" s="101">
        <v>89</v>
      </c>
      <c r="IW10" s="102">
        <v>82</v>
      </c>
      <c r="IX10" s="103">
        <v>171</v>
      </c>
      <c r="IY10" s="413">
        <v>0</v>
      </c>
      <c r="IZ10" s="102">
        <v>98</v>
      </c>
      <c r="JA10" s="102">
        <v>125</v>
      </c>
      <c r="JB10" s="102">
        <v>63</v>
      </c>
      <c r="JC10" s="102">
        <v>59</v>
      </c>
      <c r="JD10" s="102">
        <v>36</v>
      </c>
      <c r="JE10" s="103">
        <v>381</v>
      </c>
      <c r="JF10" s="104">
        <v>552</v>
      </c>
      <c r="JG10" s="101">
        <v>43</v>
      </c>
      <c r="JH10" s="102">
        <v>70</v>
      </c>
      <c r="JI10" s="103">
        <v>113</v>
      </c>
      <c r="JJ10" s="413">
        <v>0</v>
      </c>
      <c r="JK10" s="102">
        <v>97</v>
      </c>
      <c r="JL10" s="102">
        <v>109</v>
      </c>
      <c r="JM10" s="102">
        <v>69</v>
      </c>
      <c r="JN10" s="102">
        <v>83</v>
      </c>
      <c r="JO10" s="102">
        <v>39</v>
      </c>
      <c r="JP10" s="103">
        <v>397</v>
      </c>
      <c r="JQ10" s="104">
        <v>510</v>
      </c>
      <c r="JR10" s="101">
        <v>0</v>
      </c>
      <c r="JS10" s="102">
        <v>0</v>
      </c>
      <c r="JT10" s="103">
        <v>0</v>
      </c>
      <c r="JU10" s="413">
        <v>0</v>
      </c>
      <c r="JV10" s="102">
        <v>0</v>
      </c>
      <c r="JW10" s="102">
        <v>0</v>
      </c>
      <c r="JX10" s="102">
        <v>0</v>
      </c>
      <c r="JY10" s="102">
        <v>0</v>
      </c>
      <c r="JZ10" s="102">
        <v>0</v>
      </c>
      <c r="KA10" s="103">
        <v>0</v>
      </c>
      <c r="KB10" s="104">
        <v>0</v>
      </c>
      <c r="KC10" s="101">
        <v>267</v>
      </c>
      <c r="KD10" s="102">
        <v>297</v>
      </c>
      <c r="KE10" s="103">
        <v>564</v>
      </c>
      <c r="KF10" s="413">
        <v>0</v>
      </c>
      <c r="KG10" s="102">
        <v>322</v>
      </c>
      <c r="KH10" s="102">
        <v>410</v>
      </c>
      <c r="KI10" s="102">
        <v>230</v>
      </c>
      <c r="KJ10" s="102">
        <v>219</v>
      </c>
      <c r="KK10" s="102">
        <v>146</v>
      </c>
      <c r="KL10" s="103">
        <v>1327</v>
      </c>
      <c r="KM10" s="104">
        <v>1891</v>
      </c>
    </row>
    <row r="11" spans="2:299" s="70" customFormat="1" ht="21" customHeight="1" x14ac:dyDescent="0.2">
      <c r="B11" s="106" t="s">
        <v>7</v>
      </c>
      <c r="C11" s="96">
        <v>153</v>
      </c>
      <c r="D11" s="97">
        <v>89</v>
      </c>
      <c r="E11" s="98">
        <v>242</v>
      </c>
      <c r="F11" s="413">
        <v>0</v>
      </c>
      <c r="G11" s="97">
        <v>263</v>
      </c>
      <c r="H11" s="97">
        <v>122</v>
      </c>
      <c r="I11" s="97">
        <v>83</v>
      </c>
      <c r="J11" s="97">
        <v>81</v>
      </c>
      <c r="K11" s="97">
        <v>31</v>
      </c>
      <c r="L11" s="99">
        <v>580</v>
      </c>
      <c r="M11" s="100">
        <v>822</v>
      </c>
      <c r="N11" s="101">
        <v>5</v>
      </c>
      <c r="O11" s="102">
        <v>5</v>
      </c>
      <c r="P11" s="103">
        <v>10</v>
      </c>
      <c r="Q11" s="413">
        <v>0</v>
      </c>
      <c r="R11" s="102">
        <v>6</v>
      </c>
      <c r="S11" s="102">
        <v>4</v>
      </c>
      <c r="T11" s="102">
        <v>4</v>
      </c>
      <c r="U11" s="102">
        <v>1</v>
      </c>
      <c r="V11" s="102">
        <v>1</v>
      </c>
      <c r="W11" s="103">
        <v>16</v>
      </c>
      <c r="X11" s="104">
        <v>26</v>
      </c>
      <c r="Y11" s="101">
        <v>9</v>
      </c>
      <c r="Z11" s="102">
        <v>8</v>
      </c>
      <c r="AA11" s="103">
        <v>17</v>
      </c>
      <c r="AB11" s="413">
        <v>0</v>
      </c>
      <c r="AC11" s="102">
        <v>9</v>
      </c>
      <c r="AD11" s="102">
        <v>7</v>
      </c>
      <c r="AE11" s="102">
        <v>5</v>
      </c>
      <c r="AF11" s="102">
        <v>9</v>
      </c>
      <c r="AG11" s="102">
        <v>3</v>
      </c>
      <c r="AH11" s="103">
        <v>33</v>
      </c>
      <c r="AI11" s="104">
        <v>50</v>
      </c>
      <c r="AJ11" s="101">
        <v>13</v>
      </c>
      <c r="AK11" s="102">
        <v>13</v>
      </c>
      <c r="AL11" s="103">
        <v>26</v>
      </c>
      <c r="AM11" s="413">
        <v>0</v>
      </c>
      <c r="AN11" s="102">
        <v>36</v>
      </c>
      <c r="AO11" s="102">
        <v>11</v>
      </c>
      <c r="AP11" s="102">
        <v>6</v>
      </c>
      <c r="AQ11" s="102">
        <v>15</v>
      </c>
      <c r="AR11" s="102">
        <v>2</v>
      </c>
      <c r="AS11" s="103">
        <v>70</v>
      </c>
      <c r="AT11" s="104">
        <v>96</v>
      </c>
      <c r="AU11" s="101">
        <v>34</v>
      </c>
      <c r="AV11" s="102">
        <v>19</v>
      </c>
      <c r="AW11" s="103">
        <v>53</v>
      </c>
      <c r="AX11" s="413">
        <v>0</v>
      </c>
      <c r="AY11" s="102">
        <v>63</v>
      </c>
      <c r="AZ11" s="102">
        <v>24</v>
      </c>
      <c r="BA11" s="102">
        <v>24</v>
      </c>
      <c r="BB11" s="102">
        <v>12</v>
      </c>
      <c r="BC11" s="102">
        <v>9</v>
      </c>
      <c r="BD11" s="103">
        <v>132</v>
      </c>
      <c r="BE11" s="104">
        <v>185</v>
      </c>
      <c r="BF11" s="101">
        <v>55</v>
      </c>
      <c r="BG11" s="102">
        <v>23</v>
      </c>
      <c r="BH11" s="103">
        <v>78</v>
      </c>
      <c r="BI11" s="413">
        <v>0</v>
      </c>
      <c r="BJ11" s="102">
        <v>70</v>
      </c>
      <c r="BK11" s="102">
        <v>40</v>
      </c>
      <c r="BL11" s="102">
        <v>17</v>
      </c>
      <c r="BM11" s="102">
        <v>22</v>
      </c>
      <c r="BN11" s="102">
        <v>10</v>
      </c>
      <c r="BO11" s="103">
        <v>159</v>
      </c>
      <c r="BP11" s="104">
        <v>237</v>
      </c>
      <c r="BQ11" s="101">
        <v>37</v>
      </c>
      <c r="BR11" s="102">
        <v>21</v>
      </c>
      <c r="BS11" s="103">
        <v>58</v>
      </c>
      <c r="BT11" s="413">
        <v>0</v>
      </c>
      <c r="BU11" s="102">
        <v>79</v>
      </c>
      <c r="BV11" s="102">
        <v>36</v>
      </c>
      <c r="BW11" s="102">
        <v>27</v>
      </c>
      <c r="BX11" s="102">
        <v>22</v>
      </c>
      <c r="BY11" s="102">
        <v>6</v>
      </c>
      <c r="BZ11" s="103">
        <v>170</v>
      </c>
      <c r="CA11" s="104">
        <v>228</v>
      </c>
      <c r="CB11" s="101">
        <v>0</v>
      </c>
      <c r="CC11" s="102">
        <v>0</v>
      </c>
      <c r="CD11" s="103">
        <v>0</v>
      </c>
      <c r="CE11" s="413">
        <v>0</v>
      </c>
      <c r="CF11" s="102">
        <v>0</v>
      </c>
      <c r="CG11" s="102">
        <v>0</v>
      </c>
      <c r="CH11" s="102">
        <v>0</v>
      </c>
      <c r="CI11" s="102">
        <v>0</v>
      </c>
      <c r="CJ11" s="102">
        <v>0</v>
      </c>
      <c r="CK11" s="103">
        <v>0</v>
      </c>
      <c r="CL11" s="104">
        <v>0</v>
      </c>
      <c r="CM11" s="101">
        <v>153</v>
      </c>
      <c r="CN11" s="102">
        <v>89</v>
      </c>
      <c r="CO11" s="103">
        <v>242</v>
      </c>
      <c r="CP11" s="413">
        <v>0</v>
      </c>
      <c r="CQ11" s="102">
        <v>263</v>
      </c>
      <c r="CR11" s="102">
        <v>122</v>
      </c>
      <c r="CS11" s="102">
        <v>83</v>
      </c>
      <c r="CT11" s="102">
        <v>81</v>
      </c>
      <c r="CU11" s="102">
        <v>31</v>
      </c>
      <c r="CV11" s="103">
        <v>580</v>
      </c>
      <c r="CW11" s="104">
        <v>822</v>
      </c>
      <c r="CX11" s="105">
        <v>49</v>
      </c>
      <c r="CY11" s="97">
        <v>48</v>
      </c>
      <c r="CZ11" s="98">
        <v>97</v>
      </c>
      <c r="DA11" s="413">
        <v>0</v>
      </c>
      <c r="DB11" s="97">
        <v>66</v>
      </c>
      <c r="DC11" s="97">
        <v>32</v>
      </c>
      <c r="DD11" s="97">
        <v>26</v>
      </c>
      <c r="DE11" s="97">
        <v>23</v>
      </c>
      <c r="DF11" s="97">
        <v>21</v>
      </c>
      <c r="DG11" s="99">
        <v>168</v>
      </c>
      <c r="DH11" s="100">
        <v>265</v>
      </c>
      <c r="DI11" s="101">
        <v>1</v>
      </c>
      <c r="DJ11" s="102">
        <v>0</v>
      </c>
      <c r="DK11" s="103">
        <v>1</v>
      </c>
      <c r="DL11" s="413">
        <v>0</v>
      </c>
      <c r="DM11" s="102">
        <v>1</v>
      </c>
      <c r="DN11" s="102">
        <v>0</v>
      </c>
      <c r="DO11" s="102">
        <v>2</v>
      </c>
      <c r="DP11" s="102">
        <v>0</v>
      </c>
      <c r="DQ11" s="102">
        <v>0</v>
      </c>
      <c r="DR11" s="103">
        <v>3</v>
      </c>
      <c r="DS11" s="104">
        <v>4</v>
      </c>
      <c r="DT11" s="101">
        <v>3</v>
      </c>
      <c r="DU11" s="102">
        <v>3</v>
      </c>
      <c r="DV11" s="103">
        <v>6</v>
      </c>
      <c r="DW11" s="413">
        <v>0</v>
      </c>
      <c r="DX11" s="102">
        <v>3</v>
      </c>
      <c r="DY11" s="102">
        <v>2</v>
      </c>
      <c r="DZ11" s="102">
        <v>1</v>
      </c>
      <c r="EA11" s="102">
        <v>0</v>
      </c>
      <c r="EB11" s="102">
        <v>2</v>
      </c>
      <c r="EC11" s="103">
        <v>8</v>
      </c>
      <c r="ED11" s="104">
        <v>14</v>
      </c>
      <c r="EE11" s="101">
        <v>11</v>
      </c>
      <c r="EF11" s="102">
        <v>6</v>
      </c>
      <c r="EG11" s="103">
        <v>17</v>
      </c>
      <c r="EH11" s="413">
        <v>0</v>
      </c>
      <c r="EI11" s="102">
        <v>10</v>
      </c>
      <c r="EJ11" s="102">
        <v>4</v>
      </c>
      <c r="EK11" s="102">
        <v>0</v>
      </c>
      <c r="EL11" s="102">
        <v>4</v>
      </c>
      <c r="EM11" s="102">
        <v>2</v>
      </c>
      <c r="EN11" s="103">
        <v>20</v>
      </c>
      <c r="EO11" s="104">
        <v>37</v>
      </c>
      <c r="EP11" s="101">
        <v>11</v>
      </c>
      <c r="EQ11" s="102">
        <v>14</v>
      </c>
      <c r="ER11" s="103">
        <v>25</v>
      </c>
      <c r="ES11" s="413">
        <v>0</v>
      </c>
      <c r="ET11" s="102">
        <v>19</v>
      </c>
      <c r="EU11" s="102">
        <v>7</v>
      </c>
      <c r="EV11" s="102">
        <v>2</v>
      </c>
      <c r="EW11" s="102">
        <v>4</v>
      </c>
      <c r="EX11" s="102">
        <v>2</v>
      </c>
      <c r="EY11" s="103">
        <v>34</v>
      </c>
      <c r="EZ11" s="104">
        <v>59</v>
      </c>
      <c r="FA11" s="101">
        <v>10</v>
      </c>
      <c r="FB11" s="102">
        <v>17</v>
      </c>
      <c r="FC11" s="103">
        <v>27</v>
      </c>
      <c r="FD11" s="413">
        <v>0</v>
      </c>
      <c r="FE11" s="102">
        <v>16</v>
      </c>
      <c r="FF11" s="102">
        <v>6</v>
      </c>
      <c r="FG11" s="102">
        <v>9</v>
      </c>
      <c r="FH11" s="102">
        <v>7</v>
      </c>
      <c r="FI11" s="102">
        <v>7</v>
      </c>
      <c r="FJ11" s="103">
        <v>45</v>
      </c>
      <c r="FK11" s="104">
        <v>72</v>
      </c>
      <c r="FL11" s="101">
        <v>13</v>
      </c>
      <c r="FM11" s="102">
        <v>8</v>
      </c>
      <c r="FN11" s="103">
        <v>21</v>
      </c>
      <c r="FO11" s="413">
        <v>0</v>
      </c>
      <c r="FP11" s="102">
        <v>17</v>
      </c>
      <c r="FQ11" s="102">
        <v>13</v>
      </c>
      <c r="FR11" s="102">
        <v>12</v>
      </c>
      <c r="FS11" s="102">
        <v>8</v>
      </c>
      <c r="FT11" s="102">
        <v>8</v>
      </c>
      <c r="FU11" s="103">
        <v>58</v>
      </c>
      <c r="FV11" s="104">
        <v>79</v>
      </c>
      <c r="FW11" s="101">
        <v>0</v>
      </c>
      <c r="FX11" s="102">
        <v>0</v>
      </c>
      <c r="FY11" s="103">
        <v>0</v>
      </c>
      <c r="FZ11" s="413">
        <v>0</v>
      </c>
      <c r="GA11" s="102">
        <v>0</v>
      </c>
      <c r="GB11" s="102">
        <v>0</v>
      </c>
      <c r="GC11" s="102">
        <v>0</v>
      </c>
      <c r="GD11" s="102">
        <v>0</v>
      </c>
      <c r="GE11" s="102">
        <v>0</v>
      </c>
      <c r="GF11" s="103">
        <v>0</v>
      </c>
      <c r="GG11" s="104">
        <v>0</v>
      </c>
      <c r="GH11" s="101">
        <v>49</v>
      </c>
      <c r="GI11" s="102">
        <v>48</v>
      </c>
      <c r="GJ11" s="103">
        <v>97</v>
      </c>
      <c r="GK11" s="413">
        <v>0</v>
      </c>
      <c r="GL11" s="102">
        <v>66</v>
      </c>
      <c r="GM11" s="102">
        <v>32</v>
      </c>
      <c r="GN11" s="102">
        <v>26</v>
      </c>
      <c r="GO11" s="102">
        <v>23</v>
      </c>
      <c r="GP11" s="102">
        <v>21</v>
      </c>
      <c r="GQ11" s="103">
        <v>168</v>
      </c>
      <c r="GR11" s="104">
        <v>265</v>
      </c>
      <c r="GS11" s="105">
        <v>202</v>
      </c>
      <c r="GT11" s="97">
        <v>137</v>
      </c>
      <c r="GU11" s="98">
        <v>339</v>
      </c>
      <c r="GV11" s="413">
        <v>0</v>
      </c>
      <c r="GW11" s="97">
        <v>329</v>
      </c>
      <c r="GX11" s="97">
        <v>154</v>
      </c>
      <c r="GY11" s="97">
        <v>109</v>
      </c>
      <c r="GZ11" s="97">
        <v>104</v>
      </c>
      <c r="HA11" s="97">
        <v>52</v>
      </c>
      <c r="HB11" s="99">
        <v>748</v>
      </c>
      <c r="HC11" s="100">
        <v>1087</v>
      </c>
      <c r="HD11" s="101">
        <v>6</v>
      </c>
      <c r="HE11" s="102">
        <v>5</v>
      </c>
      <c r="HF11" s="103">
        <v>11</v>
      </c>
      <c r="HG11" s="413">
        <v>0</v>
      </c>
      <c r="HH11" s="102">
        <v>7</v>
      </c>
      <c r="HI11" s="102">
        <v>4</v>
      </c>
      <c r="HJ11" s="102">
        <v>6</v>
      </c>
      <c r="HK11" s="102">
        <v>1</v>
      </c>
      <c r="HL11" s="102">
        <v>1</v>
      </c>
      <c r="HM11" s="103">
        <v>19</v>
      </c>
      <c r="HN11" s="104">
        <v>30</v>
      </c>
      <c r="HO11" s="101">
        <v>12</v>
      </c>
      <c r="HP11" s="102">
        <v>11</v>
      </c>
      <c r="HQ11" s="103">
        <v>23</v>
      </c>
      <c r="HR11" s="413">
        <v>0</v>
      </c>
      <c r="HS11" s="102">
        <v>12</v>
      </c>
      <c r="HT11" s="102">
        <v>9</v>
      </c>
      <c r="HU11" s="102">
        <v>6</v>
      </c>
      <c r="HV11" s="102">
        <v>9</v>
      </c>
      <c r="HW11" s="102">
        <v>5</v>
      </c>
      <c r="HX11" s="103">
        <v>41</v>
      </c>
      <c r="HY11" s="104">
        <v>64</v>
      </c>
      <c r="HZ11" s="101">
        <v>24</v>
      </c>
      <c r="IA11" s="102">
        <v>19</v>
      </c>
      <c r="IB11" s="103">
        <v>43</v>
      </c>
      <c r="IC11" s="413">
        <v>0</v>
      </c>
      <c r="ID11" s="102">
        <v>46</v>
      </c>
      <c r="IE11" s="102">
        <v>15</v>
      </c>
      <c r="IF11" s="102">
        <v>6</v>
      </c>
      <c r="IG11" s="102">
        <v>19</v>
      </c>
      <c r="IH11" s="102">
        <v>4</v>
      </c>
      <c r="II11" s="103">
        <v>90</v>
      </c>
      <c r="IJ11" s="104">
        <v>133</v>
      </c>
      <c r="IK11" s="101">
        <v>45</v>
      </c>
      <c r="IL11" s="102">
        <v>33</v>
      </c>
      <c r="IM11" s="103">
        <v>78</v>
      </c>
      <c r="IN11" s="413">
        <v>0</v>
      </c>
      <c r="IO11" s="102">
        <v>82</v>
      </c>
      <c r="IP11" s="102">
        <v>31</v>
      </c>
      <c r="IQ11" s="102">
        <v>26</v>
      </c>
      <c r="IR11" s="102">
        <v>16</v>
      </c>
      <c r="IS11" s="102">
        <v>11</v>
      </c>
      <c r="IT11" s="103">
        <v>166</v>
      </c>
      <c r="IU11" s="104">
        <v>244</v>
      </c>
      <c r="IV11" s="101">
        <v>65</v>
      </c>
      <c r="IW11" s="102">
        <v>40</v>
      </c>
      <c r="IX11" s="103">
        <v>105</v>
      </c>
      <c r="IY11" s="413">
        <v>0</v>
      </c>
      <c r="IZ11" s="102">
        <v>86</v>
      </c>
      <c r="JA11" s="102">
        <v>46</v>
      </c>
      <c r="JB11" s="102">
        <v>26</v>
      </c>
      <c r="JC11" s="102">
        <v>29</v>
      </c>
      <c r="JD11" s="102">
        <v>17</v>
      </c>
      <c r="JE11" s="103">
        <v>204</v>
      </c>
      <c r="JF11" s="104">
        <v>309</v>
      </c>
      <c r="JG11" s="101">
        <v>50</v>
      </c>
      <c r="JH11" s="102">
        <v>29</v>
      </c>
      <c r="JI11" s="103">
        <v>79</v>
      </c>
      <c r="JJ11" s="413">
        <v>0</v>
      </c>
      <c r="JK11" s="102">
        <v>96</v>
      </c>
      <c r="JL11" s="102">
        <v>49</v>
      </c>
      <c r="JM11" s="102">
        <v>39</v>
      </c>
      <c r="JN11" s="102">
        <v>30</v>
      </c>
      <c r="JO11" s="102">
        <v>14</v>
      </c>
      <c r="JP11" s="103">
        <v>228</v>
      </c>
      <c r="JQ11" s="104">
        <v>307</v>
      </c>
      <c r="JR11" s="101">
        <v>0</v>
      </c>
      <c r="JS11" s="102">
        <v>0</v>
      </c>
      <c r="JT11" s="103">
        <v>0</v>
      </c>
      <c r="JU11" s="413">
        <v>0</v>
      </c>
      <c r="JV11" s="102">
        <v>0</v>
      </c>
      <c r="JW11" s="102">
        <v>0</v>
      </c>
      <c r="JX11" s="102">
        <v>0</v>
      </c>
      <c r="JY11" s="102">
        <v>0</v>
      </c>
      <c r="JZ11" s="102">
        <v>0</v>
      </c>
      <c r="KA11" s="103">
        <v>0</v>
      </c>
      <c r="KB11" s="104">
        <v>0</v>
      </c>
      <c r="KC11" s="101">
        <v>202</v>
      </c>
      <c r="KD11" s="102">
        <v>137</v>
      </c>
      <c r="KE11" s="103">
        <v>339</v>
      </c>
      <c r="KF11" s="413">
        <v>0</v>
      </c>
      <c r="KG11" s="102">
        <v>329</v>
      </c>
      <c r="KH11" s="102">
        <v>154</v>
      </c>
      <c r="KI11" s="102">
        <v>109</v>
      </c>
      <c r="KJ11" s="102">
        <v>104</v>
      </c>
      <c r="KK11" s="102">
        <v>52</v>
      </c>
      <c r="KL11" s="103">
        <v>748</v>
      </c>
      <c r="KM11" s="104">
        <v>1087</v>
      </c>
    </row>
    <row r="12" spans="2:299" s="70" customFormat="1" ht="21" customHeight="1" x14ac:dyDescent="0.2">
      <c r="B12" s="106" t="s">
        <v>8</v>
      </c>
      <c r="C12" s="96">
        <v>58</v>
      </c>
      <c r="D12" s="97">
        <v>35</v>
      </c>
      <c r="E12" s="98">
        <v>93</v>
      </c>
      <c r="F12" s="413">
        <v>0</v>
      </c>
      <c r="G12" s="97">
        <v>120</v>
      </c>
      <c r="H12" s="97">
        <v>78</v>
      </c>
      <c r="I12" s="97">
        <v>58</v>
      </c>
      <c r="J12" s="97">
        <v>41</v>
      </c>
      <c r="K12" s="97">
        <v>25</v>
      </c>
      <c r="L12" s="99">
        <v>322</v>
      </c>
      <c r="M12" s="100">
        <v>415</v>
      </c>
      <c r="N12" s="101">
        <v>1</v>
      </c>
      <c r="O12" s="102">
        <v>2</v>
      </c>
      <c r="P12" s="103">
        <v>3</v>
      </c>
      <c r="Q12" s="413">
        <v>0</v>
      </c>
      <c r="R12" s="102">
        <v>5</v>
      </c>
      <c r="S12" s="102">
        <v>3</v>
      </c>
      <c r="T12" s="102">
        <v>3</v>
      </c>
      <c r="U12" s="102">
        <v>0</v>
      </c>
      <c r="V12" s="102">
        <v>2</v>
      </c>
      <c r="W12" s="103">
        <v>13</v>
      </c>
      <c r="X12" s="104">
        <v>16</v>
      </c>
      <c r="Y12" s="101">
        <v>5</v>
      </c>
      <c r="Z12" s="102">
        <v>5</v>
      </c>
      <c r="AA12" s="103">
        <v>10</v>
      </c>
      <c r="AB12" s="413">
        <v>0</v>
      </c>
      <c r="AC12" s="102">
        <v>7</v>
      </c>
      <c r="AD12" s="102">
        <v>6</v>
      </c>
      <c r="AE12" s="102">
        <v>1</v>
      </c>
      <c r="AF12" s="102">
        <v>4</v>
      </c>
      <c r="AG12" s="102">
        <v>1</v>
      </c>
      <c r="AH12" s="103">
        <v>19</v>
      </c>
      <c r="AI12" s="104">
        <v>29</v>
      </c>
      <c r="AJ12" s="101">
        <v>9</v>
      </c>
      <c r="AK12" s="102">
        <v>6</v>
      </c>
      <c r="AL12" s="103">
        <v>15</v>
      </c>
      <c r="AM12" s="413">
        <v>0</v>
      </c>
      <c r="AN12" s="102">
        <v>17</v>
      </c>
      <c r="AO12" s="102">
        <v>14</v>
      </c>
      <c r="AP12" s="102">
        <v>9</v>
      </c>
      <c r="AQ12" s="102">
        <v>3</v>
      </c>
      <c r="AR12" s="102">
        <v>5</v>
      </c>
      <c r="AS12" s="103">
        <v>48</v>
      </c>
      <c r="AT12" s="104">
        <v>63</v>
      </c>
      <c r="AU12" s="101">
        <v>13</v>
      </c>
      <c r="AV12" s="102">
        <v>7</v>
      </c>
      <c r="AW12" s="103">
        <v>20</v>
      </c>
      <c r="AX12" s="413">
        <v>0</v>
      </c>
      <c r="AY12" s="102">
        <v>28</v>
      </c>
      <c r="AZ12" s="102">
        <v>12</v>
      </c>
      <c r="BA12" s="102">
        <v>6</v>
      </c>
      <c r="BB12" s="102">
        <v>8</v>
      </c>
      <c r="BC12" s="102">
        <v>4</v>
      </c>
      <c r="BD12" s="103">
        <v>58</v>
      </c>
      <c r="BE12" s="104">
        <v>78</v>
      </c>
      <c r="BF12" s="101">
        <v>14</v>
      </c>
      <c r="BG12" s="102">
        <v>10</v>
      </c>
      <c r="BH12" s="103">
        <v>24</v>
      </c>
      <c r="BI12" s="413">
        <v>0</v>
      </c>
      <c r="BJ12" s="102">
        <v>34</v>
      </c>
      <c r="BK12" s="102">
        <v>22</v>
      </c>
      <c r="BL12" s="102">
        <v>17</v>
      </c>
      <c r="BM12" s="102">
        <v>10</v>
      </c>
      <c r="BN12" s="102">
        <v>7</v>
      </c>
      <c r="BO12" s="103">
        <v>90</v>
      </c>
      <c r="BP12" s="104">
        <v>114</v>
      </c>
      <c r="BQ12" s="101">
        <v>16</v>
      </c>
      <c r="BR12" s="102">
        <v>5</v>
      </c>
      <c r="BS12" s="103">
        <v>21</v>
      </c>
      <c r="BT12" s="413">
        <v>0</v>
      </c>
      <c r="BU12" s="102">
        <v>29</v>
      </c>
      <c r="BV12" s="102">
        <v>21</v>
      </c>
      <c r="BW12" s="102">
        <v>22</v>
      </c>
      <c r="BX12" s="102">
        <v>16</v>
      </c>
      <c r="BY12" s="102">
        <v>6</v>
      </c>
      <c r="BZ12" s="103">
        <v>94</v>
      </c>
      <c r="CA12" s="104">
        <v>115</v>
      </c>
      <c r="CB12" s="101">
        <v>0</v>
      </c>
      <c r="CC12" s="102">
        <v>0</v>
      </c>
      <c r="CD12" s="103">
        <v>0</v>
      </c>
      <c r="CE12" s="413">
        <v>0</v>
      </c>
      <c r="CF12" s="102">
        <v>0</v>
      </c>
      <c r="CG12" s="102">
        <v>0</v>
      </c>
      <c r="CH12" s="102">
        <v>0</v>
      </c>
      <c r="CI12" s="102">
        <v>0</v>
      </c>
      <c r="CJ12" s="102">
        <v>0</v>
      </c>
      <c r="CK12" s="103">
        <v>0</v>
      </c>
      <c r="CL12" s="104">
        <v>0</v>
      </c>
      <c r="CM12" s="101">
        <v>58</v>
      </c>
      <c r="CN12" s="102">
        <v>35</v>
      </c>
      <c r="CO12" s="103">
        <v>93</v>
      </c>
      <c r="CP12" s="413">
        <v>0</v>
      </c>
      <c r="CQ12" s="102">
        <v>120</v>
      </c>
      <c r="CR12" s="102">
        <v>78</v>
      </c>
      <c r="CS12" s="102">
        <v>58</v>
      </c>
      <c r="CT12" s="102">
        <v>41</v>
      </c>
      <c r="CU12" s="102">
        <v>25</v>
      </c>
      <c r="CV12" s="103">
        <v>322</v>
      </c>
      <c r="CW12" s="104">
        <v>415</v>
      </c>
      <c r="CX12" s="105">
        <v>25</v>
      </c>
      <c r="CY12" s="97">
        <v>26</v>
      </c>
      <c r="CZ12" s="98">
        <v>51</v>
      </c>
      <c r="DA12" s="413">
        <v>0</v>
      </c>
      <c r="DB12" s="97">
        <v>40</v>
      </c>
      <c r="DC12" s="97">
        <v>47</v>
      </c>
      <c r="DD12" s="97">
        <v>27</v>
      </c>
      <c r="DE12" s="97">
        <v>19</v>
      </c>
      <c r="DF12" s="97">
        <v>19</v>
      </c>
      <c r="DG12" s="99">
        <v>152</v>
      </c>
      <c r="DH12" s="100">
        <v>203</v>
      </c>
      <c r="DI12" s="101">
        <v>1</v>
      </c>
      <c r="DJ12" s="102">
        <v>0</v>
      </c>
      <c r="DK12" s="103">
        <v>1</v>
      </c>
      <c r="DL12" s="413">
        <v>0</v>
      </c>
      <c r="DM12" s="102">
        <v>1</v>
      </c>
      <c r="DN12" s="102">
        <v>1</v>
      </c>
      <c r="DO12" s="102">
        <v>0</v>
      </c>
      <c r="DP12" s="102">
        <v>1</v>
      </c>
      <c r="DQ12" s="102">
        <v>0</v>
      </c>
      <c r="DR12" s="103">
        <v>3</v>
      </c>
      <c r="DS12" s="104">
        <v>4</v>
      </c>
      <c r="DT12" s="101">
        <v>1</v>
      </c>
      <c r="DU12" s="102">
        <v>1</v>
      </c>
      <c r="DV12" s="103">
        <v>2</v>
      </c>
      <c r="DW12" s="413">
        <v>0</v>
      </c>
      <c r="DX12" s="102">
        <v>1</v>
      </c>
      <c r="DY12" s="102">
        <v>3</v>
      </c>
      <c r="DZ12" s="102">
        <v>0</v>
      </c>
      <c r="EA12" s="102">
        <v>2</v>
      </c>
      <c r="EB12" s="102">
        <v>0</v>
      </c>
      <c r="EC12" s="103">
        <v>6</v>
      </c>
      <c r="ED12" s="104">
        <v>8</v>
      </c>
      <c r="EE12" s="101">
        <v>3</v>
      </c>
      <c r="EF12" s="102">
        <v>5</v>
      </c>
      <c r="EG12" s="103">
        <v>8</v>
      </c>
      <c r="EH12" s="413">
        <v>0</v>
      </c>
      <c r="EI12" s="102">
        <v>6</v>
      </c>
      <c r="EJ12" s="102">
        <v>6</v>
      </c>
      <c r="EK12" s="102">
        <v>3</v>
      </c>
      <c r="EL12" s="102">
        <v>1</v>
      </c>
      <c r="EM12" s="102">
        <v>1</v>
      </c>
      <c r="EN12" s="103">
        <v>17</v>
      </c>
      <c r="EO12" s="104">
        <v>25</v>
      </c>
      <c r="EP12" s="101">
        <v>8</v>
      </c>
      <c r="EQ12" s="102">
        <v>5</v>
      </c>
      <c r="ER12" s="103">
        <v>13</v>
      </c>
      <c r="ES12" s="413">
        <v>0</v>
      </c>
      <c r="ET12" s="102">
        <v>6</v>
      </c>
      <c r="EU12" s="102">
        <v>9</v>
      </c>
      <c r="EV12" s="102">
        <v>3</v>
      </c>
      <c r="EW12" s="102">
        <v>2</v>
      </c>
      <c r="EX12" s="102">
        <v>3</v>
      </c>
      <c r="EY12" s="103">
        <v>23</v>
      </c>
      <c r="EZ12" s="104">
        <v>36</v>
      </c>
      <c r="FA12" s="101">
        <v>9</v>
      </c>
      <c r="FB12" s="102">
        <v>5</v>
      </c>
      <c r="FC12" s="103">
        <v>14</v>
      </c>
      <c r="FD12" s="413">
        <v>0</v>
      </c>
      <c r="FE12" s="102">
        <v>14</v>
      </c>
      <c r="FF12" s="102">
        <v>12</v>
      </c>
      <c r="FG12" s="102">
        <v>9</v>
      </c>
      <c r="FH12" s="102">
        <v>5</v>
      </c>
      <c r="FI12" s="102">
        <v>7</v>
      </c>
      <c r="FJ12" s="103">
        <v>47</v>
      </c>
      <c r="FK12" s="104">
        <v>61</v>
      </c>
      <c r="FL12" s="101">
        <v>3</v>
      </c>
      <c r="FM12" s="102">
        <v>10</v>
      </c>
      <c r="FN12" s="103">
        <v>13</v>
      </c>
      <c r="FO12" s="413">
        <v>0</v>
      </c>
      <c r="FP12" s="102">
        <v>12</v>
      </c>
      <c r="FQ12" s="102">
        <v>16</v>
      </c>
      <c r="FR12" s="102">
        <v>12</v>
      </c>
      <c r="FS12" s="102">
        <v>8</v>
      </c>
      <c r="FT12" s="102">
        <v>8</v>
      </c>
      <c r="FU12" s="103">
        <v>56</v>
      </c>
      <c r="FV12" s="104">
        <v>69</v>
      </c>
      <c r="FW12" s="101">
        <v>0</v>
      </c>
      <c r="FX12" s="102">
        <v>0</v>
      </c>
      <c r="FY12" s="103">
        <v>0</v>
      </c>
      <c r="FZ12" s="413">
        <v>0</v>
      </c>
      <c r="GA12" s="102">
        <v>0</v>
      </c>
      <c r="GB12" s="102">
        <v>0</v>
      </c>
      <c r="GC12" s="102">
        <v>0</v>
      </c>
      <c r="GD12" s="102">
        <v>0</v>
      </c>
      <c r="GE12" s="102">
        <v>0</v>
      </c>
      <c r="GF12" s="103">
        <v>0</v>
      </c>
      <c r="GG12" s="104">
        <v>0</v>
      </c>
      <c r="GH12" s="101">
        <v>25</v>
      </c>
      <c r="GI12" s="102">
        <v>26</v>
      </c>
      <c r="GJ12" s="103">
        <v>51</v>
      </c>
      <c r="GK12" s="413">
        <v>0</v>
      </c>
      <c r="GL12" s="102">
        <v>40</v>
      </c>
      <c r="GM12" s="102">
        <v>47</v>
      </c>
      <c r="GN12" s="102">
        <v>27</v>
      </c>
      <c r="GO12" s="102">
        <v>19</v>
      </c>
      <c r="GP12" s="102">
        <v>19</v>
      </c>
      <c r="GQ12" s="103">
        <v>152</v>
      </c>
      <c r="GR12" s="104">
        <v>203</v>
      </c>
      <c r="GS12" s="105">
        <v>83</v>
      </c>
      <c r="GT12" s="97">
        <v>61</v>
      </c>
      <c r="GU12" s="98">
        <v>144</v>
      </c>
      <c r="GV12" s="413">
        <v>0</v>
      </c>
      <c r="GW12" s="97">
        <v>160</v>
      </c>
      <c r="GX12" s="97">
        <v>125</v>
      </c>
      <c r="GY12" s="97">
        <v>85</v>
      </c>
      <c r="GZ12" s="97">
        <v>60</v>
      </c>
      <c r="HA12" s="97">
        <v>44</v>
      </c>
      <c r="HB12" s="99">
        <v>474</v>
      </c>
      <c r="HC12" s="100">
        <v>618</v>
      </c>
      <c r="HD12" s="101">
        <v>2</v>
      </c>
      <c r="HE12" s="102">
        <v>2</v>
      </c>
      <c r="HF12" s="103">
        <v>4</v>
      </c>
      <c r="HG12" s="413">
        <v>0</v>
      </c>
      <c r="HH12" s="102">
        <v>6</v>
      </c>
      <c r="HI12" s="102">
        <v>4</v>
      </c>
      <c r="HJ12" s="102">
        <v>3</v>
      </c>
      <c r="HK12" s="102">
        <v>1</v>
      </c>
      <c r="HL12" s="102">
        <v>2</v>
      </c>
      <c r="HM12" s="103">
        <v>16</v>
      </c>
      <c r="HN12" s="104">
        <v>20</v>
      </c>
      <c r="HO12" s="101">
        <v>6</v>
      </c>
      <c r="HP12" s="102">
        <v>6</v>
      </c>
      <c r="HQ12" s="103">
        <v>12</v>
      </c>
      <c r="HR12" s="413">
        <v>0</v>
      </c>
      <c r="HS12" s="102">
        <v>8</v>
      </c>
      <c r="HT12" s="102">
        <v>9</v>
      </c>
      <c r="HU12" s="102">
        <v>1</v>
      </c>
      <c r="HV12" s="102">
        <v>6</v>
      </c>
      <c r="HW12" s="102">
        <v>1</v>
      </c>
      <c r="HX12" s="103">
        <v>25</v>
      </c>
      <c r="HY12" s="104">
        <v>37</v>
      </c>
      <c r="HZ12" s="101">
        <v>12</v>
      </c>
      <c r="IA12" s="102">
        <v>11</v>
      </c>
      <c r="IB12" s="103">
        <v>23</v>
      </c>
      <c r="IC12" s="413">
        <v>0</v>
      </c>
      <c r="ID12" s="102">
        <v>23</v>
      </c>
      <c r="IE12" s="102">
        <v>20</v>
      </c>
      <c r="IF12" s="102">
        <v>12</v>
      </c>
      <c r="IG12" s="102">
        <v>4</v>
      </c>
      <c r="IH12" s="102">
        <v>6</v>
      </c>
      <c r="II12" s="103">
        <v>65</v>
      </c>
      <c r="IJ12" s="104">
        <v>88</v>
      </c>
      <c r="IK12" s="101">
        <v>21</v>
      </c>
      <c r="IL12" s="102">
        <v>12</v>
      </c>
      <c r="IM12" s="103">
        <v>33</v>
      </c>
      <c r="IN12" s="413">
        <v>0</v>
      </c>
      <c r="IO12" s="102">
        <v>34</v>
      </c>
      <c r="IP12" s="102">
        <v>21</v>
      </c>
      <c r="IQ12" s="102">
        <v>9</v>
      </c>
      <c r="IR12" s="102">
        <v>10</v>
      </c>
      <c r="IS12" s="102">
        <v>7</v>
      </c>
      <c r="IT12" s="103">
        <v>81</v>
      </c>
      <c r="IU12" s="104">
        <v>114</v>
      </c>
      <c r="IV12" s="101">
        <v>23</v>
      </c>
      <c r="IW12" s="102">
        <v>15</v>
      </c>
      <c r="IX12" s="103">
        <v>38</v>
      </c>
      <c r="IY12" s="413">
        <v>0</v>
      </c>
      <c r="IZ12" s="102">
        <v>48</v>
      </c>
      <c r="JA12" s="102">
        <v>34</v>
      </c>
      <c r="JB12" s="102">
        <v>26</v>
      </c>
      <c r="JC12" s="102">
        <v>15</v>
      </c>
      <c r="JD12" s="102">
        <v>14</v>
      </c>
      <c r="JE12" s="103">
        <v>137</v>
      </c>
      <c r="JF12" s="104">
        <v>175</v>
      </c>
      <c r="JG12" s="101">
        <v>19</v>
      </c>
      <c r="JH12" s="102">
        <v>15</v>
      </c>
      <c r="JI12" s="103">
        <v>34</v>
      </c>
      <c r="JJ12" s="413">
        <v>0</v>
      </c>
      <c r="JK12" s="102">
        <v>41</v>
      </c>
      <c r="JL12" s="102">
        <v>37</v>
      </c>
      <c r="JM12" s="102">
        <v>34</v>
      </c>
      <c r="JN12" s="102">
        <v>24</v>
      </c>
      <c r="JO12" s="102">
        <v>14</v>
      </c>
      <c r="JP12" s="103">
        <v>150</v>
      </c>
      <c r="JQ12" s="104">
        <v>184</v>
      </c>
      <c r="JR12" s="101">
        <v>0</v>
      </c>
      <c r="JS12" s="102">
        <v>0</v>
      </c>
      <c r="JT12" s="103">
        <v>0</v>
      </c>
      <c r="JU12" s="413">
        <v>0</v>
      </c>
      <c r="JV12" s="102">
        <v>0</v>
      </c>
      <c r="JW12" s="102">
        <v>0</v>
      </c>
      <c r="JX12" s="102">
        <v>0</v>
      </c>
      <c r="JY12" s="102">
        <v>0</v>
      </c>
      <c r="JZ12" s="102">
        <v>0</v>
      </c>
      <c r="KA12" s="103">
        <v>0</v>
      </c>
      <c r="KB12" s="104">
        <v>0</v>
      </c>
      <c r="KC12" s="101">
        <v>83</v>
      </c>
      <c r="KD12" s="102">
        <v>61</v>
      </c>
      <c r="KE12" s="103">
        <v>144</v>
      </c>
      <c r="KF12" s="413">
        <v>0</v>
      </c>
      <c r="KG12" s="102">
        <v>160</v>
      </c>
      <c r="KH12" s="102">
        <v>125</v>
      </c>
      <c r="KI12" s="102">
        <v>85</v>
      </c>
      <c r="KJ12" s="102">
        <v>60</v>
      </c>
      <c r="KK12" s="102">
        <v>44</v>
      </c>
      <c r="KL12" s="103">
        <v>474</v>
      </c>
      <c r="KM12" s="104">
        <v>618</v>
      </c>
    </row>
    <row r="13" spans="2:299" s="70" customFormat="1" ht="21" customHeight="1" x14ac:dyDescent="0.2">
      <c r="B13" s="106" t="s">
        <v>9</v>
      </c>
      <c r="C13" s="96">
        <v>203</v>
      </c>
      <c r="D13" s="97">
        <v>107</v>
      </c>
      <c r="E13" s="98">
        <v>310</v>
      </c>
      <c r="F13" s="413">
        <v>0</v>
      </c>
      <c r="G13" s="97">
        <v>226</v>
      </c>
      <c r="H13" s="97">
        <v>160</v>
      </c>
      <c r="I13" s="97">
        <v>116</v>
      </c>
      <c r="J13" s="97">
        <v>82</v>
      </c>
      <c r="K13" s="97">
        <v>56</v>
      </c>
      <c r="L13" s="99">
        <v>640</v>
      </c>
      <c r="M13" s="100">
        <v>950</v>
      </c>
      <c r="N13" s="101">
        <v>3</v>
      </c>
      <c r="O13" s="102">
        <v>5</v>
      </c>
      <c r="P13" s="103">
        <v>8</v>
      </c>
      <c r="Q13" s="413">
        <v>0</v>
      </c>
      <c r="R13" s="102">
        <v>1</v>
      </c>
      <c r="S13" s="102">
        <v>5</v>
      </c>
      <c r="T13" s="102">
        <v>3</v>
      </c>
      <c r="U13" s="102">
        <v>1</v>
      </c>
      <c r="V13" s="102">
        <v>3</v>
      </c>
      <c r="W13" s="103">
        <v>13</v>
      </c>
      <c r="X13" s="104">
        <v>21</v>
      </c>
      <c r="Y13" s="101">
        <v>4</v>
      </c>
      <c r="Z13" s="102">
        <v>7</v>
      </c>
      <c r="AA13" s="103">
        <v>11</v>
      </c>
      <c r="AB13" s="413">
        <v>0</v>
      </c>
      <c r="AC13" s="102">
        <v>8</v>
      </c>
      <c r="AD13" s="102">
        <v>8</v>
      </c>
      <c r="AE13" s="102">
        <v>1</v>
      </c>
      <c r="AF13" s="102">
        <v>3</v>
      </c>
      <c r="AG13" s="102">
        <v>4</v>
      </c>
      <c r="AH13" s="103">
        <v>24</v>
      </c>
      <c r="AI13" s="104">
        <v>35</v>
      </c>
      <c r="AJ13" s="101">
        <v>21</v>
      </c>
      <c r="AK13" s="102">
        <v>12</v>
      </c>
      <c r="AL13" s="103">
        <v>33</v>
      </c>
      <c r="AM13" s="413">
        <v>0</v>
      </c>
      <c r="AN13" s="102">
        <v>14</v>
      </c>
      <c r="AO13" s="102">
        <v>8</v>
      </c>
      <c r="AP13" s="102">
        <v>14</v>
      </c>
      <c r="AQ13" s="102">
        <v>5</v>
      </c>
      <c r="AR13" s="102">
        <v>3</v>
      </c>
      <c r="AS13" s="103">
        <v>44</v>
      </c>
      <c r="AT13" s="104">
        <v>77</v>
      </c>
      <c r="AU13" s="101">
        <v>39</v>
      </c>
      <c r="AV13" s="102">
        <v>25</v>
      </c>
      <c r="AW13" s="103">
        <v>64</v>
      </c>
      <c r="AX13" s="413">
        <v>0</v>
      </c>
      <c r="AY13" s="102">
        <v>44</v>
      </c>
      <c r="AZ13" s="102">
        <v>26</v>
      </c>
      <c r="BA13" s="102">
        <v>21</v>
      </c>
      <c r="BB13" s="102">
        <v>12</v>
      </c>
      <c r="BC13" s="102">
        <v>5</v>
      </c>
      <c r="BD13" s="103">
        <v>108</v>
      </c>
      <c r="BE13" s="104">
        <v>172</v>
      </c>
      <c r="BF13" s="101">
        <v>79</v>
      </c>
      <c r="BG13" s="102">
        <v>36</v>
      </c>
      <c r="BH13" s="103">
        <v>115</v>
      </c>
      <c r="BI13" s="413">
        <v>0</v>
      </c>
      <c r="BJ13" s="102">
        <v>85</v>
      </c>
      <c r="BK13" s="102">
        <v>35</v>
      </c>
      <c r="BL13" s="102">
        <v>33</v>
      </c>
      <c r="BM13" s="102">
        <v>19</v>
      </c>
      <c r="BN13" s="102">
        <v>19</v>
      </c>
      <c r="BO13" s="103">
        <v>191</v>
      </c>
      <c r="BP13" s="104">
        <v>306</v>
      </c>
      <c r="BQ13" s="101">
        <v>57</v>
      </c>
      <c r="BR13" s="102">
        <v>22</v>
      </c>
      <c r="BS13" s="103">
        <v>79</v>
      </c>
      <c r="BT13" s="413">
        <v>0</v>
      </c>
      <c r="BU13" s="102">
        <v>74</v>
      </c>
      <c r="BV13" s="102">
        <v>78</v>
      </c>
      <c r="BW13" s="102">
        <v>44</v>
      </c>
      <c r="BX13" s="102">
        <v>42</v>
      </c>
      <c r="BY13" s="102">
        <v>22</v>
      </c>
      <c r="BZ13" s="103">
        <v>260</v>
      </c>
      <c r="CA13" s="104">
        <v>339</v>
      </c>
      <c r="CB13" s="101">
        <v>0</v>
      </c>
      <c r="CC13" s="102">
        <v>0</v>
      </c>
      <c r="CD13" s="103">
        <v>0</v>
      </c>
      <c r="CE13" s="413">
        <v>0</v>
      </c>
      <c r="CF13" s="102">
        <v>0</v>
      </c>
      <c r="CG13" s="102">
        <v>0</v>
      </c>
      <c r="CH13" s="102">
        <v>0</v>
      </c>
      <c r="CI13" s="102">
        <v>0</v>
      </c>
      <c r="CJ13" s="102">
        <v>0</v>
      </c>
      <c r="CK13" s="103">
        <v>0</v>
      </c>
      <c r="CL13" s="104">
        <v>0</v>
      </c>
      <c r="CM13" s="101">
        <v>203</v>
      </c>
      <c r="CN13" s="102">
        <v>107</v>
      </c>
      <c r="CO13" s="103">
        <v>310</v>
      </c>
      <c r="CP13" s="413">
        <v>0</v>
      </c>
      <c r="CQ13" s="102">
        <v>226</v>
      </c>
      <c r="CR13" s="102">
        <v>160</v>
      </c>
      <c r="CS13" s="102">
        <v>116</v>
      </c>
      <c r="CT13" s="102">
        <v>82</v>
      </c>
      <c r="CU13" s="102">
        <v>56</v>
      </c>
      <c r="CV13" s="103">
        <v>640</v>
      </c>
      <c r="CW13" s="104">
        <v>950</v>
      </c>
      <c r="CX13" s="105">
        <v>73</v>
      </c>
      <c r="CY13" s="97">
        <v>51</v>
      </c>
      <c r="CZ13" s="98">
        <v>124</v>
      </c>
      <c r="DA13" s="413">
        <v>0</v>
      </c>
      <c r="DB13" s="97">
        <v>75</v>
      </c>
      <c r="DC13" s="97">
        <v>58</v>
      </c>
      <c r="DD13" s="97">
        <v>35</v>
      </c>
      <c r="DE13" s="97">
        <v>46</v>
      </c>
      <c r="DF13" s="97">
        <v>22</v>
      </c>
      <c r="DG13" s="99">
        <v>236</v>
      </c>
      <c r="DH13" s="100">
        <v>360</v>
      </c>
      <c r="DI13" s="101">
        <v>0</v>
      </c>
      <c r="DJ13" s="102">
        <v>0</v>
      </c>
      <c r="DK13" s="103">
        <v>0</v>
      </c>
      <c r="DL13" s="413">
        <v>0</v>
      </c>
      <c r="DM13" s="102">
        <v>0</v>
      </c>
      <c r="DN13" s="102">
        <v>0</v>
      </c>
      <c r="DO13" s="102">
        <v>0</v>
      </c>
      <c r="DP13" s="102">
        <v>1</v>
      </c>
      <c r="DQ13" s="102">
        <v>1</v>
      </c>
      <c r="DR13" s="103">
        <v>2</v>
      </c>
      <c r="DS13" s="104">
        <v>2</v>
      </c>
      <c r="DT13" s="101">
        <v>3</v>
      </c>
      <c r="DU13" s="102">
        <v>6</v>
      </c>
      <c r="DV13" s="103">
        <v>9</v>
      </c>
      <c r="DW13" s="413">
        <v>0</v>
      </c>
      <c r="DX13" s="102">
        <v>3</v>
      </c>
      <c r="DY13" s="102">
        <v>0</v>
      </c>
      <c r="DZ13" s="102">
        <v>0</v>
      </c>
      <c r="EA13" s="102">
        <v>1</v>
      </c>
      <c r="EB13" s="102">
        <v>1</v>
      </c>
      <c r="EC13" s="103">
        <v>5</v>
      </c>
      <c r="ED13" s="104">
        <v>14</v>
      </c>
      <c r="EE13" s="101">
        <v>10</v>
      </c>
      <c r="EF13" s="102">
        <v>6</v>
      </c>
      <c r="EG13" s="103">
        <v>16</v>
      </c>
      <c r="EH13" s="413">
        <v>0</v>
      </c>
      <c r="EI13" s="102">
        <v>7</v>
      </c>
      <c r="EJ13" s="102">
        <v>8</v>
      </c>
      <c r="EK13" s="102">
        <v>2</v>
      </c>
      <c r="EL13" s="102">
        <v>3</v>
      </c>
      <c r="EM13" s="102">
        <v>0</v>
      </c>
      <c r="EN13" s="103">
        <v>20</v>
      </c>
      <c r="EO13" s="104">
        <v>36</v>
      </c>
      <c r="EP13" s="101">
        <v>26</v>
      </c>
      <c r="EQ13" s="102">
        <v>15</v>
      </c>
      <c r="ER13" s="103">
        <v>41</v>
      </c>
      <c r="ES13" s="413">
        <v>0</v>
      </c>
      <c r="ET13" s="102">
        <v>19</v>
      </c>
      <c r="EU13" s="102">
        <v>7</v>
      </c>
      <c r="EV13" s="102">
        <v>6</v>
      </c>
      <c r="EW13" s="102">
        <v>6</v>
      </c>
      <c r="EX13" s="102">
        <v>2</v>
      </c>
      <c r="EY13" s="103">
        <v>40</v>
      </c>
      <c r="EZ13" s="104">
        <v>81</v>
      </c>
      <c r="FA13" s="101">
        <v>19</v>
      </c>
      <c r="FB13" s="102">
        <v>11</v>
      </c>
      <c r="FC13" s="103">
        <v>30</v>
      </c>
      <c r="FD13" s="413">
        <v>0</v>
      </c>
      <c r="FE13" s="102">
        <v>24</v>
      </c>
      <c r="FF13" s="102">
        <v>15</v>
      </c>
      <c r="FG13" s="102">
        <v>9</v>
      </c>
      <c r="FH13" s="102">
        <v>6</v>
      </c>
      <c r="FI13" s="102">
        <v>5</v>
      </c>
      <c r="FJ13" s="103">
        <v>59</v>
      </c>
      <c r="FK13" s="104">
        <v>89</v>
      </c>
      <c r="FL13" s="101">
        <v>15</v>
      </c>
      <c r="FM13" s="102">
        <v>13</v>
      </c>
      <c r="FN13" s="103">
        <v>28</v>
      </c>
      <c r="FO13" s="413">
        <v>0</v>
      </c>
      <c r="FP13" s="102">
        <v>22</v>
      </c>
      <c r="FQ13" s="102">
        <v>28</v>
      </c>
      <c r="FR13" s="102">
        <v>18</v>
      </c>
      <c r="FS13" s="102">
        <v>29</v>
      </c>
      <c r="FT13" s="102">
        <v>13</v>
      </c>
      <c r="FU13" s="103">
        <v>110</v>
      </c>
      <c r="FV13" s="104">
        <v>138</v>
      </c>
      <c r="FW13" s="101">
        <v>0</v>
      </c>
      <c r="FX13" s="102">
        <v>0</v>
      </c>
      <c r="FY13" s="103">
        <v>0</v>
      </c>
      <c r="FZ13" s="413">
        <v>0</v>
      </c>
      <c r="GA13" s="102">
        <v>0</v>
      </c>
      <c r="GB13" s="102">
        <v>0</v>
      </c>
      <c r="GC13" s="102">
        <v>0</v>
      </c>
      <c r="GD13" s="102">
        <v>0</v>
      </c>
      <c r="GE13" s="102">
        <v>0</v>
      </c>
      <c r="GF13" s="103">
        <v>0</v>
      </c>
      <c r="GG13" s="104">
        <v>0</v>
      </c>
      <c r="GH13" s="101">
        <v>73</v>
      </c>
      <c r="GI13" s="102">
        <v>51</v>
      </c>
      <c r="GJ13" s="103">
        <v>124</v>
      </c>
      <c r="GK13" s="413">
        <v>0</v>
      </c>
      <c r="GL13" s="102">
        <v>75</v>
      </c>
      <c r="GM13" s="102">
        <v>58</v>
      </c>
      <c r="GN13" s="102">
        <v>35</v>
      </c>
      <c r="GO13" s="102">
        <v>46</v>
      </c>
      <c r="GP13" s="102">
        <v>22</v>
      </c>
      <c r="GQ13" s="103">
        <v>236</v>
      </c>
      <c r="GR13" s="104">
        <v>360</v>
      </c>
      <c r="GS13" s="105">
        <v>276</v>
      </c>
      <c r="GT13" s="97">
        <v>158</v>
      </c>
      <c r="GU13" s="98">
        <v>434</v>
      </c>
      <c r="GV13" s="413">
        <v>0</v>
      </c>
      <c r="GW13" s="97">
        <v>301</v>
      </c>
      <c r="GX13" s="97">
        <v>218</v>
      </c>
      <c r="GY13" s="97">
        <v>151</v>
      </c>
      <c r="GZ13" s="97">
        <v>128</v>
      </c>
      <c r="HA13" s="97">
        <v>78</v>
      </c>
      <c r="HB13" s="99">
        <v>876</v>
      </c>
      <c r="HC13" s="100">
        <v>1310</v>
      </c>
      <c r="HD13" s="101">
        <v>3</v>
      </c>
      <c r="HE13" s="102">
        <v>5</v>
      </c>
      <c r="HF13" s="103">
        <v>8</v>
      </c>
      <c r="HG13" s="413">
        <v>0</v>
      </c>
      <c r="HH13" s="102">
        <v>1</v>
      </c>
      <c r="HI13" s="102">
        <v>5</v>
      </c>
      <c r="HJ13" s="102">
        <v>3</v>
      </c>
      <c r="HK13" s="102">
        <v>2</v>
      </c>
      <c r="HL13" s="102">
        <v>4</v>
      </c>
      <c r="HM13" s="103">
        <v>15</v>
      </c>
      <c r="HN13" s="104">
        <v>23</v>
      </c>
      <c r="HO13" s="101">
        <v>7</v>
      </c>
      <c r="HP13" s="102">
        <v>13</v>
      </c>
      <c r="HQ13" s="103">
        <v>20</v>
      </c>
      <c r="HR13" s="413">
        <v>0</v>
      </c>
      <c r="HS13" s="102">
        <v>11</v>
      </c>
      <c r="HT13" s="102">
        <v>8</v>
      </c>
      <c r="HU13" s="102">
        <v>1</v>
      </c>
      <c r="HV13" s="102">
        <v>4</v>
      </c>
      <c r="HW13" s="102">
        <v>5</v>
      </c>
      <c r="HX13" s="103">
        <v>29</v>
      </c>
      <c r="HY13" s="104">
        <v>49</v>
      </c>
      <c r="HZ13" s="101">
        <v>31</v>
      </c>
      <c r="IA13" s="102">
        <v>18</v>
      </c>
      <c r="IB13" s="103">
        <v>49</v>
      </c>
      <c r="IC13" s="413">
        <v>0</v>
      </c>
      <c r="ID13" s="102">
        <v>21</v>
      </c>
      <c r="IE13" s="102">
        <v>16</v>
      </c>
      <c r="IF13" s="102">
        <v>16</v>
      </c>
      <c r="IG13" s="102">
        <v>8</v>
      </c>
      <c r="IH13" s="102">
        <v>3</v>
      </c>
      <c r="II13" s="103">
        <v>64</v>
      </c>
      <c r="IJ13" s="104">
        <v>113</v>
      </c>
      <c r="IK13" s="101">
        <v>65</v>
      </c>
      <c r="IL13" s="102">
        <v>40</v>
      </c>
      <c r="IM13" s="103">
        <v>105</v>
      </c>
      <c r="IN13" s="413">
        <v>0</v>
      </c>
      <c r="IO13" s="102">
        <v>63</v>
      </c>
      <c r="IP13" s="102">
        <v>33</v>
      </c>
      <c r="IQ13" s="102">
        <v>27</v>
      </c>
      <c r="IR13" s="102">
        <v>18</v>
      </c>
      <c r="IS13" s="102">
        <v>7</v>
      </c>
      <c r="IT13" s="103">
        <v>148</v>
      </c>
      <c r="IU13" s="104">
        <v>253</v>
      </c>
      <c r="IV13" s="101">
        <v>98</v>
      </c>
      <c r="IW13" s="102">
        <v>47</v>
      </c>
      <c r="IX13" s="103">
        <v>145</v>
      </c>
      <c r="IY13" s="413">
        <v>0</v>
      </c>
      <c r="IZ13" s="102">
        <v>109</v>
      </c>
      <c r="JA13" s="102">
        <v>50</v>
      </c>
      <c r="JB13" s="102">
        <v>42</v>
      </c>
      <c r="JC13" s="102">
        <v>25</v>
      </c>
      <c r="JD13" s="102">
        <v>24</v>
      </c>
      <c r="JE13" s="103">
        <v>250</v>
      </c>
      <c r="JF13" s="104">
        <v>395</v>
      </c>
      <c r="JG13" s="101">
        <v>72</v>
      </c>
      <c r="JH13" s="102">
        <v>35</v>
      </c>
      <c r="JI13" s="103">
        <v>107</v>
      </c>
      <c r="JJ13" s="413">
        <v>0</v>
      </c>
      <c r="JK13" s="102">
        <v>96</v>
      </c>
      <c r="JL13" s="102">
        <v>106</v>
      </c>
      <c r="JM13" s="102">
        <v>62</v>
      </c>
      <c r="JN13" s="102">
        <v>71</v>
      </c>
      <c r="JO13" s="102">
        <v>35</v>
      </c>
      <c r="JP13" s="103">
        <v>370</v>
      </c>
      <c r="JQ13" s="104">
        <v>477</v>
      </c>
      <c r="JR13" s="101">
        <v>0</v>
      </c>
      <c r="JS13" s="102">
        <v>0</v>
      </c>
      <c r="JT13" s="103">
        <v>0</v>
      </c>
      <c r="JU13" s="413">
        <v>0</v>
      </c>
      <c r="JV13" s="102">
        <v>0</v>
      </c>
      <c r="JW13" s="102">
        <v>0</v>
      </c>
      <c r="JX13" s="102">
        <v>0</v>
      </c>
      <c r="JY13" s="102">
        <v>0</v>
      </c>
      <c r="JZ13" s="102">
        <v>0</v>
      </c>
      <c r="KA13" s="103">
        <v>0</v>
      </c>
      <c r="KB13" s="104">
        <v>0</v>
      </c>
      <c r="KC13" s="101">
        <v>276</v>
      </c>
      <c r="KD13" s="102">
        <v>158</v>
      </c>
      <c r="KE13" s="103">
        <v>434</v>
      </c>
      <c r="KF13" s="413">
        <v>0</v>
      </c>
      <c r="KG13" s="102">
        <v>301</v>
      </c>
      <c r="KH13" s="102">
        <v>218</v>
      </c>
      <c r="KI13" s="102">
        <v>151</v>
      </c>
      <c r="KJ13" s="102">
        <v>128</v>
      </c>
      <c r="KK13" s="102">
        <v>78</v>
      </c>
      <c r="KL13" s="103">
        <v>876</v>
      </c>
      <c r="KM13" s="104">
        <v>1310</v>
      </c>
    </row>
    <row r="14" spans="2:299" s="70" customFormat="1" ht="21" customHeight="1" x14ac:dyDescent="0.2">
      <c r="B14" s="106" t="s">
        <v>10</v>
      </c>
      <c r="C14" s="96">
        <v>293</v>
      </c>
      <c r="D14" s="97">
        <v>193</v>
      </c>
      <c r="E14" s="98">
        <v>486</v>
      </c>
      <c r="F14" s="413">
        <v>0</v>
      </c>
      <c r="G14" s="97">
        <v>275</v>
      </c>
      <c r="H14" s="97">
        <v>147</v>
      </c>
      <c r="I14" s="97">
        <v>123</v>
      </c>
      <c r="J14" s="97">
        <v>87</v>
      </c>
      <c r="K14" s="97">
        <v>78</v>
      </c>
      <c r="L14" s="99">
        <v>710</v>
      </c>
      <c r="M14" s="100">
        <v>1196</v>
      </c>
      <c r="N14" s="101">
        <v>12</v>
      </c>
      <c r="O14" s="102">
        <v>10</v>
      </c>
      <c r="P14" s="103">
        <v>22</v>
      </c>
      <c r="Q14" s="413">
        <v>0</v>
      </c>
      <c r="R14" s="102">
        <v>6</v>
      </c>
      <c r="S14" s="102">
        <v>7</v>
      </c>
      <c r="T14" s="102">
        <v>6</v>
      </c>
      <c r="U14" s="102">
        <v>3</v>
      </c>
      <c r="V14" s="102">
        <v>1</v>
      </c>
      <c r="W14" s="103">
        <v>23</v>
      </c>
      <c r="X14" s="104">
        <v>45</v>
      </c>
      <c r="Y14" s="101">
        <v>14</v>
      </c>
      <c r="Z14" s="102">
        <v>11</v>
      </c>
      <c r="AA14" s="103">
        <v>25</v>
      </c>
      <c r="AB14" s="413">
        <v>0</v>
      </c>
      <c r="AC14" s="102">
        <v>18</v>
      </c>
      <c r="AD14" s="102">
        <v>14</v>
      </c>
      <c r="AE14" s="102">
        <v>13</v>
      </c>
      <c r="AF14" s="102">
        <v>6</v>
      </c>
      <c r="AG14" s="102">
        <v>8</v>
      </c>
      <c r="AH14" s="103">
        <v>59</v>
      </c>
      <c r="AI14" s="104">
        <v>84</v>
      </c>
      <c r="AJ14" s="101">
        <v>21</v>
      </c>
      <c r="AK14" s="102">
        <v>29</v>
      </c>
      <c r="AL14" s="103">
        <v>50</v>
      </c>
      <c r="AM14" s="413">
        <v>0</v>
      </c>
      <c r="AN14" s="102">
        <v>41</v>
      </c>
      <c r="AO14" s="102">
        <v>18</v>
      </c>
      <c r="AP14" s="102">
        <v>11</v>
      </c>
      <c r="AQ14" s="102">
        <v>4</v>
      </c>
      <c r="AR14" s="102">
        <v>14</v>
      </c>
      <c r="AS14" s="103">
        <v>88</v>
      </c>
      <c r="AT14" s="104">
        <v>138</v>
      </c>
      <c r="AU14" s="101">
        <v>69</v>
      </c>
      <c r="AV14" s="102">
        <v>39</v>
      </c>
      <c r="AW14" s="103">
        <v>108</v>
      </c>
      <c r="AX14" s="413">
        <v>0</v>
      </c>
      <c r="AY14" s="102">
        <v>69</v>
      </c>
      <c r="AZ14" s="102">
        <v>23</v>
      </c>
      <c r="BA14" s="102">
        <v>22</v>
      </c>
      <c r="BB14" s="102">
        <v>17</v>
      </c>
      <c r="BC14" s="102">
        <v>20</v>
      </c>
      <c r="BD14" s="103">
        <v>151</v>
      </c>
      <c r="BE14" s="104">
        <v>259</v>
      </c>
      <c r="BF14" s="101">
        <v>94</v>
      </c>
      <c r="BG14" s="102">
        <v>46</v>
      </c>
      <c r="BH14" s="103">
        <v>140</v>
      </c>
      <c r="BI14" s="413">
        <v>0</v>
      </c>
      <c r="BJ14" s="102">
        <v>66</v>
      </c>
      <c r="BK14" s="102">
        <v>41</v>
      </c>
      <c r="BL14" s="102">
        <v>27</v>
      </c>
      <c r="BM14" s="102">
        <v>17</v>
      </c>
      <c r="BN14" s="102">
        <v>18</v>
      </c>
      <c r="BO14" s="103">
        <v>169</v>
      </c>
      <c r="BP14" s="104">
        <v>309</v>
      </c>
      <c r="BQ14" s="101">
        <v>83</v>
      </c>
      <c r="BR14" s="102">
        <v>58</v>
      </c>
      <c r="BS14" s="103">
        <v>141</v>
      </c>
      <c r="BT14" s="413">
        <v>0</v>
      </c>
      <c r="BU14" s="102">
        <v>75</v>
      </c>
      <c r="BV14" s="102">
        <v>44</v>
      </c>
      <c r="BW14" s="102">
        <v>44</v>
      </c>
      <c r="BX14" s="102">
        <v>40</v>
      </c>
      <c r="BY14" s="102">
        <v>17</v>
      </c>
      <c r="BZ14" s="103">
        <v>220</v>
      </c>
      <c r="CA14" s="104">
        <v>361</v>
      </c>
      <c r="CB14" s="101">
        <v>0</v>
      </c>
      <c r="CC14" s="102">
        <v>0</v>
      </c>
      <c r="CD14" s="103">
        <v>0</v>
      </c>
      <c r="CE14" s="413">
        <v>0</v>
      </c>
      <c r="CF14" s="102">
        <v>0</v>
      </c>
      <c r="CG14" s="102">
        <v>0</v>
      </c>
      <c r="CH14" s="102">
        <v>0</v>
      </c>
      <c r="CI14" s="102">
        <v>0</v>
      </c>
      <c r="CJ14" s="102">
        <v>0</v>
      </c>
      <c r="CK14" s="103">
        <v>0</v>
      </c>
      <c r="CL14" s="104">
        <v>0</v>
      </c>
      <c r="CM14" s="101">
        <v>293</v>
      </c>
      <c r="CN14" s="102">
        <v>193</v>
      </c>
      <c r="CO14" s="103">
        <v>486</v>
      </c>
      <c r="CP14" s="413">
        <v>0</v>
      </c>
      <c r="CQ14" s="102">
        <v>275</v>
      </c>
      <c r="CR14" s="102">
        <v>147</v>
      </c>
      <c r="CS14" s="102">
        <v>123</v>
      </c>
      <c r="CT14" s="102">
        <v>87</v>
      </c>
      <c r="CU14" s="102">
        <v>78</v>
      </c>
      <c r="CV14" s="103">
        <v>710</v>
      </c>
      <c r="CW14" s="104">
        <v>1196</v>
      </c>
      <c r="CX14" s="105">
        <v>108</v>
      </c>
      <c r="CY14" s="97">
        <v>71</v>
      </c>
      <c r="CZ14" s="98">
        <v>179</v>
      </c>
      <c r="DA14" s="413">
        <v>0</v>
      </c>
      <c r="DB14" s="97">
        <v>122</v>
      </c>
      <c r="DC14" s="97">
        <v>50</v>
      </c>
      <c r="DD14" s="97">
        <v>42</v>
      </c>
      <c r="DE14" s="97">
        <v>60</v>
      </c>
      <c r="DF14" s="97">
        <v>36</v>
      </c>
      <c r="DG14" s="99">
        <v>310</v>
      </c>
      <c r="DH14" s="100">
        <v>489</v>
      </c>
      <c r="DI14" s="101">
        <v>5</v>
      </c>
      <c r="DJ14" s="102">
        <v>3</v>
      </c>
      <c r="DK14" s="103">
        <v>8</v>
      </c>
      <c r="DL14" s="413">
        <v>0</v>
      </c>
      <c r="DM14" s="102">
        <v>2</v>
      </c>
      <c r="DN14" s="102">
        <v>0</v>
      </c>
      <c r="DO14" s="102">
        <v>0</v>
      </c>
      <c r="DP14" s="102">
        <v>1</v>
      </c>
      <c r="DQ14" s="102">
        <v>0</v>
      </c>
      <c r="DR14" s="103">
        <v>3</v>
      </c>
      <c r="DS14" s="104">
        <v>11</v>
      </c>
      <c r="DT14" s="101">
        <v>7</v>
      </c>
      <c r="DU14" s="102">
        <v>4</v>
      </c>
      <c r="DV14" s="103">
        <v>11</v>
      </c>
      <c r="DW14" s="413">
        <v>0</v>
      </c>
      <c r="DX14" s="102">
        <v>6</v>
      </c>
      <c r="DY14" s="102">
        <v>4</v>
      </c>
      <c r="DZ14" s="102">
        <v>1</v>
      </c>
      <c r="EA14" s="102">
        <v>0</v>
      </c>
      <c r="EB14" s="102">
        <v>1</v>
      </c>
      <c r="EC14" s="103">
        <v>12</v>
      </c>
      <c r="ED14" s="104">
        <v>23</v>
      </c>
      <c r="EE14" s="101">
        <v>11</v>
      </c>
      <c r="EF14" s="102">
        <v>11</v>
      </c>
      <c r="EG14" s="103">
        <v>22</v>
      </c>
      <c r="EH14" s="413">
        <v>0</v>
      </c>
      <c r="EI14" s="102">
        <v>14</v>
      </c>
      <c r="EJ14" s="102">
        <v>1</v>
      </c>
      <c r="EK14" s="102">
        <v>2</v>
      </c>
      <c r="EL14" s="102">
        <v>3</v>
      </c>
      <c r="EM14" s="102">
        <v>1</v>
      </c>
      <c r="EN14" s="103">
        <v>21</v>
      </c>
      <c r="EO14" s="104">
        <v>43</v>
      </c>
      <c r="EP14" s="101">
        <v>31</v>
      </c>
      <c r="EQ14" s="102">
        <v>17</v>
      </c>
      <c r="ER14" s="103">
        <v>48</v>
      </c>
      <c r="ES14" s="413">
        <v>0</v>
      </c>
      <c r="ET14" s="102">
        <v>23</v>
      </c>
      <c r="EU14" s="102">
        <v>10</v>
      </c>
      <c r="EV14" s="102">
        <v>5</v>
      </c>
      <c r="EW14" s="102">
        <v>7</v>
      </c>
      <c r="EX14" s="102">
        <v>7</v>
      </c>
      <c r="EY14" s="103">
        <v>52</v>
      </c>
      <c r="EZ14" s="104">
        <v>100</v>
      </c>
      <c r="FA14" s="101">
        <v>31</v>
      </c>
      <c r="FB14" s="102">
        <v>21</v>
      </c>
      <c r="FC14" s="103">
        <v>52</v>
      </c>
      <c r="FD14" s="413">
        <v>0</v>
      </c>
      <c r="FE14" s="102">
        <v>31</v>
      </c>
      <c r="FF14" s="102">
        <v>13</v>
      </c>
      <c r="FG14" s="102">
        <v>11</v>
      </c>
      <c r="FH14" s="102">
        <v>13</v>
      </c>
      <c r="FI14" s="102">
        <v>8</v>
      </c>
      <c r="FJ14" s="103">
        <v>76</v>
      </c>
      <c r="FK14" s="104">
        <v>128</v>
      </c>
      <c r="FL14" s="101">
        <v>23</v>
      </c>
      <c r="FM14" s="102">
        <v>15</v>
      </c>
      <c r="FN14" s="103">
        <v>38</v>
      </c>
      <c r="FO14" s="413">
        <v>0</v>
      </c>
      <c r="FP14" s="102">
        <v>46</v>
      </c>
      <c r="FQ14" s="102">
        <v>22</v>
      </c>
      <c r="FR14" s="102">
        <v>23</v>
      </c>
      <c r="FS14" s="102">
        <v>36</v>
      </c>
      <c r="FT14" s="102">
        <v>19</v>
      </c>
      <c r="FU14" s="103">
        <v>146</v>
      </c>
      <c r="FV14" s="104">
        <v>184</v>
      </c>
      <c r="FW14" s="101">
        <v>0</v>
      </c>
      <c r="FX14" s="102">
        <v>0</v>
      </c>
      <c r="FY14" s="103">
        <v>0</v>
      </c>
      <c r="FZ14" s="413">
        <v>0</v>
      </c>
      <c r="GA14" s="102">
        <v>0</v>
      </c>
      <c r="GB14" s="102">
        <v>0</v>
      </c>
      <c r="GC14" s="102">
        <v>0</v>
      </c>
      <c r="GD14" s="102">
        <v>0</v>
      </c>
      <c r="GE14" s="102">
        <v>0</v>
      </c>
      <c r="GF14" s="103">
        <v>0</v>
      </c>
      <c r="GG14" s="104">
        <v>0</v>
      </c>
      <c r="GH14" s="101">
        <v>108</v>
      </c>
      <c r="GI14" s="102">
        <v>71</v>
      </c>
      <c r="GJ14" s="103">
        <v>179</v>
      </c>
      <c r="GK14" s="413">
        <v>0</v>
      </c>
      <c r="GL14" s="102">
        <v>122</v>
      </c>
      <c r="GM14" s="102">
        <v>50</v>
      </c>
      <c r="GN14" s="102">
        <v>42</v>
      </c>
      <c r="GO14" s="102">
        <v>60</v>
      </c>
      <c r="GP14" s="102">
        <v>36</v>
      </c>
      <c r="GQ14" s="103">
        <v>310</v>
      </c>
      <c r="GR14" s="104">
        <v>489</v>
      </c>
      <c r="GS14" s="105">
        <v>401</v>
      </c>
      <c r="GT14" s="97">
        <v>264</v>
      </c>
      <c r="GU14" s="98">
        <v>665</v>
      </c>
      <c r="GV14" s="413">
        <v>0</v>
      </c>
      <c r="GW14" s="97">
        <v>397</v>
      </c>
      <c r="GX14" s="97">
        <v>197</v>
      </c>
      <c r="GY14" s="97">
        <v>165</v>
      </c>
      <c r="GZ14" s="97">
        <v>147</v>
      </c>
      <c r="HA14" s="97">
        <v>114</v>
      </c>
      <c r="HB14" s="99">
        <v>1020</v>
      </c>
      <c r="HC14" s="100">
        <v>1685</v>
      </c>
      <c r="HD14" s="101">
        <v>17</v>
      </c>
      <c r="HE14" s="102">
        <v>13</v>
      </c>
      <c r="HF14" s="103">
        <v>30</v>
      </c>
      <c r="HG14" s="413">
        <v>0</v>
      </c>
      <c r="HH14" s="102">
        <v>8</v>
      </c>
      <c r="HI14" s="102">
        <v>7</v>
      </c>
      <c r="HJ14" s="102">
        <v>6</v>
      </c>
      <c r="HK14" s="102">
        <v>4</v>
      </c>
      <c r="HL14" s="102">
        <v>1</v>
      </c>
      <c r="HM14" s="103">
        <v>26</v>
      </c>
      <c r="HN14" s="104">
        <v>56</v>
      </c>
      <c r="HO14" s="101">
        <v>21</v>
      </c>
      <c r="HP14" s="102">
        <v>15</v>
      </c>
      <c r="HQ14" s="103">
        <v>36</v>
      </c>
      <c r="HR14" s="413">
        <v>0</v>
      </c>
      <c r="HS14" s="102">
        <v>24</v>
      </c>
      <c r="HT14" s="102">
        <v>18</v>
      </c>
      <c r="HU14" s="102">
        <v>14</v>
      </c>
      <c r="HV14" s="102">
        <v>6</v>
      </c>
      <c r="HW14" s="102">
        <v>9</v>
      </c>
      <c r="HX14" s="103">
        <v>71</v>
      </c>
      <c r="HY14" s="104">
        <v>107</v>
      </c>
      <c r="HZ14" s="101">
        <v>32</v>
      </c>
      <c r="IA14" s="102">
        <v>40</v>
      </c>
      <c r="IB14" s="103">
        <v>72</v>
      </c>
      <c r="IC14" s="413">
        <v>0</v>
      </c>
      <c r="ID14" s="102">
        <v>55</v>
      </c>
      <c r="IE14" s="102">
        <v>19</v>
      </c>
      <c r="IF14" s="102">
        <v>13</v>
      </c>
      <c r="IG14" s="102">
        <v>7</v>
      </c>
      <c r="IH14" s="102">
        <v>15</v>
      </c>
      <c r="II14" s="103">
        <v>109</v>
      </c>
      <c r="IJ14" s="104">
        <v>181</v>
      </c>
      <c r="IK14" s="101">
        <v>100</v>
      </c>
      <c r="IL14" s="102">
        <v>56</v>
      </c>
      <c r="IM14" s="103">
        <v>156</v>
      </c>
      <c r="IN14" s="413">
        <v>0</v>
      </c>
      <c r="IO14" s="102">
        <v>92</v>
      </c>
      <c r="IP14" s="102">
        <v>33</v>
      </c>
      <c r="IQ14" s="102">
        <v>27</v>
      </c>
      <c r="IR14" s="102">
        <v>24</v>
      </c>
      <c r="IS14" s="102">
        <v>27</v>
      </c>
      <c r="IT14" s="103">
        <v>203</v>
      </c>
      <c r="IU14" s="104">
        <v>359</v>
      </c>
      <c r="IV14" s="101">
        <v>125</v>
      </c>
      <c r="IW14" s="102">
        <v>67</v>
      </c>
      <c r="IX14" s="103">
        <v>192</v>
      </c>
      <c r="IY14" s="413">
        <v>0</v>
      </c>
      <c r="IZ14" s="102">
        <v>97</v>
      </c>
      <c r="JA14" s="102">
        <v>54</v>
      </c>
      <c r="JB14" s="102">
        <v>38</v>
      </c>
      <c r="JC14" s="102">
        <v>30</v>
      </c>
      <c r="JD14" s="102">
        <v>26</v>
      </c>
      <c r="JE14" s="103">
        <v>245</v>
      </c>
      <c r="JF14" s="104">
        <v>437</v>
      </c>
      <c r="JG14" s="101">
        <v>106</v>
      </c>
      <c r="JH14" s="102">
        <v>73</v>
      </c>
      <c r="JI14" s="103">
        <v>179</v>
      </c>
      <c r="JJ14" s="413">
        <v>0</v>
      </c>
      <c r="JK14" s="102">
        <v>121</v>
      </c>
      <c r="JL14" s="102">
        <v>66</v>
      </c>
      <c r="JM14" s="102">
        <v>67</v>
      </c>
      <c r="JN14" s="102">
        <v>76</v>
      </c>
      <c r="JO14" s="102">
        <v>36</v>
      </c>
      <c r="JP14" s="103">
        <v>366</v>
      </c>
      <c r="JQ14" s="104">
        <v>545</v>
      </c>
      <c r="JR14" s="101">
        <v>0</v>
      </c>
      <c r="JS14" s="102">
        <v>0</v>
      </c>
      <c r="JT14" s="103">
        <v>0</v>
      </c>
      <c r="JU14" s="413">
        <v>0</v>
      </c>
      <c r="JV14" s="102">
        <v>0</v>
      </c>
      <c r="JW14" s="102">
        <v>0</v>
      </c>
      <c r="JX14" s="102">
        <v>0</v>
      </c>
      <c r="JY14" s="102">
        <v>0</v>
      </c>
      <c r="JZ14" s="102">
        <v>0</v>
      </c>
      <c r="KA14" s="103">
        <v>0</v>
      </c>
      <c r="KB14" s="104">
        <v>0</v>
      </c>
      <c r="KC14" s="101">
        <v>401</v>
      </c>
      <c r="KD14" s="102">
        <v>264</v>
      </c>
      <c r="KE14" s="103">
        <v>665</v>
      </c>
      <c r="KF14" s="413">
        <v>0</v>
      </c>
      <c r="KG14" s="102">
        <v>397</v>
      </c>
      <c r="KH14" s="102">
        <v>197</v>
      </c>
      <c r="KI14" s="102">
        <v>165</v>
      </c>
      <c r="KJ14" s="102">
        <v>147</v>
      </c>
      <c r="KK14" s="102">
        <v>114</v>
      </c>
      <c r="KL14" s="103">
        <v>1020</v>
      </c>
      <c r="KM14" s="104">
        <v>1685</v>
      </c>
    </row>
    <row r="15" spans="2:299" s="70" customFormat="1" ht="21" customHeight="1" x14ac:dyDescent="0.2">
      <c r="B15" s="106" t="s">
        <v>11</v>
      </c>
      <c r="C15" s="96">
        <v>55</v>
      </c>
      <c r="D15" s="97">
        <v>35</v>
      </c>
      <c r="E15" s="98">
        <v>90</v>
      </c>
      <c r="F15" s="413">
        <v>0</v>
      </c>
      <c r="G15" s="97">
        <v>97</v>
      </c>
      <c r="H15" s="97">
        <v>67</v>
      </c>
      <c r="I15" s="97">
        <v>39</v>
      </c>
      <c r="J15" s="97">
        <v>28</v>
      </c>
      <c r="K15" s="97">
        <v>23</v>
      </c>
      <c r="L15" s="99">
        <v>254</v>
      </c>
      <c r="M15" s="100">
        <v>344</v>
      </c>
      <c r="N15" s="101">
        <v>1</v>
      </c>
      <c r="O15" s="102">
        <v>1</v>
      </c>
      <c r="P15" s="103">
        <v>2</v>
      </c>
      <c r="Q15" s="413">
        <v>0</v>
      </c>
      <c r="R15" s="102">
        <v>3</v>
      </c>
      <c r="S15" s="102">
        <v>6</v>
      </c>
      <c r="T15" s="102">
        <v>2</v>
      </c>
      <c r="U15" s="102">
        <v>1</v>
      </c>
      <c r="V15" s="102">
        <v>1</v>
      </c>
      <c r="W15" s="103">
        <v>13</v>
      </c>
      <c r="X15" s="104">
        <v>15</v>
      </c>
      <c r="Y15" s="101">
        <v>4</v>
      </c>
      <c r="Z15" s="102">
        <v>2</v>
      </c>
      <c r="AA15" s="103">
        <v>6</v>
      </c>
      <c r="AB15" s="413">
        <v>0</v>
      </c>
      <c r="AC15" s="102">
        <v>9</v>
      </c>
      <c r="AD15" s="102">
        <v>1</v>
      </c>
      <c r="AE15" s="102">
        <v>1</v>
      </c>
      <c r="AF15" s="102">
        <v>2</v>
      </c>
      <c r="AG15" s="102">
        <v>0</v>
      </c>
      <c r="AH15" s="103">
        <v>13</v>
      </c>
      <c r="AI15" s="104">
        <v>19</v>
      </c>
      <c r="AJ15" s="101">
        <v>6</v>
      </c>
      <c r="AK15" s="102">
        <v>4</v>
      </c>
      <c r="AL15" s="103">
        <v>10</v>
      </c>
      <c r="AM15" s="413">
        <v>0</v>
      </c>
      <c r="AN15" s="102">
        <v>17</v>
      </c>
      <c r="AO15" s="102">
        <v>3</v>
      </c>
      <c r="AP15" s="102">
        <v>6</v>
      </c>
      <c r="AQ15" s="102">
        <v>2</v>
      </c>
      <c r="AR15" s="102">
        <v>4</v>
      </c>
      <c r="AS15" s="103">
        <v>32</v>
      </c>
      <c r="AT15" s="104">
        <v>42</v>
      </c>
      <c r="AU15" s="101">
        <v>12</v>
      </c>
      <c r="AV15" s="102">
        <v>10</v>
      </c>
      <c r="AW15" s="103">
        <v>22</v>
      </c>
      <c r="AX15" s="413">
        <v>0</v>
      </c>
      <c r="AY15" s="102">
        <v>23</v>
      </c>
      <c r="AZ15" s="102">
        <v>16</v>
      </c>
      <c r="BA15" s="102">
        <v>9</v>
      </c>
      <c r="BB15" s="102">
        <v>10</v>
      </c>
      <c r="BC15" s="102">
        <v>7</v>
      </c>
      <c r="BD15" s="103">
        <v>65</v>
      </c>
      <c r="BE15" s="104">
        <v>87</v>
      </c>
      <c r="BF15" s="101">
        <v>20</v>
      </c>
      <c r="BG15" s="102">
        <v>9</v>
      </c>
      <c r="BH15" s="103">
        <v>29</v>
      </c>
      <c r="BI15" s="413">
        <v>0</v>
      </c>
      <c r="BJ15" s="102">
        <v>23</v>
      </c>
      <c r="BK15" s="102">
        <v>21</v>
      </c>
      <c r="BL15" s="102">
        <v>12</v>
      </c>
      <c r="BM15" s="102">
        <v>9</v>
      </c>
      <c r="BN15" s="102">
        <v>3</v>
      </c>
      <c r="BO15" s="103">
        <v>68</v>
      </c>
      <c r="BP15" s="104">
        <v>97</v>
      </c>
      <c r="BQ15" s="101">
        <v>12</v>
      </c>
      <c r="BR15" s="102">
        <v>9</v>
      </c>
      <c r="BS15" s="103">
        <v>21</v>
      </c>
      <c r="BT15" s="413">
        <v>0</v>
      </c>
      <c r="BU15" s="102">
        <v>22</v>
      </c>
      <c r="BV15" s="102">
        <v>20</v>
      </c>
      <c r="BW15" s="102">
        <v>9</v>
      </c>
      <c r="BX15" s="102">
        <v>4</v>
      </c>
      <c r="BY15" s="102">
        <v>8</v>
      </c>
      <c r="BZ15" s="103">
        <v>63</v>
      </c>
      <c r="CA15" s="104">
        <v>84</v>
      </c>
      <c r="CB15" s="101">
        <v>0</v>
      </c>
      <c r="CC15" s="102">
        <v>0</v>
      </c>
      <c r="CD15" s="103">
        <v>0</v>
      </c>
      <c r="CE15" s="413">
        <v>0</v>
      </c>
      <c r="CF15" s="102">
        <v>0</v>
      </c>
      <c r="CG15" s="102">
        <v>0</v>
      </c>
      <c r="CH15" s="102">
        <v>0</v>
      </c>
      <c r="CI15" s="102">
        <v>0</v>
      </c>
      <c r="CJ15" s="102">
        <v>0</v>
      </c>
      <c r="CK15" s="103">
        <v>0</v>
      </c>
      <c r="CL15" s="104">
        <v>0</v>
      </c>
      <c r="CM15" s="101">
        <v>55</v>
      </c>
      <c r="CN15" s="102">
        <v>35</v>
      </c>
      <c r="CO15" s="103">
        <v>90</v>
      </c>
      <c r="CP15" s="413">
        <v>0</v>
      </c>
      <c r="CQ15" s="102">
        <v>97</v>
      </c>
      <c r="CR15" s="102">
        <v>67</v>
      </c>
      <c r="CS15" s="102">
        <v>39</v>
      </c>
      <c r="CT15" s="102">
        <v>28</v>
      </c>
      <c r="CU15" s="102">
        <v>23</v>
      </c>
      <c r="CV15" s="103">
        <v>254</v>
      </c>
      <c r="CW15" s="104">
        <v>344</v>
      </c>
      <c r="CX15" s="105">
        <v>28</v>
      </c>
      <c r="CY15" s="97">
        <v>23</v>
      </c>
      <c r="CZ15" s="98">
        <v>51</v>
      </c>
      <c r="DA15" s="413">
        <v>0</v>
      </c>
      <c r="DB15" s="97">
        <v>39</v>
      </c>
      <c r="DC15" s="97">
        <v>27</v>
      </c>
      <c r="DD15" s="97">
        <v>18</v>
      </c>
      <c r="DE15" s="97">
        <v>31</v>
      </c>
      <c r="DF15" s="97">
        <v>11</v>
      </c>
      <c r="DG15" s="99">
        <v>126</v>
      </c>
      <c r="DH15" s="100">
        <v>177</v>
      </c>
      <c r="DI15" s="101">
        <v>0</v>
      </c>
      <c r="DJ15" s="102">
        <v>2</v>
      </c>
      <c r="DK15" s="103">
        <v>2</v>
      </c>
      <c r="DL15" s="413">
        <v>0</v>
      </c>
      <c r="DM15" s="102">
        <v>1</v>
      </c>
      <c r="DN15" s="102">
        <v>1</v>
      </c>
      <c r="DO15" s="102">
        <v>1</v>
      </c>
      <c r="DP15" s="102">
        <v>0</v>
      </c>
      <c r="DQ15" s="102">
        <v>0</v>
      </c>
      <c r="DR15" s="103">
        <v>3</v>
      </c>
      <c r="DS15" s="104">
        <v>5</v>
      </c>
      <c r="DT15" s="101">
        <v>2</v>
      </c>
      <c r="DU15" s="102">
        <v>1</v>
      </c>
      <c r="DV15" s="103">
        <v>3</v>
      </c>
      <c r="DW15" s="413">
        <v>0</v>
      </c>
      <c r="DX15" s="102">
        <v>2</v>
      </c>
      <c r="DY15" s="102">
        <v>3</v>
      </c>
      <c r="DZ15" s="102">
        <v>1</v>
      </c>
      <c r="EA15" s="102">
        <v>1</v>
      </c>
      <c r="EB15" s="102">
        <v>1</v>
      </c>
      <c r="EC15" s="103">
        <v>8</v>
      </c>
      <c r="ED15" s="104">
        <v>11</v>
      </c>
      <c r="EE15" s="101">
        <v>3</v>
      </c>
      <c r="EF15" s="102">
        <v>2</v>
      </c>
      <c r="EG15" s="103">
        <v>5</v>
      </c>
      <c r="EH15" s="413">
        <v>0</v>
      </c>
      <c r="EI15" s="102">
        <v>3</v>
      </c>
      <c r="EJ15" s="102">
        <v>3</v>
      </c>
      <c r="EK15" s="102">
        <v>0</v>
      </c>
      <c r="EL15" s="102">
        <v>1</v>
      </c>
      <c r="EM15" s="102">
        <v>1</v>
      </c>
      <c r="EN15" s="103">
        <v>8</v>
      </c>
      <c r="EO15" s="104">
        <v>13</v>
      </c>
      <c r="EP15" s="101">
        <v>7</v>
      </c>
      <c r="EQ15" s="102">
        <v>3</v>
      </c>
      <c r="ER15" s="103">
        <v>10</v>
      </c>
      <c r="ES15" s="413">
        <v>0</v>
      </c>
      <c r="ET15" s="102">
        <v>6</v>
      </c>
      <c r="EU15" s="102">
        <v>3</v>
      </c>
      <c r="EV15" s="102">
        <v>2</v>
      </c>
      <c r="EW15" s="102">
        <v>5</v>
      </c>
      <c r="EX15" s="102">
        <v>1</v>
      </c>
      <c r="EY15" s="103">
        <v>17</v>
      </c>
      <c r="EZ15" s="104">
        <v>27</v>
      </c>
      <c r="FA15" s="101">
        <v>11</v>
      </c>
      <c r="FB15" s="102">
        <v>6</v>
      </c>
      <c r="FC15" s="103">
        <v>17</v>
      </c>
      <c r="FD15" s="413">
        <v>0</v>
      </c>
      <c r="FE15" s="102">
        <v>15</v>
      </c>
      <c r="FF15" s="102">
        <v>8</v>
      </c>
      <c r="FG15" s="102">
        <v>4</v>
      </c>
      <c r="FH15" s="102">
        <v>5</v>
      </c>
      <c r="FI15" s="102">
        <v>2</v>
      </c>
      <c r="FJ15" s="103">
        <v>34</v>
      </c>
      <c r="FK15" s="104">
        <v>51</v>
      </c>
      <c r="FL15" s="101">
        <v>5</v>
      </c>
      <c r="FM15" s="102">
        <v>9</v>
      </c>
      <c r="FN15" s="103">
        <v>14</v>
      </c>
      <c r="FO15" s="413">
        <v>0</v>
      </c>
      <c r="FP15" s="102">
        <v>12</v>
      </c>
      <c r="FQ15" s="102">
        <v>9</v>
      </c>
      <c r="FR15" s="102">
        <v>10</v>
      </c>
      <c r="FS15" s="102">
        <v>19</v>
      </c>
      <c r="FT15" s="102">
        <v>6</v>
      </c>
      <c r="FU15" s="103">
        <v>56</v>
      </c>
      <c r="FV15" s="104">
        <v>70</v>
      </c>
      <c r="FW15" s="101">
        <v>0</v>
      </c>
      <c r="FX15" s="102">
        <v>0</v>
      </c>
      <c r="FY15" s="103">
        <v>0</v>
      </c>
      <c r="FZ15" s="413">
        <v>0</v>
      </c>
      <c r="GA15" s="102">
        <v>0</v>
      </c>
      <c r="GB15" s="102">
        <v>0</v>
      </c>
      <c r="GC15" s="102">
        <v>0</v>
      </c>
      <c r="GD15" s="102">
        <v>0</v>
      </c>
      <c r="GE15" s="102">
        <v>0</v>
      </c>
      <c r="GF15" s="103">
        <v>0</v>
      </c>
      <c r="GG15" s="104">
        <v>0</v>
      </c>
      <c r="GH15" s="101">
        <v>28</v>
      </c>
      <c r="GI15" s="102">
        <v>23</v>
      </c>
      <c r="GJ15" s="103">
        <v>51</v>
      </c>
      <c r="GK15" s="413">
        <v>0</v>
      </c>
      <c r="GL15" s="102">
        <v>39</v>
      </c>
      <c r="GM15" s="102">
        <v>27</v>
      </c>
      <c r="GN15" s="102">
        <v>18</v>
      </c>
      <c r="GO15" s="102">
        <v>31</v>
      </c>
      <c r="GP15" s="102">
        <v>11</v>
      </c>
      <c r="GQ15" s="103">
        <v>126</v>
      </c>
      <c r="GR15" s="104">
        <v>177</v>
      </c>
      <c r="GS15" s="105">
        <v>83</v>
      </c>
      <c r="GT15" s="97">
        <v>58</v>
      </c>
      <c r="GU15" s="98">
        <v>141</v>
      </c>
      <c r="GV15" s="413">
        <v>0</v>
      </c>
      <c r="GW15" s="97">
        <v>136</v>
      </c>
      <c r="GX15" s="97">
        <v>94</v>
      </c>
      <c r="GY15" s="97">
        <v>57</v>
      </c>
      <c r="GZ15" s="97">
        <v>59</v>
      </c>
      <c r="HA15" s="97">
        <v>34</v>
      </c>
      <c r="HB15" s="99">
        <v>380</v>
      </c>
      <c r="HC15" s="100">
        <v>521</v>
      </c>
      <c r="HD15" s="101">
        <v>1</v>
      </c>
      <c r="HE15" s="102">
        <v>3</v>
      </c>
      <c r="HF15" s="103">
        <v>4</v>
      </c>
      <c r="HG15" s="413">
        <v>0</v>
      </c>
      <c r="HH15" s="102">
        <v>4</v>
      </c>
      <c r="HI15" s="102">
        <v>7</v>
      </c>
      <c r="HJ15" s="102">
        <v>3</v>
      </c>
      <c r="HK15" s="102">
        <v>1</v>
      </c>
      <c r="HL15" s="102">
        <v>1</v>
      </c>
      <c r="HM15" s="103">
        <v>16</v>
      </c>
      <c r="HN15" s="104">
        <v>20</v>
      </c>
      <c r="HO15" s="101">
        <v>6</v>
      </c>
      <c r="HP15" s="102">
        <v>3</v>
      </c>
      <c r="HQ15" s="103">
        <v>9</v>
      </c>
      <c r="HR15" s="413">
        <v>0</v>
      </c>
      <c r="HS15" s="102">
        <v>11</v>
      </c>
      <c r="HT15" s="102">
        <v>4</v>
      </c>
      <c r="HU15" s="102">
        <v>2</v>
      </c>
      <c r="HV15" s="102">
        <v>3</v>
      </c>
      <c r="HW15" s="102">
        <v>1</v>
      </c>
      <c r="HX15" s="103">
        <v>21</v>
      </c>
      <c r="HY15" s="104">
        <v>30</v>
      </c>
      <c r="HZ15" s="101">
        <v>9</v>
      </c>
      <c r="IA15" s="102">
        <v>6</v>
      </c>
      <c r="IB15" s="103">
        <v>15</v>
      </c>
      <c r="IC15" s="413">
        <v>0</v>
      </c>
      <c r="ID15" s="102">
        <v>20</v>
      </c>
      <c r="IE15" s="102">
        <v>6</v>
      </c>
      <c r="IF15" s="102">
        <v>6</v>
      </c>
      <c r="IG15" s="102">
        <v>3</v>
      </c>
      <c r="IH15" s="102">
        <v>5</v>
      </c>
      <c r="II15" s="103">
        <v>40</v>
      </c>
      <c r="IJ15" s="104">
        <v>55</v>
      </c>
      <c r="IK15" s="101">
        <v>19</v>
      </c>
      <c r="IL15" s="102">
        <v>13</v>
      </c>
      <c r="IM15" s="103">
        <v>32</v>
      </c>
      <c r="IN15" s="413">
        <v>0</v>
      </c>
      <c r="IO15" s="102">
        <v>29</v>
      </c>
      <c r="IP15" s="102">
        <v>19</v>
      </c>
      <c r="IQ15" s="102">
        <v>11</v>
      </c>
      <c r="IR15" s="102">
        <v>15</v>
      </c>
      <c r="IS15" s="102">
        <v>8</v>
      </c>
      <c r="IT15" s="103">
        <v>82</v>
      </c>
      <c r="IU15" s="104">
        <v>114</v>
      </c>
      <c r="IV15" s="101">
        <v>31</v>
      </c>
      <c r="IW15" s="102">
        <v>15</v>
      </c>
      <c r="IX15" s="103">
        <v>46</v>
      </c>
      <c r="IY15" s="413">
        <v>0</v>
      </c>
      <c r="IZ15" s="102">
        <v>38</v>
      </c>
      <c r="JA15" s="102">
        <v>29</v>
      </c>
      <c r="JB15" s="102">
        <v>16</v>
      </c>
      <c r="JC15" s="102">
        <v>14</v>
      </c>
      <c r="JD15" s="102">
        <v>5</v>
      </c>
      <c r="JE15" s="103">
        <v>102</v>
      </c>
      <c r="JF15" s="104">
        <v>148</v>
      </c>
      <c r="JG15" s="101">
        <v>17</v>
      </c>
      <c r="JH15" s="102">
        <v>18</v>
      </c>
      <c r="JI15" s="103">
        <v>35</v>
      </c>
      <c r="JJ15" s="413">
        <v>0</v>
      </c>
      <c r="JK15" s="102">
        <v>34</v>
      </c>
      <c r="JL15" s="102">
        <v>29</v>
      </c>
      <c r="JM15" s="102">
        <v>19</v>
      </c>
      <c r="JN15" s="102">
        <v>23</v>
      </c>
      <c r="JO15" s="102">
        <v>14</v>
      </c>
      <c r="JP15" s="103">
        <v>119</v>
      </c>
      <c r="JQ15" s="104">
        <v>154</v>
      </c>
      <c r="JR15" s="101">
        <v>0</v>
      </c>
      <c r="JS15" s="102">
        <v>0</v>
      </c>
      <c r="JT15" s="103">
        <v>0</v>
      </c>
      <c r="JU15" s="413">
        <v>0</v>
      </c>
      <c r="JV15" s="102">
        <v>0</v>
      </c>
      <c r="JW15" s="102">
        <v>0</v>
      </c>
      <c r="JX15" s="102">
        <v>0</v>
      </c>
      <c r="JY15" s="102">
        <v>0</v>
      </c>
      <c r="JZ15" s="102">
        <v>0</v>
      </c>
      <c r="KA15" s="103">
        <v>0</v>
      </c>
      <c r="KB15" s="104">
        <v>0</v>
      </c>
      <c r="KC15" s="101">
        <v>83</v>
      </c>
      <c r="KD15" s="102">
        <v>58</v>
      </c>
      <c r="KE15" s="103">
        <v>141</v>
      </c>
      <c r="KF15" s="413">
        <v>0</v>
      </c>
      <c r="KG15" s="102">
        <v>136</v>
      </c>
      <c r="KH15" s="102">
        <v>94</v>
      </c>
      <c r="KI15" s="102">
        <v>57</v>
      </c>
      <c r="KJ15" s="102">
        <v>59</v>
      </c>
      <c r="KK15" s="102">
        <v>34</v>
      </c>
      <c r="KL15" s="103">
        <v>380</v>
      </c>
      <c r="KM15" s="104">
        <v>521</v>
      </c>
    </row>
    <row r="16" spans="2:299" s="70" customFormat="1" ht="21" customHeight="1" x14ac:dyDescent="0.2">
      <c r="B16" s="106" t="s">
        <v>12</v>
      </c>
      <c r="C16" s="96">
        <v>116</v>
      </c>
      <c r="D16" s="97">
        <v>124</v>
      </c>
      <c r="E16" s="98">
        <v>240</v>
      </c>
      <c r="F16" s="413">
        <v>0</v>
      </c>
      <c r="G16" s="97">
        <v>119</v>
      </c>
      <c r="H16" s="97">
        <v>98</v>
      </c>
      <c r="I16" s="97">
        <v>59</v>
      </c>
      <c r="J16" s="97">
        <v>65</v>
      </c>
      <c r="K16" s="97">
        <v>28</v>
      </c>
      <c r="L16" s="99">
        <v>369</v>
      </c>
      <c r="M16" s="100">
        <v>609</v>
      </c>
      <c r="N16" s="107">
        <v>4</v>
      </c>
      <c r="O16" s="102">
        <v>5</v>
      </c>
      <c r="P16" s="103">
        <v>9</v>
      </c>
      <c r="Q16" s="413">
        <v>0</v>
      </c>
      <c r="R16" s="102">
        <v>1</v>
      </c>
      <c r="S16" s="102">
        <v>0</v>
      </c>
      <c r="T16" s="102">
        <v>3</v>
      </c>
      <c r="U16" s="102">
        <v>0</v>
      </c>
      <c r="V16" s="102">
        <v>1</v>
      </c>
      <c r="W16" s="103">
        <v>5</v>
      </c>
      <c r="X16" s="104">
        <v>14</v>
      </c>
      <c r="Y16" s="101">
        <v>5</v>
      </c>
      <c r="Z16" s="102">
        <v>11</v>
      </c>
      <c r="AA16" s="103">
        <v>16</v>
      </c>
      <c r="AB16" s="413">
        <v>0</v>
      </c>
      <c r="AC16" s="102">
        <v>6</v>
      </c>
      <c r="AD16" s="102">
        <v>4</v>
      </c>
      <c r="AE16" s="102">
        <v>6</v>
      </c>
      <c r="AF16" s="102">
        <v>4</v>
      </c>
      <c r="AG16" s="102">
        <v>1</v>
      </c>
      <c r="AH16" s="103">
        <v>21</v>
      </c>
      <c r="AI16" s="104">
        <v>37</v>
      </c>
      <c r="AJ16" s="107">
        <v>8</v>
      </c>
      <c r="AK16" s="102">
        <v>12</v>
      </c>
      <c r="AL16" s="103">
        <v>20</v>
      </c>
      <c r="AM16" s="413">
        <v>0</v>
      </c>
      <c r="AN16" s="102">
        <v>13</v>
      </c>
      <c r="AO16" s="102">
        <v>13</v>
      </c>
      <c r="AP16" s="102">
        <v>6</v>
      </c>
      <c r="AQ16" s="102">
        <v>9</v>
      </c>
      <c r="AR16" s="102">
        <v>2</v>
      </c>
      <c r="AS16" s="103">
        <v>43</v>
      </c>
      <c r="AT16" s="104">
        <v>63</v>
      </c>
      <c r="AU16" s="101">
        <v>28</v>
      </c>
      <c r="AV16" s="102">
        <v>30</v>
      </c>
      <c r="AW16" s="103">
        <v>58</v>
      </c>
      <c r="AX16" s="413">
        <v>0</v>
      </c>
      <c r="AY16" s="102">
        <v>24</v>
      </c>
      <c r="AZ16" s="102">
        <v>27</v>
      </c>
      <c r="BA16" s="102">
        <v>9</v>
      </c>
      <c r="BB16" s="102">
        <v>12</v>
      </c>
      <c r="BC16" s="102">
        <v>11</v>
      </c>
      <c r="BD16" s="103">
        <v>83</v>
      </c>
      <c r="BE16" s="104">
        <v>141</v>
      </c>
      <c r="BF16" s="107">
        <v>40</v>
      </c>
      <c r="BG16" s="102">
        <v>32</v>
      </c>
      <c r="BH16" s="103">
        <v>72</v>
      </c>
      <c r="BI16" s="413">
        <v>0</v>
      </c>
      <c r="BJ16" s="102">
        <v>37</v>
      </c>
      <c r="BK16" s="102">
        <v>27</v>
      </c>
      <c r="BL16" s="102">
        <v>16</v>
      </c>
      <c r="BM16" s="102">
        <v>20</v>
      </c>
      <c r="BN16" s="102">
        <v>8</v>
      </c>
      <c r="BO16" s="103">
        <v>108</v>
      </c>
      <c r="BP16" s="104">
        <v>180</v>
      </c>
      <c r="BQ16" s="101">
        <v>31</v>
      </c>
      <c r="BR16" s="102">
        <v>34</v>
      </c>
      <c r="BS16" s="103">
        <v>65</v>
      </c>
      <c r="BT16" s="413">
        <v>0</v>
      </c>
      <c r="BU16" s="102">
        <v>38</v>
      </c>
      <c r="BV16" s="102">
        <v>27</v>
      </c>
      <c r="BW16" s="102">
        <v>19</v>
      </c>
      <c r="BX16" s="102">
        <v>20</v>
      </c>
      <c r="BY16" s="102">
        <v>5</v>
      </c>
      <c r="BZ16" s="103">
        <v>109</v>
      </c>
      <c r="CA16" s="104">
        <v>174</v>
      </c>
      <c r="CB16" s="101">
        <v>0</v>
      </c>
      <c r="CC16" s="102">
        <v>0</v>
      </c>
      <c r="CD16" s="103">
        <v>0</v>
      </c>
      <c r="CE16" s="413">
        <v>0</v>
      </c>
      <c r="CF16" s="102">
        <v>0</v>
      </c>
      <c r="CG16" s="102">
        <v>0</v>
      </c>
      <c r="CH16" s="102">
        <v>0</v>
      </c>
      <c r="CI16" s="102">
        <v>0</v>
      </c>
      <c r="CJ16" s="102">
        <v>0</v>
      </c>
      <c r="CK16" s="103">
        <v>0</v>
      </c>
      <c r="CL16" s="104">
        <v>0</v>
      </c>
      <c r="CM16" s="101">
        <v>116</v>
      </c>
      <c r="CN16" s="102">
        <v>124</v>
      </c>
      <c r="CO16" s="103">
        <v>240</v>
      </c>
      <c r="CP16" s="413">
        <v>0</v>
      </c>
      <c r="CQ16" s="102">
        <v>119</v>
      </c>
      <c r="CR16" s="102">
        <v>98</v>
      </c>
      <c r="CS16" s="102">
        <v>59</v>
      </c>
      <c r="CT16" s="102">
        <v>65</v>
      </c>
      <c r="CU16" s="102">
        <v>28</v>
      </c>
      <c r="CV16" s="103">
        <v>369</v>
      </c>
      <c r="CW16" s="104">
        <v>609</v>
      </c>
      <c r="CX16" s="105">
        <v>40</v>
      </c>
      <c r="CY16" s="97">
        <v>39</v>
      </c>
      <c r="CZ16" s="98">
        <v>79</v>
      </c>
      <c r="DA16" s="413">
        <v>0</v>
      </c>
      <c r="DB16" s="97">
        <v>37</v>
      </c>
      <c r="DC16" s="97">
        <v>32</v>
      </c>
      <c r="DD16" s="97">
        <v>20</v>
      </c>
      <c r="DE16" s="97">
        <v>30</v>
      </c>
      <c r="DF16" s="97">
        <v>14</v>
      </c>
      <c r="DG16" s="99">
        <v>133</v>
      </c>
      <c r="DH16" s="100">
        <v>212</v>
      </c>
      <c r="DI16" s="107">
        <v>0</v>
      </c>
      <c r="DJ16" s="102">
        <v>0</v>
      </c>
      <c r="DK16" s="103">
        <v>0</v>
      </c>
      <c r="DL16" s="413">
        <v>0</v>
      </c>
      <c r="DM16" s="102">
        <v>0</v>
      </c>
      <c r="DN16" s="102">
        <v>0</v>
      </c>
      <c r="DO16" s="102">
        <v>1</v>
      </c>
      <c r="DP16" s="102">
        <v>0</v>
      </c>
      <c r="DQ16" s="102">
        <v>0</v>
      </c>
      <c r="DR16" s="103">
        <v>1</v>
      </c>
      <c r="DS16" s="104">
        <v>1</v>
      </c>
      <c r="DT16" s="101">
        <v>2</v>
      </c>
      <c r="DU16" s="102">
        <v>0</v>
      </c>
      <c r="DV16" s="103">
        <v>2</v>
      </c>
      <c r="DW16" s="413">
        <v>0</v>
      </c>
      <c r="DX16" s="102">
        <v>2</v>
      </c>
      <c r="DY16" s="102">
        <v>0</v>
      </c>
      <c r="DZ16" s="102">
        <v>1</v>
      </c>
      <c r="EA16" s="102">
        <v>0</v>
      </c>
      <c r="EB16" s="102">
        <v>0</v>
      </c>
      <c r="EC16" s="103">
        <v>3</v>
      </c>
      <c r="ED16" s="104">
        <v>5</v>
      </c>
      <c r="EE16" s="107">
        <v>11</v>
      </c>
      <c r="EF16" s="102">
        <v>5</v>
      </c>
      <c r="EG16" s="103">
        <v>16</v>
      </c>
      <c r="EH16" s="413">
        <v>0</v>
      </c>
      <c r="EI16" s="102">
        <v>3</v>
      </c>
      <c r="EJ16" s="102">
        <v>4</v>
      </c>
      <c r="EK16" s="102">
        <v>1</v>
      </c>
      <c r="EL16" s="102">
        <v>1</v>
      </c>
      <c r="EM16" s="102">
        <v>1</v>
      </c>
      <c r="EN16" s="103">
        <v>10</v>
      </c>
      <c r="EO16" s="104">
        <v>26</v>
      </c>
      <c r="EP16" s="101">
        <v>14</v>
      </c>
      <c r="EQ16" s="102">
        <v>9</v>
      </c>
      <c r="ER16" s="103">
        <v>23</v>
      </c>
      <c r="ES16" s="413">
        <v>0</v>
      </c>
      <c r="ET16" s="102">
        <v>8</v>
      </c>
      <c r="EU16" s="102">
        <v>6</v>
      </c>
      <c r="EV16" s="102">
        <v>4</v>
      </c>
      <c r="EW16" s="102">
        <v>8</v>
      </c>
      <c r="EX16" s="102">
        <v>1</v>
      </c>
      <c r="EY16" s="103">
        <v>27</v>
      </c>
      <c r="EZ16" s="104">
        <v>50</v>
      </c>
      <c r="FA16" s="107">
        <v>8</v>
      </c>
      <c r="FB16" s="102">
        <v>9</v>
      </c>
      <c r="FC16" s="103">
        <v>17</v>
      </c>
      <c r="FD16" s="413">
        <v>0</v>
      </c>
      <c r="FE16" s="102">
        <v>13</v>
      </c>
      <c r="FF16" s="102">
        <v>9</v>
      </c>
      <c r="FG16" s="102">
        <v>5</v>
      </c>
      <c r="FH16" s="102">
        <v>9</v>
      </c>
      <c r="FI16" s="102">
        <v>7</v>
      </c>
      <c r="FJ16" s="103">
        <v>43</v>
      </c>
      <c r="FK16" s="104">
        <v>60</v>
      </c>
      <c r="FL16" s="101">
        <v>5</v>
      </c>
      <c r="FM16" s="102">
        <v>16</v>
      </c>
      <c r="FN16" s="103">
        <v>21</v>
      </c>
      <c r="FO16" s="413">
        <v>0</v>
      </c>
      <c r="FP16" s="102">
        <v>11</v>
      </c>
      <c r="FQ16" s="102">
        <v>13</v>
      </c>
      <c r="FR16" s="102">
        <v>8</v>
      </c>
      <c r="FS16" s="102">
        <v>12</v>
      </c>
      <c r="FT16" s="102">
        <v>5</v>
      </c>
      <c r="FU16" s="103">
        <v>49</v>
      </c>
      <c r="FV16" s="104">
        <v>70</v>
      </c>
      <c r="FW16" s="101">
        <v>0</v>
      </c>
      <c r="FX16" s="102">
        <v>0</v>
      </c>
      <c r="FY16" s="103">
        <v>0</v>
      </c>
      <c r="FZ16" s="413">
        <v>0</v>
      </c>
      <c r="GA16" s="102">
        <v>0</v>
      </c>
      <c r="GB16" s="102">
        <v>0</v>
      </c>
      <c r="GC16" s="102">
        <v>0</v>
      </c>
      <c r="GD16" s="102">
        <v>0</v>
      </c>
      <c r="GE16" s="102">
        <v>0</v>
      </c>
      <c r="GF16" s="103">
        <v>0</v>
      </c>
      <c r="GG16" s="104">
        <v>0</v>
      </c>
      <c r="GH16" s="101">
        <v>40</v>
      </c>
      <c r="GI16" s="102">
        <v>39</v>
      </c>
      <c r="GJ16" s="103">
        <v>79</v>
      </c>
      <c r="GK16" s="413">
        <v>0</v>
      </c>
      <c r="GL16" s="102">
        <v>37</v>
      </c>
      <c r="GM16" s="102">
        <v>32</v>
      </c>
      <c r="GN16" s="102">
        <v>20</v>
      </c>
      <c r="GO16" s="102">
        <v>30</v>
      </c>
      <c r="GP16" s="102">
        <v>14</v>
      </c>
      <c r="GQ16" s="103">
        <v>133</v>
      </c>
      <c r="GR16" s="104">
        <v>212</v>
      </c>
      <c r="GS16" s="105">
        <v>156</v>
      </c>
      <c r="GT16" s="97">
        <v>163</v>
      </c>
      <c r="GU16" s="98">
        <v>319</v>
      </c>
      <c r="GV16" s="413">
        <v>0</v>
      </c>
      <c r="GW16" s="97">
        <v>156</v>
      </c>
      <c r="GX16" s="97">
        <v>130</v>
      </c>
      <c r="GY16" s="97">
        <v>79</v>
      </c>
      <c r="GZ16" s="97">
        <v>95</v>
      </c>
      <c r="HA16" s="97">
        <v>42</v>
      </c>
      <c r="HB16" s="99">
        <v>502</v>
      </c>
      <c r="HC16" s="100">
        <v>821</v>
      </c>
      <c r="HD16" s="107">
        <v>4</v>
      </c>
      <c r="HE16" s="102">
        <v>5</v>
      </c>
      <c r="HF16" s="103">
        <v>9</v>
      </c>
      <c r="HG16" s="413">
        <v>0</v>
      </c>
      <c r="HH16" s="102">
        <v>1</v>
      </c>
      <c r="HI16" s="102">
        <v>0</v>
      </c>
      <c r="HJ16" s="102">
        <v>4</v>
      </c>
      <c r="HK16" s="102">
        <v>0</v>
      </c>
      <c r="HL16" s="102">
        <v>1</v>
      </c>
      <c r="HM16" s="103">
        <v>6</v>
      </c>
      <c r="HN16" s="104">
        <v>15</v>
      </c>
      <c r="HO16" s="101">
        <v>7</v>
      </c>
      <c r="HP16" s="102">
        <v>11</v>
      </c>
      <c r="HQ16" s="103">
        <v>18</v>
      </c>
      <c r="HR16" s="413">
        <v>0</v>
      </c>
      <c r="HS16" s="102">
        <v>8</v>
      </c>
      <c r="HT16" s="102">
        <v>4</v>
      </c>
      <c r="HU16" s="102">
        <v>7</v>
      </c>
      <c r="HV16" s="102">
        <v>4</v>
      </c>
      <c r="HW16" s="102">
        <v>1</v>
      </c>
      <c r="HX16" s="103">
        <v>24</v>
      </c>
      <c r="HY16" s="104">
        <v>42</v>
      </c>
      <c r="HZ16" s="107">
        <v>19</v>
      </c>
      <c r="IA16" s="102">
        <v>17</v>
      </c>
      <c r="IB16" s="103">
        <v>36</v>
      </c>
      <c r="IC16" s="413">
        <v>0</v>
      </c>
      <c r="ID16" s="102">
        <v>16</v>
      </c>
      <c r="IE16" s="102">
        <v>17</v>
      </c>
      <c r="IF16" s="102">
        <v>7</v>
      </c>
      <c r="IG16" s="102">
        <v>10</v>
      </c>
      <c r="IH16" s="102">
        <v>3</v>
      </c>
      <c r="II16" s="103">
        <v>53</v>
      </c>
      <c r="IJ16" s="104">
        <v>89</v>
      </c>
      <c r="IK16" s="101">
        <v>42</v>
      </c>
      <c r="IL16" s="102">
        <v>39</v>
      </c>
      <c r="IM16" s="103">
        <v>81</v>
      </c>
      <c r="IN16" s="413">
        <v>0</v>
      </c>
      <c r="IO16" s="102">
        <v>32</v>
      </c>
      <c r="IP16" s="102">
        <v>33</v>
      </c>
      <c r="IQ16" s="102">
        <v>13</v>
      </c>
      <c r="IR16" s="102">
        <v>20</v>
      </c>
      <c r="IS16" s="102">
        <v>12</v>
      </c>
      <c r="IT16" s="103">
        <v>110</v>
      </c>
      <c r="IU16" s="104">
        <v>191</v>
      </c>
      <c r="IV16" s="107">
        <v>48</v>
      </c>
      <c r="IW16" s="102">
        <v>41</v>
      </c>
      <c r="IX16" s="103">
        <v>89</v>
      </c>
      <c r="IY16" s="413">
        <v>0</v>
      </c>
      <c r="IZ16" s="102">
        <v>50</v>
      </c>
      <c r="JA16" s="102">
        <v>36</v>
      </c>
      <c r="JB16" s="102">
        <v>21</v>
      </c>
      <c r="JC16" s="102">
        <v>29</v>
      </c>
      <c r="JD16" s="102">
        <v>15</v>
      </c>
      <c r="JE16" s="103">
        <v>151</v>
      </c>
      <c r="JF16" s="104">
        <v>240</v>
      </c>
      <c r="JG16" s="101">
        <v>36</v>
      </c>
      <c r="JH16" s="102">
        <v>50</v>
      </c>
      <c r="JI16" s="103">
        <v>86</v>
      </c>
      <c r="JJ16" s="413">
        <v>0</v>
      </c>
      <c r="JK16" s="102">
        <v>49</v>
      </c>
      <c r="JL16" s="102">
        <v>40</v>
      </c>
      <c r="JM16" s="102">
        <v>27</v>
      </c>
      <c r="JN16" s="102">
        <v>32</v>
      </c>
      <c r="JO16" s="102">
        <v>10</v>
      </c>
      <c r="JP16" s="103">
        <v>158</v>
      </c>
      <c r="JQ16" s="104">
        <v>244</v>
      </c>
      <c r="JR16" s="101">
        <v>0</v>
      </c>
      <c r="JS16" s="102">
        <v>0</v>
      </c>
      <c r="JT16" s="103">
        <v>0</v>
      </c>
      <c r="JU16" s="413">
        <v>0</v>
      </c>
      <c r="JV16" s="102">
        <v>0</v>
      </c>
      <c r="JW16" s="102">
        <v>0</v>
      </c>
      <c r="JX16" s="102">
        <v>0</v>
      </c>
      <c r="JY16" s="102">
        <v>0</v>
      </c>
      <c r="JZ16" s="102">
        <v>0</v>
      </c>
      <c r="KA16" s="103">
        <v>0</v>
      </c>
      <c r="KB16" s="104">
        <v>0</v>
      </c>
      <c r="KC16" s="101">
        <v>156</v>
      </c>
      <c r="KD16" s="102">
        <v>163</v>
      </c>
      <c r="KE16" s="103">
        <v>319</v>
      </c>
      <c r="KF16" s="413">
        <v>0</v>
      </c>
      <c r="KG16" s="102">
        <v>156</v>
      </c>
      <c r="KH16" s="102">
        <v>130</v>
      </c>
      <c r="KI16" s="102">
        <v>79</v>
      </c>
      <c r="KJ16" s="102">
        <v>95</v>
      </c>
      <c r="KK16" s="102">
        <v>42</v>
      </c>
      <c r="KL16" s="103">
        <v>502</v>
      </c>
      <c r="KM16" s="104">
        <v>821</v>
      </c>
    </row>
    <row r="17" spans="2:299" s="70" customFormat="1" ht="21" customHeight="1" x14ac:dyDescent="0.2">
      <c r="B17" s="106" t="s">
        <v>13</v>
      </c>
      <c r="C17" s="96">
        <v>45</v>
      </c>
      <c r="D17" s="97">
        <v>41</v>
      </c>
      <c r="E17" s="98">
        <v>86</v>
      </c>
      <c r="F17" s="413">
        <v>0</v>
      </c>
      <c r="G17" s="97">
        <v>79</v>
      </c>
      <c r="H17" s="97">
        <v>62</v>
      </c>
      <c r="I17" s="97">
        <v>28</v>
      </c>
      <c r="J17" s="97">
        <v>21</v>
      </c>
      <c r="K17" s="97">
        <v>21</v>
      </c>
      <c r="L17" s="99">
        <v>211</v>
      </c>
      <c r="M17" s="100">
        <v>297</v>
      </c>
      <c r="N17" s="101">
        <v>1</v>
      </c>
      <c r="O17" s="102">
        <v>1</v>
      </c>
      <c r="P17" s="103">
        <v>2</v>
      </c>
      <c r="Q17" s="413">
        <v>0</v>
      </c>
      <c r="R17" s="102">
        <v>2</v>
      </c>
      <c r="S17" s="102">
        <v>1</v>
      </c>
      <c r="T17" s="102">
        <v>0</v>
      </c>
      <c r="U17" s="102">
        <v>0</v>
      </c>
      <c r="V17" s="102">
        <v>3</v>
      </c>
      <c r="W17" s="103">
        <v>6</v>
      </c>
      <c r="X17" s="104">
        <v>8</v>
      </c>
      <c r="Y17" s="101">
        <v>2</v>
      </c>
      <c r="Z17" s="102">
        <v>0</v>
      </c>
      <c r="AA17" s="103">
        <v>2</v>
      </c>
      <c r="AB17" s="413">
        <v>0</v>
      </c>
      <c r="AC17" s="102">
        <v>3</v>
      </c>
      <c r="AD17" s="102">
        <v>4</v>
      </c>
      <c r="AE17" s="102">
        <v>1</v>
      </c>
      <c r="AF17" s="102">
        <v>1</v>
      </c>
      <c r="AG17" s="102">
        <v>1</v>
      </c>
      <c r="AH17" s="103">
        <v>10</v>
      </c>
      <c r="AI17" s="104">
        <v>12</v>
      </c>
      <c r="AJ17" s="101">
        <v>2</v>
      </c>
      <c r="AK17" s="102">
        <v>3</v>
      </c>
      <c r="AL17" s="103">
        <v>5</v>
      </c>
      <c r="AM17" s="413">
        <v>0</v>
      </c>
      <c r="AN17" s="102">
        <v>4</v>
      </c>
      <c r="AO17" s="102">
        <v>11</v>
      </c>
      <c r="AP17" s="102">
        <v>0</v>
      </c>
      <c r="AQ17" s="102">
        <v>3</v>
      </c>
      <c r="AR17" s="102">
        <v>0</v>
      </c>
      <c r="AS17" s="103">
        <v>18</v>
      </c>
      <c r="AT17" s="104">
        <v>23</v>
      </c>
      <c r="AU17" s="101">
        <v>9</v>
      </c>
      <c r="AV17" s="102">
        <v>9</v>
      </c>
      <c r="AW17" s="103">
        <v>18</v>
      </c>
      <c r="AX17" s="413">
        <v>0</v>
      </c>
      <c r="AY17" s="102">
        <v>22</v>
      </c>
      <c r="AZ17" s="102">
        <v>10</v>
      </c>
      <c r="BA17" s="102">
        <v>7</v>
      </c>
      <c r="BB17" s="102">
        <v>2</v>
      </c>
      <c r="BC17" s="102">
        <v>6</v>
      </c>
      <c r="BD17" s="103">
        <v>47</v>
      </c>
      <c r="BE17" s="104">
        <v>65</v>
      </c>
      <c r="BF17" s="101">
        <v>13</v>
      </c>
      <c r="BG17" s="102">
        <v>19</v>
      </c>
      <c r="BH17" s="103">
        <v>32</v>
      </c>
      <c r="BI17" s="413">
        <v>0</v>
      </c>
      <c r="BJ17" s="102">
        <v>25</v>
      </c>
      <c r="BK17" s="102">
        <v>21</v>
      </c>
      <c r="BL17" s="102">
        <v>10</v>
      </c>
      <c r="BM17" s="102">
        <v>5</v>
      </c>
      <c r="BN17" s="102">
        <v>6</v>
      </c>
      <c r="BO17" s="103">
        <v>67</v>
      </c>
      <c r="BP17" s="104">
        <v>99</v>
      </c>
      <c r="BQ17" s="101">
        <v>18</v>
      </c>
      <c r="BR17" s="102">
        <v>9</v>
      </c>
      <c r="BS17" s="103">
        <v>27</v>
      </c>
      <c r="BT17" s="413">
        <v>0</v>
      </c>
      <c r="BU17" s="102">
        <v>23</v>
      </c>
      <c r="BV17" s="102">
        <v>15</v>
      </c>
      <c r="BW17" s="102">
        <v>10</v>
      </c>
      <c r="BX17" s="102">
        <v>10</v>
      </c>
      <c r="BY17" s="102">
        <v>5</v>
      </c>
      <c r="BZ17" s="103">
        <v>63</v>
      </c>
      <c r="CA17" s="104">
        <v>90</v>
      </c>
      <c r="CB17" s="101">
        <v>0</v>
      </c>
      <c r="CC17" s="102">
        <v>0</v>
      </c>
      <c r="CD17" s="103">
        <v>0</v>
      </c>
      <c r="CE17" s="413">
        <v>0</v>
      </c>
      <c r="CF17" s="102">
        <v>0</v>
      </c>
      <c r="CG17" s="102">
        <v>0</v>
      </c>
      <c r="CH17" s="102">
        <v>0</v>
      </c>
      <c r="CI17" s="102">
        <v>0</v>
      </c>
      <c r="CJ17" s="102">
        <v>0</v>
      </c>
      <c r="CK17" s="103">
        <v>0</v>
      </c>
      <c r="CL17" s="104">
        <v>0</v>
      </c>
      <c r="CM17" s="101">
        <v>45</v>
      </c>
      <c r="CN17" s="102">
        <v>41</v>
      </c>
      <c r="CO17" s="103">
        <v>86</v>
      </c>
      <c r="CP17" s="413">
        <v>0</v>
      </c>
      <c r="CQ17" s="102">
        <v>79</v>
      </c>
      <c r="CR17" s="102">
        <v>62</v>
      </c>
      <c r="CS17" s="102">
        <v>28</v>
      </c>
      <c r="CT17" s="102">
        <v>21</v>
      </c>
      <c r="CU17" s="102">
        <v>21</v>
      </c>
      <c r="CV17" s="103">
        <v>211</v>
      </c>
      <c r="CW17" s="104">
        <v>297</v>
      </c>
      <c r="CX17" s="105">
        <v>18</v>
      </c>
      <c r="CY17" s="97">
        <v>18</v>
      </c>
      <c r="CZ17" s="98">
        <v>36</v>
      </c>
      <c r="DA17" s="413">
        <v>0</v>
      </c>
      <c r="DB17" s="97">
        <v>23</v>
      </c>
      <c r="DC17" s="97">
        <v>16</v>
      </c>
      <c r="DD17" s="97">
        <v>15</v>
      </c>
      <c r="DE17" s="97">
        <v>6</v>
      </c>
      <c r="DF17" s="97">
        <v>10</v>
      </c>
      <c r="DG17" s="99">
        <v>70</v>
      </c>
      <c r="DH17" s="100">
        <v>106</v>
      </c>
      <c r="DI17" s="101">
        <v>1</v>
      </c>
      <c r="DJ17" s="102">
        <v>1</v>
      </c>
      <c r="DK17" s="103">
        <v>2</v>
      </c>
      <c r="DL17" s="413">
        <v>0</v>
      </c>
      <c r="DM17" s="102">
        <v>1</v>
      </c>
      <c r="DN17" s="102">
        <v>0</v>
      </c>
      <c r="DO17" s="102">
        <v>0</v>
      </c>
      <c r="DP17" s="102">
        <v>0</v>
      </c>
      <c r="DQ17" s="102">
        <v>0</v>
      </c>
      <c r="DR17" s="103">
        <v>1</v>
      </c>
      <c r="DS17" s="104">
        <v>3</v>
      </c>
      <c r="DT17" s="101">
        <v>1</v>
      </c>
      <c r="DU17" s="102">
        <v>0</v>
      </c>
      <c r="DV17" s="103">
        <v>1</v>
      </c>
      <c r="DW17" s="413">
        <v>0</v>
      </c>
      <c r="DX17" s="102">
        <v>1</v>
      </c>
      <c r="DY17" s="102">
        <v>1</v>
      </c>
      <c r="DZ17" s="102">
        <v>1</v>
      </c>
      <c r="EA17" s="102">
        <v>1</v>
      </c>
      <c r="EB17" s="102">
        <v>1</v>
      </c>
      <c r="EC17" s="103">
        <v>5</v>
      </c>
      <c r="ED17" s="104">
        <v>6</v>
      </c>
      <c r="EE17" s="101">
        <v>3</v>
      </c>
      <c r="EF17" s="102">
        <v>0</v>
      </c>
      <c r="EG17" s="103">
        <v>3</v>
      </c>
      <c r="EH17" s="413">
        <v>0</v>
      </c>
      <c r="EI17" s="102">
        <v>6</v>
      </c>
      <c r="EJ17" s="102">
        <v>0</v>
      </c>
      <c r="EK17" s="102">
        <v>3</v>
      </c>
      <c r="EL17" s="102">
        <v>0</v>
      </c>
      <c r="EM17" s="102">
        <v>1</v>
      </c>
      <c r="EN17" s="103">
        <v>10</v>
      </c>
      <c r="EO17" s="104">
        <v>13</v>
      </c>
      <c r="EP17" s="101">
        <v>7</v>
      </c>
      <c r="EQ17" s="102">
        <v>7</v>
      </c>
      <c r="ER17" s="103">
        <v>14</v>
      </c>
      <c r="ES17" s="413">
        <v>0</v>
      </c>
      <c r="ET17" s="102">
        <v>3</v>
      </c>
      <c r="EU17" s="102">
        <v>1</v>
      </c>
      <c r="EV17" s="102">
        <v>2</v>
      </c>
      <c r="EW17" s="102">
        <v>0</v>
      </c>
      <c r="EX17" s="102">
        <v>2</v>
      </c>
      <c r="EY17" s="103">
        <v>8</v>
      </c>
      <c r="EZ17" s="104">
        <v>22</v>
      </c>
      <c r="FA17" s="101">
        <v>4</v>
      </c>
      <c r="FB17" s="102">
        <v>6</v>
      </c>
      <c r="FC17" s="103">
        <v>10</v>
      </c>
      <c r="FD17" s="413">
        <v>0</v>
      </c>
      <c r="FE17" s="102">
        <v>6</v>
      </c>
      <c r="FF17" s="102">
        <v>5</v>
      </c>
      <c r="FG17" s="102">
        <v>1</v>
      </c>
      <c r="FH17" s="102">
        <v>0</v>
      </c>
      <c r="FI17" s="102">
        <v>0</v>
      </c>
      <c r="FJ17" s="103">
        <v>12</v>
      </c>
      <c r="FK17" s="104">
        <v>22</v>
      </c>
      <c r="FL17" s="101">
        <v>2</v>
      </c>
      <c r="FM17" s="102">
        <v>4</v>
      </c>
      <c r="FN17" s="103">
        <v>6</v>
      </c>
      <c r="FO17" s="413">
        <v>0</v>
      </c>
      <c r="FP17" s="102">
        <v>6</v>
      </c>
      <c r="FQ17" s="102">
        <v>9</v>
      </c>
      <c r="FR17" s="102">
        <v>8</v>
      </c>
      <c r="FS17" s="102">
        <v>5</v>
      </c>
      <c r="FT17" s="102">
        <v>6</v>
      </c>
      <c r="FU17" s="103">
        <v>34</v>
      </c>
      <c r="FV17" s="104">
        <v>40</v>
      </c>
      <c r="FW17" s="101">
        <v>0</v>
      </c>
      <c r="FX17" s="102">
        <v>0</v>
      </c>
      <c r="FY17" s="103">
        <v>0</v>
      </c>
      <c r="FZ17" s="413">
        <v>0</v>
      </c>
      <c r="GA17" s="102">
        <v>0</v>
      </c>
      <c r="GB17" s="102">
        <v>0</v>
      </c>
      <c r="GC17" s="102">
        <v>0</v>
      </c>
      <c r="GD17" s="102">
        <v>0</v>
      </c>
      <c r="GE17" s="102">
        <v>0</v>
      </c>
      <c r="GF17" s="103">
        <v>0</v>
      </c>
      <c r="GG17" s="104">
        <v>0</v>
      </c>
      <c r="GH17" s="101">
        <v>18</v>
      </c>
      <c r="GI17" s="102">
        <v>18</v>
      </c>
      <c r="GJ17" s="103">
        <v>36</v>
      </c>
      <c r="GK17" s="413">
        <v>0</v>
      </c>
      <c r="GL17" s="102">
        <v>23</v>
      </c>
      <c r="GM17" s="102">
        <v>16</v>
      </c>
      <c r="GN17" s="102">
        <v>15</v>
      </c>
      <c r="GO17" s="102">
        <v>6</v>
      </c>
      <c r="GP17" s="102">
        <v>10</v>
      </c>
      <c r="GQ17" s="103">
        <v>70</v>
      </c>
      <c r="GR17" s="104">
        <v>106</v>
      </c>
      <c r="GS17" s="105">
        <v>63</v>
      </c>
      <c r="GT17" s="97">
        <v>59</v>
      </c>
      <c r="GU17" s="98">
        <v>122</v>
      </c>
      <c r="GV17" s="413">
        <v>0</v>
      </c>
      <c r="GW17" s="97">
        <v>102</v>
      </c>
      <c r="GX17" s="97">
        <v>78</v>
      </c>
      <c r="GY17" s="97">
        <v>43</v>
      </c>
      <c r="GZ17" s="97">
        <v>27</v>
      </c>
      <c r="HA17" s="97">
        <v>31</v>
      </c>
      <c r="HB17" s="99">
        <v>281</v>
      </c>
      <c r="HC17" s="100">
        <v>403</v>
      </c>
      <c r="HD17" s="101">
        <v>2</v>
      </c>
      <c r="HE17" s="102">
        <v>2</v>
      </c>
      <c r="HF17" s="103">
        <v>4</v>
      </c>
      <c r="HG17" s="413">
        <v>0</v>
      </c>
      <c r="HH17" s="102">
        <v>3</v>
      </c>
      <c r="HI17" s="102">
        <v>1</v>
      </c>
      <c r="HJ17" s="102">
        <v>0</v>
      </c>
      <c r="HK17" s="102">
        <v>0</v>
      </c>
      <c r="HL17" s="102">
        <v>3</v>
      </c>
      <c r="HM17" s="103">
        <v>7</v>
      </c>
      <c r="HN17" s="104">
        <v>11</v>
      </c>
      <c r="HO17" s="101">
        <v>3</v>
      </c>
      <c r="HP17" s="102">
        <v>0</v>
      </c>
      <c r="HQ17" s="103">
        <v>3</v>
      </c>
      <c r="HR17" s="413">
        <v>0</v>
      </c>
      <c r="HS17" s="102">
        <v>4</v>
      </c>
      <c r="HT17" s="102">
        <v>5</v>
      </c>
      <c r="HU17" s="102">
        <v>2</v>
      </c>
      <c r="HV17" s="102">
        <v>2</v>
      </c>
      <c r="HW17" s="102">
        <v>2</v>
      </c>
      <c r="HX17" s="103">
        <v>15</v>
      </c>
      <c r="HY17" s="104">
        <v>18</v>
      </c>
      <c r="HZ17" s="101">
        <v>5</v>
      </c>
      <c r="IA17" s="102">
        <v>3</v>
      </c>
      <c r="IB17" s="103">
        <v>8</v>
      </c>
      <c r="IC17" s="413">
        <v>0</v>
      </c>
      <c r="ID17" s="102">
        <v>10</v>
      </c>
      <c r="IE17" s="102">
        <v>11</v>
      </c>
      <c r="IF17" s="102">
        <v>3</v>
      </c>
      <c r="IG17" s="102">
        <v>3</v>
      </c>
      <c r="IH17" s="102">
        <v>1</v>
      </c>
      <c r="II17" s="103">
        <v>28</v>
      </c>
      <c r="IJ17" s="104">
        <v>36</v>
      </c>
      <c r="IK17" s="101">
        <v>16</v>
      </c>
      <c r="IL17" s="102">
        <v>16</v>
      </c>
      <c r="IM17" s="103">
        <v>32</v>
      </c>
      <c r="IN17" s="413">
        <v>0</v>
      </c>
      <c r="IO17" s="102">
        <v>25</v>
      </c>
      <c r="IP17" s="102">
        <v>11</v>
      </c>
      <c r="IQ17" s="102">
        <v>9</v>
      </c>
      <c r="IR17" s="102">
        <v>2</v>
      </c>
      <c r="IS17" s="102">
        <v>8</v>
      </c>
      <c r="IT17" s="103">
        <v>55</v>
      </c>
      <c r="IU17" s="104">
        <v>87</v>
      </c>
      <c r="IV17" s="101">
        <v>17</v>
      </c>
      <c r="IW17" s="102">
        <v>25</v>
      </c>
      <c r="IX17" s="103">
        <v>42</v>
      </c>
      <c r="IY17" s="413">
        <v>0</v>
      </c>
      <c r="IZ17" s="102">
        <v>31</v>
      </c>
      <c r="JA17" s="102">
        <v>26</v>
      </c>
      <c r="JB17" s="102">
        <v>11</v>
      </c>
      <c r="JC17" s="102">
        <v>5</v>
      </c>
      <c r="JD17" s="102">
        <v>6</v>
      </c>
      <c r="JE17" s="103">
        <v>79</v>
      </c>
      <c r="JF17" s="104">
        <v>121</v>
      </c>
      <c r="JG17" s="101">
        <v>20</v>
      </c>
      <c r="JH17" s="102">
        <v>13</v>
      </c>
      <c r="JI17" s="103">
        <v>33</v>
      </c>
      <c r="JJ17" s="413">
        <v>0</v>
      </c>
      <c r="JK17" s="102">
        <v>29</v>
      </c>
      <c r="JL17" s="102">
        <v>24</v>
      </c>
      <c r="JM17" s="102">
        <v>18</v>
      </c>
      <c r="JN17" s="102">
        <v>15</v>
      </c>
      <c r="JO17" s="102">
        <v>11</v>
      </c>
      <c r="JP17" s="103">
        <v>97</v>
      </c>
      <c r="JQ17" s="104">
        <v>130</v>
      </c>
      <c r="JR17" s="101">
        <v>0</v>
      </c>
      <c r="JS17" s="102">
        <v>0</v>
      </c>
      <c r="JT17" s="103">
        <v>0</v>
      </c>
      <c r="JU17" s="413">
        <v>0</v>
      </c>
      <c r="JV17" s="102">
        <v>0</v>
      </c>
      <c r="JW17" s="102">
        <v>0</v>
      </c>
      <c r="JX17" s="102">
        <v>0</v>
      </c>
      <c r="JY17" s="102">
        <v>0</v>
      </c>
      <c r="JZ17" s="102">
        <v>0</v>
      </c>
      <c r="KA17" s="103">
        <v>0</v>
      </c>
      <c r="KB17" s="104">
        <v>0</v>
      </c>
      <c r="KC17" s="101">
        <v>63</v>
      </c>
      <c r="KD17" s="102">
        <v>59</v>
      </c>
      <c r="KE17" s="103">
        <v>122</v>
      </c>
      <c r="KF17" s="413">
        <v>0</v>
      </c>
      <c r="KG17" s="102">
        <v>102</v>
      </c>
      <c r="KH17" s="102">
        <v>78</v>
      </c>
      <c r="KI17" s="102">
        <v>43</v>
      </c>
      <c r="KJ17" s="102">
        <v>27</v>
      </c>
      <c r="KK17" s="102">
        <v>31</v>
      </c>
      <c r="KL17" s="103">
        <v>281</v>
      </c>
      <c r="KM17" s="104">
        <v>403</v>
      </c>
    </row>
    <row r="18" spans="2:299" s="70" customFormat="1" ht="21" customHeight="1" x14ac:dyDescent="0.2">
      <c r="B18" s="106" t="s">
        <v>15</v>
      </c>
      <c r="C18" s="96">
        <v>5</v>
      </c>
      <c r="D18" s="97">
        <v>13</v>
      </c>
      <c r="E18" s="98">
        <v>18</v>
      </c>
      <c r="F18" s="413">
        <v>0</v>
      </c>
      <c r="G18" s="97">
        <v>16</v>
      </c>
      <c r="H18" s="97">
        <v>10</v>
      </c>
      <c r="I18" s="97">
        <v>5</v>
      </c>
      <c r="J18" s="97">
        <v>7</v>
      </c>
      <c r="K18" s="97">
        <v>6</v>
      </c>
      <c r="L18" s="99">
        <v>44</v>
      </c>
      <c r="M18" s="100">
        <v>62</v>
      </c>
      <c r="N18" s="101">
        <v>0</v>
      </c>
      <c r="O18" s="102">
        <v>2</v>
      </c>
      <c r="P18" s="103">
        <v>2</v>
      </c>
      <c r="Q18" s="413">
        <v>0</v>
      </c>
      <c r="R18" s="102">
        <v>0</v>
      </c>
      <c r="S18" s="102">
        <v>0</v>
      </c>
      <c r="T18" s="102">
        <v>0</v>
      </c>
      <c r="U18" s="102">
        <v>0</v>
      </c>
      <c r="V18" s="102">
        <v>0</v>
      </c>
      <c r="W18" s="103">
        <v>0</v>
      </c>
      <c r="X18" s="104">
        <v>2</v>
      </c>
      <c r="Y18" s="101">
        <v>3</v>
      </c>
      <c r="Z18" s="102">
        <v>0</v>
      </c>
      <c r="AA18" s="103">
        <v>3</v>
      </c>
      <c r="AB18" s="413">
        <v>0</v>
      </c>
      <c r="AC18" s="102">
        <v>2</v>
      </c>
      <c r="AD18" s="102">
        <v>1</v>
      </c>
      <c r="AE18" s="102">
        <v>0</v>
      </c>
      <c r="AF18" s="102">
        <v>1</v>
      </c>
      <c r="AG18" s="102">
        <v>1</v>
      </c>
      <c r="AH18" s="103">
        <v>5</v>
      </c>
      <c r="AI18" s="104">
        <v>8</v>
      </c>
      <c r="AJ18" s="101">
        <v>1</v>
      </c>
      <c r="AK18" s="102">
        <v>1</v>
      </c>
      <c r="AL18" s="103">
        <v>2</v>
      </c>
      <c r="AM18" s="413">
        <v>0</v>
      </c>
      <c r="AN18" s="102">
        <v>2</v>
      </c>
      <c r="AO18" s="102">
        <v>1</v>
      </c>
      <c r="AP18" s="102">
        <v>1</v>
      </c>
      <c r="AQ18" s="102">
        <v>1</v>
      </c>
      <c r="AR18" s="102">
        <v>2</v>
      </c>
      <c r="AS18" s="103">
        <v>7</v>
      </c>
      <c r="AT18" s="104">
        <v>9</v>
      </c>
      <c r="AU18" s="101">
        <v>0</v>
      </c>
      <c r="AV18" s="102">
        <v>2</v>
      </c>
      <c r="AW18" s="103">
        <v>2</v>
      </c>
      <c r="AX18" s="413">
        <v>0</v>
      </c>
      <c r="AY18" s="102">
        <v>2</v>
      </c>
      <c r="AZ18" s="102">
        <v>3</v>
      </c>
      <c r="BA18" s="102">
        <v>0</v>
      </c>
      <c r="BB18" s="102">
        <v>1</v>
      </c>
      <c r="BC18" s="102">
        <v>2</v>
      </c>
      <c r="BD18" s="103">
        <v>8</v>
      </c>
      <c r="BE18" s="104">
        <v>10</v>
      </c>
      <c r="BF18" s="101">
        <v>0</v>
      </c>
      <c r="BG18" s="102">
        <v>6</v>
      </c>
      <c r="BH18" s="103">
        <v>6</v>
      </c>
      <c r="BI18" s="413">
        <v>0</v>
      </c>
      <c r="BJ18" s="102">
        <v>3</v>
      </c>
      <c r="BK18" s="102">
        <v>3</v>
      </c>
      <c r="BL18" s="102">
        <v>2</v>
      </c>
      <c r="BM18" s="102">
        <v>3</v>
      </c>
      <c r="BN18" s="102">
        <v>1</v>
      </c>
      <c r="BO18" s="103">
        <v>12</v>
      </c>
      <c r="BP18" s="104">
        <v>18</v>
      </c>
      <c r="BQ18" s="101">
        <v>1</v>
      </c>
      <c r="BR18" s="102">
        <v>2</v>
      </c>
      <c r="BS18" s="103">
        <v>3</v>
      </c>
      <c r="BT18" s="413">
        <v>0</v>
      </c>
      <c r="BU18" s="102">
        <v>7</v>
      </c>
      <c r="BV18" s="102">
        <v>2</v>
      </c>
      <c r="BW18" s="102">
        <v>2</v>
      </c>
      <c r="BX18" s="102">
        <v>1</v>
      </c>
      <c r="BY18" s="102">
        <v>0</v>
      </c>
      <c r="BZ18" s="103">
        <v>12</v>
      </c>
      <c r="CA18" s="104">
        <v>15</v>
      </c>
      <c r="CB18" s="101">
        <v>0</v>
      </c>
      <c r="CC18" s="102">
        <v>0</v>
      </c>
      <c r="CD18" s="103">
        <v>0</v>
      </c>
      <c r="CE18" s="413">
        <v>0</v>
      </c>
      <c r="CF18" s="102">
        <v>0</v>
      </c>
      <c r="CG18" s="102">
        <v>0</v>
      </c>
      <c r="CH18" s="102">
        <v>0</v>
      </c>
      <c r="CI18" s="102">
        <v>0</v>
      </c>
      <c r="CJ18" s="102">
        <v>0</v>
      </c>
      <c r="CK18" s="103">
        <v>0</v>
      </c>
      <c r="CL18" s="104">
        <v>0</v>
      </c>
      <c r="CM18" s="101">
        <v>5</v>
      </c>
      <c r="CN18" s="102">
        <v>13</v>
      </c>
      <c r="CO18" s="103">
        <v>18</v>
      </c>
      <c r="CP18" s="413">
        <v>0</v>
      </c>
      <c r="CQ18" s="102">
        <v>16</v>
      </c>
      <c r="CR18" s="102">
        <v>10</v>
      </c>
      <c r="CS18" s="102">
        <v>5</v>
      </c>
      <c r="CT18" s="102">
        <v>7</v>
      </c>
      <c r="CU18" s="102">
        <v>6</v>
      </c>
      <c r="CV18" s="103">
        <v>44</v>
      </c>
      <c r="CW18" s="104">
        <v>62</v>
      </c>
      <c r="CX18" s="105">
        <v>6</v>
      </c>
      <c r="CY18" s="97">
        <v>7</v>
      </c>
      <c r="CZ18" s="98">
        <v>13</v>
      </c>
      <c r="DA18" s="413">
        <v>0</v>
      </c>
      <c r="DB18" s="97">
        <v>7</v>
      </c>
      <c r="DC18" s="97">
        <v>8</v>
      </c>
      <c r="DD18" s="97">
        <v>4</v>
      </c>
      <c r="DE18" s="97">
        <v>3</v>
      </c>
      <c r="DF18" s="97">
        <v>1</v>
      </c>
      <c r="DG18" s="99">
        <v>23</v>
      </c>
      <c r="DH18" s="100">
        <v>36</v>
      </c>
      <c r="DI18" s="101">
        <v>1</v>
      </c>
      <c r="DJ18" s="102">
        <v>0</v>
      </c>
      <c r="DK18" s="103">
        <v>1</v>
      </c>
      <c r="DL18" s="413">
        <v>0</v>
      </c>
      <c r="DM18" s="102">
        <v>0</v>
      </c>
      <c r="DN18" s="102">
        <v>1</v>
      </c>
      <c r="DO18" s="102">
        <v>0</v>
      </c>
      <c r="DP18" s="102">
        <v>0</v>
      </c>
      <c r="DQ18" s="102">
        <v>0</v>
      </c>
      <c r="DR18" s="103">
        <v>1</v>
      </c>
      <c r="DS18" s="104">
        <v>2</v>
      </c>
      <c r="DT18" s="101">
        <v>0</v>
      </c>
      <c r="DU18" s="102">
        <v>0</v>
      </c>
      <c r="DV18" s="103">
        <v>0</v>
      </c>
      <c r="DW18" s="413">
        <v>0</v>
      </c>
      <c r="DX18" s="102">
        <v>0</v>
      </c>
      <c r="DY18" s="102">
        <v>1</v>
      </c>
      <c r="DZ18" s="102">
        <v>0</v>
      </c>
      <c r="EA18" s="102">
        <v>0</v>
      </c>
      <c r="EB18" s="102">
        <v>0</v>
      </c>
      <c r="EC18" s="103">
        <v>1</v>
      </c>
      <c r="ED18" s="104">
        <v>1</v>
      </c>
      <c r="EE18" s="101">
        <v>2</v>
      </c>
      <c r="EF18" s="102">
        <v>2</v>
      </c>
      <c r="EG18" s="103">
        <v>4</v>
      </c>
      <c r="EH18" s="413">
        <v>0</v>
      </c>
      <c r="EI18" s="102">
        <v>0</v>
      </c>
      <c r="EJ18" s="102">
        <v>2</v>
      </c>
      <c r="EK18" s="102">
        <v>2</v>
      </c>
      <c r="EL18" s="102">
        <v>0</v>
      </c>
      <c r="EM18" s="102">
        <v>0</v>
      </c>
      <c r="EN18" s="103">
        <v>4</v>
      </c>
      <c r="EO18" s="104">
        <v>8</v>
      </c>
      <c r="EP18" s="101">
        <v>1</v>
      </c>
      <c r="EQ18" s="102">
        <v>4</v>
      </c>
      <c r="ER18" s="103">
        <v>5</v>
      </c>
      <c r="ES18" s="413">
        <v>0</v>
      </c>
      <c r="ET18" s="102">
        <v>0</v>
      </c>
      <c r="EU18" s="102">
        <v>0</v>
      </c>
      <c r="EV18" s="102">
        <v>0</v>
      </c>
      <c r="EW18" s="102">
        <v>0</v>
      </c>
      <c r="EX18" s="102">
        <v>0</v>
      </c>
      <c r="EY18" s="103">
        <v>0</v>
      </c>
      <c r="EZ18" s="104">
        <v>5</v>
      </c>
      <c r="FA18" s="101">
        <v>0</v>
      </c>
      <c r="FB18" s="102">
        <v>0</v>
      </c>
      <c r="FC18" s="103">
        <v>0</v>
      </c>
      <c r="FD18" s="413">
        <v>0</v>
      </c>
      <c r="FE18" s="102">
        <v>4</v>
      </c>
      <c r="FF18" s="102">
        <v>1</v>
      </c>
      <c r="FG18" s="102">
        <v>0</v>
      </c>
      <c r="FH18" s="102">
        <v>1</v>
      </c>
      <c r="FI18" s="102">
        <v>1</v>
      </c>
      <c r="FJ18" s="103">
        <v>7</v>
      </c>
      <c r="FK18" s="104">
        <v>7</v>
      </c>
      <c r="FL18" s="101">
        <v>2</v>
      </c>
      <c r="FM18" s="102">
        <v>1</v>
      </c>
      <c r="FN18" s="103">
        <v>3</v>
      </c>
      <c r="FO18" s="413">
        <v>0</v>
      </c>
      <c r="FP18" s="102">
        <v>3</v>
      </c>
      <c r="FQ18" s="102">
        <v>3</v>
      </c>
      <c r="FR18" s="102">
        <v>2</v>
      </c>
      <c r="FS18" s="102">
        <v>2</v>
      </c>
      <c r="FT18" s="102">
        <v>0</v>
      </c>
      <c r="FU18" s="103">
        <v>10</v>
      </c>
      <c r="FV18" s="104">
        <v>13</v>
      </c>
      <c r="FW18" s="101">
        <v>0</v>
      </c>
      <c r="FX18" s="102">
        <v>0</v>
      </c>
      <c r="FY18" s="103">
        <v>0</v>
      </c>
      <c r="FZ18" s="413">
        <v>0</v>
      </c>
      <c r="GA18" s="102">
        <v>0</v>
      </c>
      <c r="GB18" s="102">
        <v>0</v>
      </c>
      <c r="GC18" s="102">
        <v>0</v>
      </c>
      <c r="GD18" s="102">
        <v>0</v>
      </c>
      <c r="GE18" s="102">
        <v>0</v>
      </c>
      <c r="GF18" s="103">
        <v>0</v>
      </c>
      <c r="GG18" s="104">
        <v>0</v>
      </c>
      <c r="GH18" s="101">
        <v>6</v>
      </c>
      <c r="GI18" s="102">
        <v>7</v>
      </c>
      <c r="GJ18" s="103">
        <v>13</v>
      </c>
      <c r="GK18" s="413">
        <v>0</v>
      </c>
      <c r="GL18" s="102">
        <v>7</v>
      </c>
      <c r="GM18" s="102">
        <v>8</v>
      </c>
      <c r="GN18" s="102">
        <v>4</v>
      </c>
      <c r="GO18" s="102">
        <v>3</v>
      </c>
      <c r="GP18" s="102">
        <v>1</v>
      </c>
      <c r="GQ18" s="103">
        <v>23</v>
      </c>
      <c r="GR18" s="104">
        <v>36</v>
      </c>
      <c r="GS18" s="105">
        <v>11</v>
      </c>
      <c r="GT18" s="97">
        <v>20</v>
      </c>
      <c r="GU18" s="98">
        <v>31</v>
      </c>
      <c r="GV18" s="413">
        <v>0</v>
      </c>
      <c r="GW18" s="97">
        <v>23</v>
      </c>
      <c r="GX18" s="97">
        <v>18</v>
      </c>
      <c r="GY18" s="97">
        <v>9</v>
      </c>
      <c r="GZ18" s="97">
        <v>10</v>
      </c>
      <c r="HA18" s="97">
        <v>7</v>
      </c>
      <c r="HB18" s="99">
        <v>67</v>
      </c>
      <c r="HC18" s="100">
        <v>98</v>
      </c>
      <c r="HD18" s="101">
        <v>1</v>
      </c>
      <c r="HE18" s="102">
        <v>2</v>
      </c>
      <c r="HF18" s="103">
        <v>3</v>
      </c>
      <c r="HG18" s="413">
        <v>0</v>
      </c>
      <c r="HH18" s="102">
        <v>0</v>
      </c>
      <c r="HI18" s="102">
        <v>1</v>
      </c>
      <c r="HJ18" s="102">
        <v>0</v>
      </c>
      <c r="HK18" s="102">
        <v>0</v>
      </c>
      <c r="HL18" s="102">
        <v>0</v>
      </c>
      <c r="HM18" s="103">
        <v>1</v>
      </c>
      <c r="HN18" s="104">
        <v>4</v>
      </c>
      <c r="HO18" s="101">
        <v>3</v>
      </c>
      <c r="HP18" s="102">
        <v>0</v>
      </c>
      <c r="HQ18" s="103">
        <v>3</v>
      </c>
      <c r="HR18" s="413">
        <v>0</v>
      </c>
      <c r="HS18" s="102">
        <v>2</v>
      </c>
      <c r="HT18" s="102">
        <v>2</v>
      </c>
      <c r="HU18" s="102">
        <v>0</v>
      </c>
      <c r="HV18" s="102">
        <v>1</v>
      </c>
      <c r="HW18" s="102">
        <v>1</v>
      </c>
      <c r="HX18" s="103">
        <v>6</v>
      </c>
      <c r="HY18" s="104">
        <v>9</v>
      </c>
      <c r="HZ18" s="101">
        <v>3</v>
      </c>
      <c r="IA18" s="102">
        <v>3</v>
      </c>
      <c r="IB18" s="103">
        <v>6</v>
      </c>
      <c r="IC18" s="413">
        <v>0</v>
      </c>
      <c r="ID18" s="102">
        <v>2</v>
      </c>
      <c r="IE18" s="102">
        <v>3</v>
      </c>
      <c r="IF18" s="102">
        <v>3</v>
      </c>
      <c r="IG18" s="102">
        <v>1</v>
      </c>
      <c r="IH18" s="102">
        <v>2</v>
      </c>
      <c r="II18" s="103">
        <v>11</v>
      </c>
      <c r="IJ18" s="104">
        <v>17</v>
      </c>
      <c r="IK18" s="101">
        <v>1</v>
      </c>
      <c r="IL18" s="102">
        <v>6</v>
      </c>
      <c r="IM18" s="103">
        <v>7</v>
      </c>
      <c r="IN18" s="413">
        <v>0</v>
      </c>
      <c r="IO18" s="102">
        <v>2</v>
      </c>
      <c r="IP18" s="102">
        <v>3</v>
      </c>
      <c r="IQ18" s="102">
        <v>0</v>
      </c>
      <c r="IR18" s="102">
        <v>1</v>
      </c>
      <c r="IS18" s="102">
        <v>2</v>
      </c>
      <c r="IT18" s="103">
        <v>8</v>
      </c>
      <c r="IU18" s="104">
        <v>15</v>
      </c>
      <c r="IV18" s="101">
        <v>0</v>
      </c>
      <c r="IW18" s="102">
        <v>6</v>
      </c>
      <c r="IX18" s="103">
        <v>6</v>
      </c>
      <c r="IY18" s="413">
        <v>0</v>
      </c>
      <c r="IZ18" s="102">
        <v>7</v>
      </c>
      <c r="JA18" s="102">
        <v>4</v>
      </c>
      <c r="JB18" s="102">
        <v>2</v>
      </c>
      <c r="JC18" s="102">
        <v>4</v>
      </c>
      <c r="JD18" s="102">
        <v>2</v>
      </c>
      <c r="JE18" s="103">
        <v>19</v>
      </c>
      <c r="JF18" s="104">
        <v>25</v>
      </c>
      <c r="JG18" s="101">
        <v>3</v>
      </c>
      <c r="JH18" s="102">
        <v>3</v>
      </c>
      <c r="JI18" s="103">
        <v>6</v>
      </c>
      <c r="JJ18" s="413">
        <v>0</v>
      </c>
      <c r="JK18" s="102">
        <v>10</v>
      </c>
      <c r="JL18" s="102">
        <v>5</v>
      </c>
      <c r="JM18" s="102">
        <v>4</v>
      </c>
      <c r="JN18" s="102">
        <v>3</v>
      </c>
      <c r="JO18" s="102">
        <v>0</v>
      </c>
      <c r="JP18" s="103">
        <v>22</v>
      </c>
      <c r="JQ18" s="104">
        <v>28</v>
      </c>
      <c r="JR18" s="101">
        <v>0</v>
      </c>
      <c r="JS18" s="102">
        <v>0</v>
      </c>
      <c r="JT18" s="103">
        <v>0</v>
      </c>
      <c r="JU18" s="413">
        <v>0</v>
      </c>
      <c r="JV18" s="102">
        <v>0</v>
      </c>
      <c r="JW18" s="102">
        <v>0</v>
      </c>
      <c r="JX18" s="102">
        <v>0</v>
      </c>
      <c r="JY18" s="102">
        <v>0</v>
      </c>
      <c r="JZ18" s="102">
        <v>0</v>
      </c>
      <c r="KA18" s="103">
        <v>0</v>
      </c>
      <c r="KB18" s="104">
        <v>0</v>
      </c>
      <c r="KC18" s="101">
        <v>11</v>
      </c>
      <c r="KD18" s="102">
        <v>20</v>
      </c>
      <c r="KE18" s="103">
        <v>31</v>
      </c>
      <c r="KF18" s="413">
        <v>0</v>
      </c>
      <c r="KG18" s="102">
        <v>23</v>
      </c>
      <c r="KH18" s="102">
        <v>18</v>
      </c>
      <c r="KI18" s="102">
        <v>9</v>
      </c>
      <c r="KJ18" s="102">
        <v>10</v>
      </c>
      <c r="KK18" s="102">
        <v>7</v>
      </c>
      <c r="KL18" s="103">
        <v>67</v>
      </c>
      <c r="KM18" s="104">
        <v>98</v>
      </c>
    </row>
    <row r="19" spans="2:299" s="70" customFormat="1" ht="21" customHeight="1" x14ac:dyDescent="0.2">
      <c r="B19" s="106" t="s">
        <v>16</v>
      </c>
      <c r="C19" s="96">
        <v>25</v>
      </c>
      <c r="D19" s="97">
        <v>31</v>
      </c>
      <c r="E19" s="98">
        <v>56</v>
      </c>
      <c r="F19" s="413">
        <v>0</v>
      </c>
      <c r="G19" s="97">
        <v>44</v>
      </c>
      <c r="H19" s="97">
        <v>68</v>
      </c>
      <c r="I19" s="97">
        <v>34</v>
      </c>
      <c r="J19" s="97">
        <v>25</v>
      </c>
      <c r="K19" s="97">
        <v>23</v>
      </c>
      <c r="L19" s="99">
        <v>194</v>
      </c>
      <c r="M19" s="100">
        <v>250</v>
      </c>
      <c r="N19" s="101">
        <v>0</v>
      </c>
      <c r="O19" s="102">
        <v>1</v>
      </c>
      <c r="P19" s="103">
        <v>1</v>
      </c>
      <c r="Q19" s="413">
        <v>0</v>
      </c>
      <c r="R19" s="102">
        <v>0</v>
      </c>
      <c r="S19" s="102">
        <v>3</v>
      </c>
      <c r="T19" s="102">
        <v>0</v>
      </c>
      <c r="U19" s="102">
        <v>1</v>
      </c>
      <c r="V19" s="102">
        <v>3</v>
      </c>
      <c r="W19" s="103">
        <v>7</v>
      </c>
      <c r="X19" s="104">
        <v>8</v>
      </c>
      <c r="Y19" s="101">
        <v>5</v>
      </c>
      <c r="Z19" s="102">
        <v>3</v>
      </c>
      <c r="AA19" s="103">
        <v>8</v>
      </c>
      <c r="AB19" s="413">
        <v>0</v>
      </c>
      <c r="AC19" s="102">
        <v>4</v>
      </c>
      <c r="AD19" s="102">
        <v>6</v>
      </c>
      <c r="AE19" s="102">
        <v>2</v>
      </c>
      <c r="AF19" s="102">
        <v>2</v>
      </c>
      <c r="AG19" s="102">
        <v>1</v>
      </c>
      <c r="AH19" s="103">
        <v>15</v>
      </c>
      <c r="AI19" s="104">
        <v>23</v>
      </c>
      <c r="AJ19" s="101">
        <v>5</v>
      </c>
      <c r="AK19" s="102">
        <v>5</v>
      </c>
      <c r="AL19" s="103">
        <v>10</v>
      </c>
      <c r="AM19" s="413">
        <v>0</v>
      </c>
      <c r="AN19" s="102">
        <v>7</v>
      </c>
      <c r="AO19" s="102">
        <v>9</v>
      </c>
      <c r="AP19" s="102">
        <v>4</v>
      </c>
      <c r="AQ19" s="102">
        <v>4</v>
      </c>
      <c r="AR19" s="102">
        <v>3</v>
      </c>
      <c r="AS19" s="103">
        <v>27</v>
      </c>
      <c r="AT19" s="104">
        <v>37</v>
      </c>
      <c r="AU19" s="101">
        <v>6</v>
      </c>
      <c r="AV19" s="102">
        <v>4</v>
      </c>
      <c r="AW19" s="103">
        <v>10</v>
      </c>
      <c r="AX19" s="413">
        <v>0</v>
      </c>
      <c r="AY19" s="102">
        <v>10</v>
      </c>
      <c r="AZ19" s="102">
        <v>17</v>
      </c>
      <c r="BA19" s="102">
        <v>8</v>
      </c>
      <c r="BB19" s="102">
        <v>6</v>
      </c>
      <c r="BC19" s="102">
        <v>3</v>
      </c>
      <c r="BD19" s="103">
        <v>44</v>
      </c>
      <c r="BE19" s="104">
        <v>54</v>
      </c>
      <c r="BF19" s="101">
        <v>5</v>
      </c>
      <c r="BG19" s="102">
        <v>7</v>
      </c>
      <c r="BH19" s="103">
        <v>12</v>
      </c>
      <c r="BI19" s="413">
        <v>0</v>
      </c>
      <c r="BJ19" s="102">
        <v>11</v>
      </c>
      <c r="BK19" s="102">
        <v>21</v>
      </c>
      <c r="BL19" s="102">
        <v>12</v>
      </c>
      <c r="BM19" s="102">
        <v>3</v>
      </c>
      <c r="BN19" s="102">
        <v>9</v>
      </c>
      <c r="BO19" s="103">
        <v>56</v>
      </c>
      <c r="BP19" s="104">
        <v>68</v>
      </c>
      <c r="BQ19" s="101">
        <v>4</v>
      </c>
      <c r="BR19" s="102">
        <v>11</v>
      </c>
      <c r="BS19" s="103">
        <v>15</v>
      </c>
      <c r="BT19" s="413">
        <v>0</v>
      </c>
      <c r="BU19" s="102">
        <v>12</v>
      </c>
      <c r="BV19" s="102">
        <v>12</v>
      </c>
      <c r="BW19" s="102">
        <v>8</v>
      </c>
      <c r="BX19" s="102">
        <v>9</v>
      </c>
      <c r="BY19" s="102">
        <v>4</v>
      </c>
      <c r="BZ19" s="103">
        <v>45</v>
      </c>
      <c r="CA19" s="104">
        <v>60</v>
      </c>
      <c r="CB19" s="101">
        <v>0</v>
      </c>
      <c r="CC19" s="102">
        <v>0</v>
      </c>
      <c r="CD19" s="103">
        <v>0</v>
      </c>
      <c r="CE19" s="413">
        <v>0</v>
      </c>
      <c r="CF19" s="102">
        <v>0</v>
      </c>
      <c r="CG19" s="102">
        <v>0</v>
      </c>
      <c r="CH19" s="102">
        <v>0</v>
      </c>
      <c r="CI19" s="102">
        <v>0</v>
      </c>
      <c r="CJ19" s="102">
        <v>0</v>
      </c>
      <c r="CK19" s="103">
        <v>0</v>
      </c>
      <c r="CL19" s="104">
        <v>0</v>
      </c>
      <c r="CM19" s="101">
        <v>25</v>
      </c>
      <c r="CN19" s="102">
        <v>31</v>
      </c>
      <c r="CO19" s="103">
        <v>56</v>
      </c>
      <c r="CP19" s="413">
        <v>0</v>
      </c>
      <c r="CQ19" s="102">
        <v>44</v>
      </c>
      <c r="CR19" s="102">
        <v>68</v>
      </c>
      <c r="CS19" s="102">
        <v>34</v>
      </c>
      <c r="CT19" s="102">
        <v>25</v>
      </c>
      <c r="CU19" s="102">
        <v>23</v>
      </c>
      <c r="CV19" s="103">
        <v>194</v>
      </c>
      <c r="CW19" s="104">
        <v>250</v>
      </c>
      <c r="CX19" s="105">
        <v>18</v>
      </c>
      <c r="CY19" s="97">
        <v>21</v>
      </c>
      <c r="CZ19" s="98">
        <v>39</v>
      </c>
      <c r="DA19" s="413">
        <v>0</v>
      </c>
      <c r="DB19" s="97">
        <v>22</v>
      </c>
      <c r="DC19" s="97">
        <v>31</v>
      </c>
      <c r="DD19" s="97">
        <v>14</v>
      </c>
      <c r="DE19" s="97">
        <v>16</v>
      </c>
      <c r="DF19" s="97">
        <v>8</v>
      </c>
      <c r="DG19" s="99">
        <v>91</v>
      </c>
      <c r="DH19" s="100">
        <v>130</v>
      </c>
      <c r="DI19" s="101">
        <v>0</v>
      </c>
      <c r="DJ19" s="102">
        <v>2</v>
      </c>
      <c r="DK19" s="103">
        <v>2</v>
      </c>
      <c r="DL19" s="413">
        <v>0</v>
      </c>
      <c r="DM19" s="102">
        <v>0</v>
      </c>
      <c r="DN19" s="102">
        <v>0</v>
      </c>
      <c r="DO19" s="102">
        <v>0</v>
      </c>
      <c r="DP19" s="102">
        <v>0</v>
      </c>
      <c r="DQ19" s="102">
        <v>1</v>
      </c>
      <c r="DR19" s="103">
        <v>1</v>
      </c>
      <c r="DS19" s="104">
        <v>3</v>
      </c>
      <c r="DT19" s="101">
        <v>1</v>
      </c>
      <c r="DU19" s="102">
        <v>3</v>
      </c>
      <c r="DV19" s="103">
        <v>4</v>
      </c>
      <c r="DW19" s="413">
        <v>0</v>
      </c>
      <c r="DX19" s="102">
        <v>0</v>
      </c>
      <c r="DY19" s="102">
        <v>1</v>
      </c>
      <c r="DZ19" s="102">
        <v>1</v>
      </c>
      <c r="EA19" s="102">
        <v>0</v>
      </c>
      <c r="EB19" s="102">
        <v>0</v>
      </c>
      <c r="EC19" s="103">
        <v>2</v>
      </c>
      <c r="ED19" s="104">
        <v>6</v>
      </c>
      <c r="EE19" s="101">
        <v>3</v>
      </c>
      <c r="EF19" s="102">
        <v>1</v>
      </c>
      <c r="EG19" s="103">
        <v>4</v>
      </c>
      <c r="EH19" s="413">
        <v>0</v>
      </c>
      <c r="EI19" s="102">
        <v>2</v>
      </c>
      <c r="EJ19" s="102">
        <v>2</v>
      </c>
      <c r="EK19" s="102">
        <v>0</v>
      </c>
      <c r="EL19" s="102">
        <v>2</v>
      </c>
      <c r="EM19" s="102">
        <v>0</v>
      </c>
      <c r="EN19" s="103">
        <v>6</v>
      </c>
      <c r="EO19" s="104">
        <v>10</v>
      </c>
      <c r="EP19" s="101">
        <v>6</v>
      </c>
      <c r="EQ19" s="102">
        <v>6</v>
      </c>
      <c r="ER19" s="103">
        <v>12</v>
      </c>
      <c r="ES19" s="413">
        <v>0</v>
      </c>
      <c r="ET19" s="102">
        <v>3</v>
      </c>
      <c r="EU19" s="102">
        <v>9</v>
      </c>
      <c r="EV19" s="102">
        <v>2</v>
      </c>
      <c r="EW19" s="102">
        <v>2</v>
      </c>
      <c r="EX19" s="102">
        <v>0</v>
      </c>
      <c r="EY19" s="103">
        <v>16</v>
      </c>
      <c r="EZ19" s="104">
        <v>28</v>
      </c>
      <c r="FA19" s="101">
        <v>5</v>
      </c>
      <c r="FB19" s="102">
        <v>4</v>
      </c>
      <c r="FC19" s="103">
        <v>9</v>
      </c>
      <c r="FD19" s="413">
        <v>0</v>
      </c>
      <c r="FE19" s="102">
        <v>13</v>
      </c>
      <c r="FF19" s="102">
        <v>9</v>
      </c>
      <c r="FG19" s="102">
        <v>3</v>
      </c>
      <c r="FH19" s="102">
        <v>3</v>
      </c>
      <c r="FI19" s="102">
        <v>0</v>
      </c>
      <c r="FJ19" s="103">
        <v>28</v>
      </c>
      <c r="FK19" s="104">
        <v>37</v>
      </c>
      <c r="FL19" s="101">
        <v>3</v>
      </c>
      <c r="FM19" s="102">
        <v>5</v>
      </c>
      <c r="FN19" s="103">
        <v>8</v>
      </c>
      <c r="FO19" s="413">
        <v>0</v>
      </c>
      <c r="FP19" s="102">
        <v>4</v>
      </c>
      <c r="FQ19" s="102">
        <v>10</v>
      </c>
      <c r="FR19" s="102">
        <v>8</v>
      </c>
      <c r="FS19" s="102">
        <v>9</v>
      </c>
      <c r="FT19" s="102">
        <v>7</v>
      </c>
      <c r="FU19" s="103">
        <v>38</v>
      </c>
      <c r="FV19" s="104">
        <v>46</v>
      </c>
      <c r="FW19" s="101">
        <v>0</v>
      </c>
      <c r="FX19" s="102">
        <v>0</v>
      </c>
      <c r="FY19" s="103">
        <v>0</v>
      </c>
      <c r="FZ19" s="413">
        <v>0</v>
      </c>
      <c r="GA19" s="102">
        <v>0</v>
      </c>
      <c r="GB19" s="102">
        <v>0</v>
      </c>
      <c r="GC19" s="102">
        <v>0</v>
      </c>
      <c r="GD19" s="102">
        <v>0</v>
      </c>
      <c r="GE19" s="102">
        <v>0</v>
      </c>
      <c r="GF19" s="103">
        <v>0</v>
      </c>
      <c r="GG19" s="104">
        <v>0</v>
      </c>
      <c r="GH19" s="101">
        <v>18</v>
      </c>
      <c r="GI19" s="102">
        <v>21</v>
      </c>
      <c r="GJ19" s="103">
        <v>39</v>
      </c>
      <c r="GK19" s="413">
        <v>0</v>
      </c>
      <c r="GL19" s="102">
        <v>22</v>
      </c>
      <c r="GM19" s="102">
        <v>31</v>
      </c>
      <c r="GN19" s="102">
        <v>14</v>
      </c>
      <c r="GO19" s="102">
        <v>16</v>
      </c>
      <c r="GP19" s="102">
        <v>8</v>
      </c>
      <c r="GQ19" s="103">
        <v>91</v>
      </c>
      <c r="GR19" s="104">
        <v>130</v>
      </c>
      <c r="GS19" s="105">
        <v>43</v>
      </c>
      <c r="GT19" s="97">
        <v>52</v>
      </c>
      <c r="GU19" s="98">
        <v>95</v>
      </c>
      <c r="GV19" s="413">
        <v>0</v>
      </c>
      <c r="GW19" s="97">
        <v>66</v>
      </c>
      <c r="GX19" s="97">
        <v>99</v>
      </c>
      <c r="GY19" s="97">
        <v>48</v>
      </c>
      <c r="GZ19" s="97">
        <v>41</v>
      </c>
      <c r="HA19" s="97">
        <v>31</v>
      </c>
      <c r="HB19" s="99">
        <v>285</v>
      </c>
      <c r="HC19" s="100">
        <v>380</v>
      </c>
      <c r="HD19" s="101">
        <v>0</v>
      </c>
      <c r="HE19" s="102">
        <v>3</v>
      </c>
      <c r="HF19" s="103">
        <v>3</v>
      </c>
      <c r="HG19" s="413">
        <v>0</v>
      </c>
      <c r="HH19" s="102">
        <v>0</v>
      </c>
      <c r="HI19" s="102">
        <v>3</v>
      </c>
      <c r="HJ19" s="102">
        <v>0</v>
      </c>
      <c r="HK19" s="102">
        <v>1</v>
      </c>
      <c r="HL19" s="102">
        <v>4</v>
      </c>
      <c r="HM19" s="103">
        <v>8</v>
      </c>
      <c r="HN19" s="104">
        <v>11</v>
      </c>
      <c r="HO19" s="101">
        <v>6</v>
      </c>
      <c r="HP19" s="102">
        <v>6</v>
      </c>
      <c r="HQ19" s="103">
        <v>12</v>
      </c>
      <c r="HR19" s="413">
        <v>0</v>
      </c>
      <c r="HS19" s="102">
        <v>4</v>
      </c>
      <c r="HT19" s="102">
        <v>7</v>
      </c>
      <c r="HU19" s="102">
        <v>3</v>
      </c>
      <c r="HV19" s="102">
        <v>2</v>
      </c>
      <c r="HW19" s="102">
        <v>1</v>
      </c>
      <c r="HX19" s="103">
        <v>17</v>
      </c>
      <c r="HY19" s="104">
        <v>29</v>
      </c>
      <c r="HZ19" s="101">
        <v>8</v>
      </c>
      <c r="IA19" s="102">
        <v>6</v>
      </c>
      <c r="IB19" s="103">
        <v>14</v>
      </c>
      <c r="IC19" s="413">
        <v>0</v>
      </c>
      <c r="ID19" s="102">
        <v>9</v>
      </c>
      <c r="IE19" s="102">
        <v>11</v>
      </c>
      <c r="IF19" s="102">
        <v>4</v>
      </c>
      <c r="IG19" s="102">
        <v>6</v>
      </c>
      <c r="IH19" s="102">
        <v>3</v>
      </c>
      <c r="II19" s="103">
        <v>33</v>
      </c>
      <c r="IJ19" s="104">
        <v>47</v>
      </c>
      <c r="IK19" s="101">
        <v>12</v>
      </c>
      <c r="IL19" s="102">
        <v>10</v>
      </c>
      <c r="IM19" s="103">
        <v>22</v>
      </c>
      <c r="IN19" s="413">
        <v>0</v>
      </c>
      <c r="IO19" s="102">
        <v>13</v>
      </c>
      <c r="IP19" s="102">
        <v>26</v>
      </c>
      <c r="IQ19" s="102">
        <v>10</v>
      </c>
      <c r="IR19" s="102">
        <v>8</v>
      </c>
      <c r="IS19" s="102">
        <v>3</v>
      </c>
      <c r="IT19" s="103">
        <v>60</v>
      </c>
      <c r="IU19" s="104">
        <v>82</v>
      </c>
      <c r="IV19" s="101">
        <v>10</v>
      </c>
      <c r="IW19" s="102">
        <v>11</v>
      </c>
      <c r="IX19" s="103">
        <v>21</v>
      </c>
      <c r="IY19" s="413">
        <v>0</v>
      </c>
      <c r="IZ19" s="102">
        <v>24</v>
      </c>
      <c r="JA19" s="102">
        <v>30</v>
      </c>
      <c r="JB19" s="102">
        <v>15</v>
      </c>
      <c r="JC19" s="102">
        <v>6</v>
      </c>
      <c r="JD19" s="102">
        <v>9</v>
      </c>
      <c r="JE19" s="103">
        <v>84</v>
      </c>
      <c r="JF19" s="104">
        <v>105</v>
      </c>
      <c r="JG19" s="101">
        <v>7</v>
      </c>
      <c r="JH19" s="102">
        <v>16</v>
      </c>
      <c r="JI19" s="103">
        <v>23</v>
      </c>
      <c r="JJ19" s="413">
        <v>0</v>
      </c>
      <c r="JK19" s="102">
        <v>16</v>
      </c>
      <c r="JL19" s="102">
        <v>22</v>
      </c>
      <c r="JM19" s="102">
        <v>16</v>
      </c>
      <c r="JN19" s="102">
        <v>18</v>
      </c>
      <c r="JO19" s="102">
        <v>11</v>
      </c>
      <c r="JP19" s="103">
        <v>83</v>
      </c>
      <c r="JQ19" s="104">
        <v>106</v>
      </c>
      <c r="JR19" s="101">
        <v>0</v>
      </c>
      <c r="JS19" s="102">
        <v>0</v>
      </c>
      <c r="JT19" s="103">
        <v>0</v>
      </c>
      <c r="JU19" s="413">
        <v>0</v>
      </c>
      <c r="JV19" s="102">
        <v>0</v>
      </c>
      <c r="JW19" s="102">
        <v>0</v>
      </c>
      <c r="JX19" s="102">
        <v>0</v>
      </c>
      <c r="JY19" s="102">
        <v>0</v>
      </c>
      <c r="JZ19" s="102">
        <v>0</v>
      </c>
      <c r="KA19" s="103">
        <v>0</v>
      </c>
      <c r="KB19" s="104">
        <v>0</v>
      </c>
      <c r="KC19" s="101">
        <v>43</v>
      </c>
      <c r="KD19" s="102">
        <v>52</v>
      </c>
      <c r="KE19" s="103">
        <v>95</v>
      </c>
      <c r="KF19" s="413">
        <v>0</v>
      </c>
      <c r="KG19" s="102">
        <v>66</v>
      </c>
      <c r="KH19" s="102">
        <v>99</v>
      </c>
      <c r="KI19" s="102">
        <v>48</v>
      </c>
      <c r="KJ19" s="102">
        <v>41</v>
      </c>
      <c r="KK19" s="102">
        <v>31</v>
      </c>
      <c r="KL19" s="103">
        <v>285</v>
      </c>
      <c r="KM19" s="104">
        <v>380</v>
      </c>
    </row>
    <row r="20" spans="2:299" s="70" customFormat="1" ht="21" customHeight="1" x14ac:dyDescent="0.2">
      <c r="B20" s="106" t="s">
        <v>17</v>
      </c>
      <c r="C20" s="96">
        <v>56</v>
      </c>
      <c r="D20" s="97">
        <v>53</v>
      </c>
      <c r="E20" s="98">
        <v>109</v>
      </c>
      <c r="F20" s="413">
        <v>0</v>
      </c>
      <c r="G20" s="97">
        <v>76</v>
      </c>
      <c r="H20" s="97">
        <v>91</v>
      </c>
      <c r="I20" s="97">
        <v>64</v>
      </c>
      <c r="J20" s="97">
        <v>51</v>
      </c>
      <c r="K20" s="97">
        <v>18</v>
      </c>
      <c r="L20" s="99">
        <v>300</v>
      </c>
      <c r="M20" s="100">
        <v>409</v>
      </c>
      <c r="N20" s="101">
        <v>4</v>
      </c>
      <c r="O20" s="102">
        <v>1</v>
      </c>
      <c r="P20" s="103">
        <v>5</v>
      </c>
      <c r="Q20" s="413">
        <v>0</v>
      </c>
      <c r="R20" s="102">
        <v>5</v>
      </c>
      <c r="S20" s="102">
        <v>3</v>
      </c>
      <c r="T20" s="102">
        <v>1</v>
      </c>
      <c r="U20" s="102">
        <v>6</v>
      </c>
      <c r="V20" s="102">
        <v>1</v>
      </c>
      <c r="W20" s="103">
        <v>16</v>
      </c>
      <c r="X20" s="104">
        <v>21</v>
      </c>
      <c r="Y20" s="101">
        <v>5</v>
      </c>
      <c r="Z20" s="102">
        <v>7</v>
      </c>
      <c r="AA20" s="103">
        <v>12</v>
      </c>
      <c r="AB20" s="413">
        <v>0</v>
      </c>
      <c r="AC20" s="102">
        <v>8</v>
      </c>
      <c r="AD20" s="102">
        <v>14</v>
      </c>
      <c r="AE20" s="102">
        <v>5</v>
      </c>
      <c r="AF20" s="102">
        <v>5</v>
      </c>
      <c r="AG20" s="102">
        <v>0</v>
      </c>
      <c r="AH20" s="103">
        <v>32</v>
      </c>
      <c r="AI20" s="104">
        <v>44</v>
      </c>
      <c r="AJ20" s="101">
        <v>8</v>
      </c>
      <c r="AK20" s="102">
        <v>6</v>
      </c>
      <c r="AL20" s="103">
        <v>14</v>
      </c>
      <c r="AM20" s="413">
        <v>0</v>
      </c>
      <c r="AN20" s="102">
        <v>11</v>
      </c>
      <c r="AO20" s="102">
        <v>11</v>
      </c>
      <c r="AP20" s="102">
        <v>10</v>
      </c>
      <c r="AQ20" s="102">
        <v>5</v>
      </c>
      <c r="AR20" s="102">
        <v>1</v>
      </c>
      <c r="AS20" s="103">
        <v>38</v>
      </c>
      <c r="AT20" s="104">
        <v>52</v>
      </c>
      <c r="AU20" s="101">
        <v>11</v>
      </c>
      <c r="AV20" s="102">
        <v>7</v>
      </c>
      <c r="AW20" s="103">
        <v>18</v>
      </c>
      <c r="AX20" s="413">
        <v>0</v>
      </c>
      <c r="AY20" s="102">
        <v>16</v>
      </c>
      <c r="AZ20" s="102">
        <v>24</v>
      </c>
      <c r="BA20" s="102">
        <v>13</v>
      </c>
      <c r="BB20" s="102">
        <v>9</v>
      </c>
      <c r="BC20" s="102">
        <v>6</v>
      </c>
      <c r="BD20" s="103">
        <v>68</v>
      </c>
      <c r="BE20" s="104">
        <v>86</v>
      </c>
      <c r="BF20" s="101">
        <v>22</v>
      </c>
      <c r="BG20" s="102">
        <v>17</v>
      </c>
      <c r="BH20" s="103">
        <v>39</v>
      </c>
      <c r="BI20" s="413">
        <v>0</v>
      </c>
      <c r="BJ20" s="102">
        <v>21</v>
      </c>
      <c r="BK20" s="102">
        <v>18</v>
      </c>
      <c r="BL20" s="102">
        <v>17</v>
      </c>
      <c r="BM20" s="102">
        <v>13</v>
      </c>
      <c r="BN20" s="102">
        <v>4</v>
      </c>
      <c r="BO20" s="103">
        <v>73</v>
      </c>
      <c r="BP20" s="104">
        <v>112</v>
      </c>
      <c r="BQ20" s="101">
        <v>6</v>
      </c>
      <c r="BR20" s="102">
        <v>15</v>
      </c>
      <c r="BS20" s="103">
        <v>21</v>
      </c>
      <c r="BT20" s="413">
        <v>0</v>
      </c>
      <c r="BU20" s="102">
        <v>15</v>
      </c>
      <c r="BV20" s="102">
        <v>21</v>
      </c>
      <c r="BW20" s="102">
        <v>18</v>
      </c>
      <c r="BX20" s="102">
        <v>13</v>
      </c>
      <c r="BY20" s="102">
        <v>6</v>
      </c>
      <c r="BZ20" s="103">
        <v>73</v>
      </c>
      <c r="CA20" s="104">
        <v>94</v>
      </c>
      <c r="CB20" s="101">
        <v>0</v>
      </c>
      <c r="CC20" s="102">
        <v>0</v>
      </c>
      <c r="CD20" s="103">
        <v>0</v>
      </c>
      <c r="CE20" s="413">
        <v>0</v>
      </c>
      <c r="CF20" s="102">
        <v>0</v>
      </c>
      <c r="CG20" s="102">
        <v>0</v>
      </c>
      <c r="CH20" s="102">
        <v>0</v>
      </c>
      <c r="CI20" s="102">
        <v>0</v>
      </c>
      <c r="CJ20" s="102">
        <v>0</v>
      </c>
      <c r="CK20" s="103">
        <v>0</v>
      </c>
      <c r="CL20" s="104">
        <v>0</v>
      </c>
      <c r="CM20" s="101">
        <v>56</v>
      </c>
      <c r="CN20" s="102">
        <v>53</v>
      </c>
      <c r="CO20" s="103">
        <v>109</v>
      </c>
      <c r="CP20" s="413">
        <v>0</v>
      </c>
      <c r="CQ20" s="102">
        <v>76</v>
      </c>
      <c r="CR20" s="102">
        <v>91</v>
      </c>
      <c r="CS20" s="102">
        <v>64</v>
      </c>
      <c r="CT20" s="102">
        <v>51</v>
      </c>
      <c r="CU20" s="102">
        <v>18</v>
      </c>
      <c r="CV20" s="103">
        <v>300</v>
      </c>
      <c r="CW20" s="104">
        <v>409</v>
      </c>
      <c r="CX20" s="105">
        <v>15</v>
      </c>
      <c r="CY20" s="97">
        <v>28</v>
      </c>
      <c r="CZ20" s="98">
        <v>43</v>
      </c>
      <c r="DA20" s="413">
        <v>0</v>
      </c>
      <c r="DB20" s="97">
        <v>35</v>
      </c>
      <c r="DC20" s="97">
        <v>42</v>
      </c>
      <c r="DD20" s="97">
        <v>32</v>
      </c>
      <c r="DE20" s="97">
        <v>26</v>
      </c>
      <c r="DF20" s="97">
        <v>22</v>
      </c>
      <c r="DG20" s="99">
        <v>157</v>
      </c>
      <c r="DH20" s="100">
        <v>200</v>
      </c>
      <c r="DI20" s="101">
        <v>1</v>
      </c>
      <c r="DJ20" s="102">
        <v>0</v>
      </c>
      <c r="DK20" s="103">
        <v>1</v>
      </c>
      <c r="DL20" s="413">
        <v>0</v>
      </c>
      <c r="DM20" s="102">
        <v>0</v>
      </c>
      <c r="DN20" s="102">
        <v>0</v>
      </c>
      <c r="DO20" s="102">
        <v>0</v>
      </c>
      <c r="DP20" s="102">
        <v>0</v>
      </c>
      <c r="DQ20" s="102">
        <v>0</v>
      </c>
      <c r="DR20" s="103">
        <v>0</v>
      </c>
      <c r="DS20" s="104">
        <v>1</v>
      </c>
      <c r="DT20" s="101">
        <v>4</v>
      </c>
      <c r="DU20" s="102">
        <v>2</v>
      </c>
      <c r="DV20" s="103">
        <v>6</v>
      </c>
      <c r="DW20" s="413">
        <v>0</v>
      </c>
      <c r="DX20" s="102">
        <v>1</v>
      </c>
      <c r="DY20" s="102">
        <v>1</v>
      </c>
      <c r="DZ20" s="102">
        <v>0</v>
      </c>
      <c r="EA20" s="102">
        <v>3</v>
      </c>
      <c r="EB20" s="102">
        <v>0</v>
      </c>
      <c r="EC20" s="103">
        <v>5</v>
      </c>
      <c r="ED20" s="104">
        <v>11</v>
      </c>
      <c r="EE20" s="101">
        <v>3</v>
      </c>
      <c r="EF20" s="102">
        <v>1</v>
      </c>
      <c r="EG20" s="103">
        <v>4</v>
      </c>
      <c r="EH20" s="413">
        <v>0</v>
      </c>
      <c r="EI20" s="102">
        <v>3</v>
      </c>
      <c r="EJ20" s="102">
        <v>4</v>
      </c>
      <c r="EK20" s="102">
        <v>6</v>
      </c>
      <c r="EL20" s="102">
        <v>4</v>
      </c>
      <c r="EM20" s="102">
        <v>1</v>
      </c>
      <c r="EN20" s="103">
        <v>18</v>
      </c>
      <c r="EO20" s="104">
        <v>22</v>
      </c>
      <c r="EP20" s="101">
        <v>3</v>
      </c>
      <c r="EQ20" s="102">
        <v>7</v>
      </c>
      <c r="ER20" s="103">
        <v>10</v>
      </c>
      <c r="ES20" s="413">
        <v>0</v>
      </c>
      <c r="ET20" s="102">
        <v>9</v>
      </c>
      <c r="EU20" s="102">
        <v>9</v>
      </c>
      <c r="EV20" s="102">
        <v>5</v>
      </c>
      <c r="EW20" s="102">
        <v>4</v>
      </c>
      <c r="EX20" s="102">
        <v>6</v>
      </c>
      <c r="EY20" s="103">
        <v>33</v>
      </c>
      <c r="EZ20" s="104">
        <v>43</v>
      </c>
      <c r="FA20" s="101">
        <v>4</v>
      </c>
      <c r="FB20" s="102">
        <v>14</v>
      </c>
      <c r="FC20" s="103">
        <v>18</v>
      </c>
      <c r="FD20" s="413">
        <v>0</v>
      </c>
      <c r="FE20" s="102">
        <v>11</v>
      </c>
      <c r="FF20" s="102">
        <v>11</v>
      </c>
      <c r="FG20" s="102">
        <v>6</v>
      </c>
      <c r="FH20" s="102">
        <v>2</v>
      </c>
      <c r="FI20" s="102">
        <v>8</v>
      </c>
      <c r="FJ20" s="103">
        <v>38</v>
      </c>
      <c r="FK20" s="104">
        <v>56</v>
      </c>
      <c r="FL20" s="101">
        <v>0</v>
      </c>
      <c r="FM20" s="102">
        <v>4</v>
      </c>
      <c r="FN20" s="103">
        <v>4</v>
      </c>
      <c r="FO20" s="413">
        <v>0</v>
      </c>
      <c r="FP20" s="102">
        <v>11</v>
      </c>
      <c r="FQ20" s="102">
        <v>17</v>
      </c>
      <c r="FR20" s="102">
        <v>15</v>
      </c>
      <c r="FS20" s="102">
        <v>13</v>
      </c>
      <c r="FT20" s="102">
        <v>7</v>
      </c>
      <c r="FU20" s="103">
        <v>63</v>
      </c>
      <c r="FV20" s="104">
        <v>67</v>
      </c>
      <c r="FW20" s="101">
        <v>0</v>
      </c>
      <c r="FX20" s="102">
        <v>0</v>
      </c>
      <c r="FY20" s="103">
        <v>0</v>
      </c>
      <c r="FZ20" s="413">
        <v>0</v>
      </c>
      <c r="GA20" s="102">
        <v>0</v>
      </c>
      <c r="GB20" s="102">
        <v>0</v>
      </c>
      <c r="GC20" s="102">
        <v>0</v>
      </c>
      <c r="GD20" s="102">
        <v>0</v>
      </c>
      <c r="GE20" s="102">
        <v>0</v>
      </c>
      <c r="GF20" s="103">
        <v>0</v>
      </c>
      <c r="GG20" s="104">
        <v>0</v>
      </c>
      <c r="GH20" s="101">
        <v>15</v>
      </c>
      <c r="GI20" s="102">
        <v>28</v>
      </c>
      <c r="GJ20" s="103">
        <v>43</v>
      </c>
      <c r="GK20" s="413">
        <v>0</v>
      </c>
      <c r="GL20" s="102">
        <v>35</v>
      </c>
      <c r="GM20" s="102">
        <v>42</v>
      </c>
      <c r="GN20" s="102">
        <v>32</v>
      </c>
      <c r="GO20" s="102">
        <v>26</v>
      </c>
      <c r="GP20" s="102">
        <v>22</v>
      </c>
      <c r="GQ20" s="103">
        <v>157</v>
      </c>
      <c r="GR20" s="104">
        <v>200</v>
      </c>
      <c r="GS20" s="105">
        <v>71</v>
      </c>
      <c r="GT20" s="97">
        <v>81</v>
      </c>
      <c r="GU20" s="98">
        <v>152</v>
      </c>
      <c r="GV20" s="413">
        <v>0</v>
      </c>
      <c r="GW20" s="97">
        <v>111</v>
      </c>
      <c r="GX20" s="97">
        <v>133</v>
      </c>
      <c r="GY20" s="97">
        <v>96</v>
      </c>
      <c r="GZ20" s="97">
        <v>77</v>
      </c>
      <c r="HA20" s="97">
        <v>40</v>
      </c>
      <c r="HB20" s="99">
        <v>457</v>
      </c>
      <c r="HC20" s="100">
        <v>609</v>
      </c>
      <c r="HD20" s="101">
        <v>5</v>
      </c>
      <c r="HE20" s="102">
        <v>1</v>
      </c>
      <c r="HF20" s="103">
        <v>6</v>
      </c>
      <c r="HG20" s="413">
        <v>0</v>
      </c>
      <c r="HH20" s="102">
        <v>5</v>
      </c>
      <c r="HI20" s="102">
        <v>3</v>
      </c>
      <c r="HJ20" s="102">
        <v>1</v>
      </c>
      <c r="HK20" s="102">
        <v>6</v>
      </c>
      <c r="HL20" s="102">
        <v>1</v>
      </c>
      <c r="HM20" s="103">
        <v>16</v>
      </c>
      <c r="HN20" s="104">
        <v>22</v>
      </c>
      <c r="HO20" s="101">
        <v>9</v>
      </c>
      <c r="HP20" s="102">
        <v>9</v>
      </c>
      <c r="HQ20" s="103">
        <v>18</v>
      </c>
      <c r="HR20" s="413">
        <v>0</v>
      </c>
      <c r="HS20" s="102">
        <v>9</v>
      </c>
      <c r="HT20" s="102">
        <v>15</v>
      </c>
      <c r="HU20" s="102">
        <v>5</v>
      </c>
      <c r="HV20" s="102">
        <v>8</v>
      </c>
      <c r="HW20" s="102">
        <v>0</v>
      </c>
      <c r="HX20" s="103">
        <v>37</v>
      </c>
      <c r="HY20" s="104">
        <v>55</v>
      </c>
      <c r="HZ20" s="101">
        <v>11</v>
      </c>
      <c r="IA20" s="102">
        <v>7</v>
      </c>
      <c r="IB20" s="103">
        <v>18</v>
      </c>
      <c r="IC20" s="413">
        <v>0</v>
      </c>
      <c r="ID20" s="102">
        <v>14</v>
      </c>
      <c r="IE20" s="102">
        <v>15</v>
      </c>
      <c r="IF20" s="102">
        <v>16</v>
      </c>
      <c r="IG20" s="102">
        <v>9</v>
      </c>
      <c r="IH20" s="102">
        <v>2</v>
      </c>
      <c r="II20" s="103">
        <v>56</v>
      </c>
      <c r="IJ20" s="104">
        <v>74</v>
      </c>
      <c r="IK20" s="101">
        <v>14</v>
      </c>
      <c r="IL20" s="102">
        <v>14</v>
      </c>
      <c r="IM20" s="103">
        <v>28</v>
      </c>
      <c r="IN20" s="413">
        <v>0</v>
      </c>
      <c r="IO20" s="102">
        <v>25</v>
      </c>
      <c r="IP20" s="102">
        <v>33</v>
      </c>
      <c r="IQ20" s="102">
        <v>18</v>
      </c>
      <c r="IR20" s="102">
        <v>13</v>
      </c>
      <c r="IS20" s="102">
        <v>12</v>
      </c>
      <c r="IT20" s="103">
        <v>101</v>
      </c>
      <c r="IU20" s="104">
        <v>129</v>
      </c>
      <c r="IV20" s="101">
        <v>26</v>
      </c>
      <c r="IW20" s="102">
        <v>31</v>
      </c>
      <c r="IX20" s="103">
        <v>57</v>
      </c>
      <c r="IY20" s="413">
        <v>0</v>
      </c>
      <c r="IZ20" s="102">
        <v>32</v>
      </c>
      <c r="JA20" s="102">
        <v>29</v>
      </c>
      <c r="JB20" s="102">
        <v>23</v>
      </c>
      <c r="JC20" s="102">
        <v>15</v>
      </c>
      <c r="JD20" s="102">
        <v>12</v>
      </c>
      <c r="JE20" s="103">
        <v>111</v>
      </c>
      <c r="JF20" s="104">
        <v>168</v>
      </c>
      <c r="JG20" s="101">
        <v>6</v>
      </c>
      <c r="JH20" s="102">
        <v>19</v>
      </c>
      <c r="JI20" s="103">
        <v>25</v>
      </c>
      <c r="JJ20" s="413">
        <v>0</v>
      </c>
      <c r="JK20" s="102">
        <v>26</v>
      </c>
      <c r="JL20" s="102">
        <v>38</v>
      </c>
      <c r="JM20" s="102">
        <v>33</v>
      </c>
      <c r="JN20" s="102">
        <v>26</v>
      </c>
      <c r="JO20" s="102">
        <v>13</v>
      </c>
      <c r="JP20" s="103">
        <v>136</v>
      </c>
      <c r="JQ20" s="104">
        <v>161</v>
      </c>
      <c r="JR20" s="101">
        <v>0</v>
      </c>
      <c r="JS20" s="102">
        <v>0</v>
      </c>
      <c r="JT20" s="103">
        <v>0</v>
      </c>
      <c r="JU20" s="413">
        <v>0</v>
      </c>
      <c r="JV20" s="102">
        <v>0</v>
      </c>
      <c r="JW20" s="102">
        <v>0</v>
      </c>
      <c r="JX20" s="102">
        <v>0</v>
      </c>
      <c r="JY20" s="102">
        <v>0</v>
      </c>
      <c r="JZ20" s="102">
        <v>0</v>
      </c>
      <c r="KA20" s="103">
        <v>0</v>
      </c>
      <c r="KB20" s="104">
        <v>0</v>
      </c>
      <c r="KC20" s="101">
        <v>71</v>
      </c>
      <c r="KD20" s="102">
        <v>81</v>
      </c>
      <c r="KE20" s="103">
        <v>152</v>
      </c>
      <c r="KF20" s="413">
        <v>0</v>
      </c>
      <c r="KG20" s="102">
        <v>111</v>
      </c>
      <c r="KH20" s="102">
        <v>133</v>
      </c>
      <c r="KI20" s="102">
        <v>96</v>
      </c>
      <c r="KJ20" s="102">
        <v>77</v>
      </c>
      <c r="KK20" s="102">
        <v>40</v>
      </c>
      <c r="KL20" s="103">
        <v>457</v>
      </c>
      <c r="KM20" s="104">
        <v>609</v>
      </c>
    </row>
    <row r="21" spans="2:299" s="70" customFormat="1" ht="21" customHeight="1" x14ac:dyDescent="0.2">
      <c r="B21" s="106" t="s">
        <v>18</v>
      </c>
      <c r="C21" s="96">
        <v>72</v>
      </c>
      <c r="D21" s="97">
        <v>65</v>
      </c>
      <c r="E21" s="98">
        <v>137</v>
      </c>
      <c r="F21" s="413">
        <v>0</v>
      </c>
      <c r="G21" s="97">
        <v>141</v>
      </c>
      <c r="H21" s="97">
        <v>97</v>
      </c>
      <c r="I21" s="97">
        <v>59</v>
      </c>
      <c r="J21" s="97">
        <v>45</v>
      </c>
      <c r="K21" s="97">
        <v>35</v>
      </c>
      <c r="L21" s="99">
        <v>377</v>
      </c>
      <c r="M21" s="100">
        <v>514</v>
      </c>
      <c r="N21" s="101">
        <v>7</v>
      </c>
      <c r="O21" s="102">
        <v>1</v>
      </c>
      <c r="P21" s="103">
        <v>8</v>
      </c>
      <c r="Q21" s="413">
        <v>0</v>
      </c>
      <c r="R21" s="102">
        <v>10</v>
      </c>
      <c r="S21" s="102">
        <v>3</v>
      </c>
      <c r="T21" s="102">
        <v>4</v>
      </c>
      <c r="U21" s="102">
        <v>1</v>
      </c>
      <c r="V21" s="102">
        <v>5</v>
      </c>
      <c r="W21" s="103">
        <v>23</v>
      </c>
      <c r="X21" s="104">
        <v>31</v>
      </c>
      <c r="Y21" s="101">
        <v>6</v>
      </c>
      <c r="Z21" s="102">
        <v>6</v>
      </c>
      <c r="AA21" s="103">
        <v>12</v>
      </c>
      <c r="AB21" s="413">
        <v>0</v>
      </c>
      <c r="AC21" s="102">
        <v>9</v>
      </c>
      <c r="AD21" s="102">
        <v>6</v>
      </c>
      <c r="AE21" s="102">
        <v>7</v>
      </c>
      <c r="AF21" s="102">
        <v>3</v>
      </c>
      <c r="AG21" s="102">
        <v>3</v>
      </c>
      <c r="AH21" s="103">
        <v>28</v>
      </c>
      <c r="AI21" s="104">
        <v>40</v>
      </c>
      <c r="AJ21" s="101">
        <v>11</v>
      </c>
      <c r="AK21" s="102">
        <v>6</v>
      </c>
      <c r="AL21" s="103">
        <v>17</v>
      </c>
      <c r="AM21" s="413">
        <v>0</v>
      </c>
      <c r="AN21" s="102">
        <v>19</v>
      </c>
      <c r="AO21" s="102">
        <v>10</v>
      </c>
      <c r="AP21" s="102">
        <v>4</v>
      </c>
      <c r="AQ21" s="102">
        <v>6</v>
      </c>
      <c r="AR21" s="102">
        <v>9</v>
      </c>
      <c r="AS21" s="103">
        <v>48</v>
      </c>
      <c r="AT21" s="104">
        <v>65</v>
      </c>
      <c r="AU21" s="101">
        <v>13</v>
      </c>
      <c r="AV21" s="102">
        <v>19</v>
      </c>
      <c r="AW21" s="103">
        <v>32</v>
      </c>
      <c r="AX21" s="413">
        <v>0</v>
      </c>
      <c r="AY21" s="102">
        <v>35</v>
      </c>
      <c r="AZ21" s="102">
        <v>27</v>
      </c>
      <c r="BA21" s="102">
        <v>14</v>
      </c>
      <c r="BB21" s="102">
        <v>12</v>
      </c>
      <c r="BC21" s="102">
        <v>9</v>
      </c>
      <c r="BD21" s="103">
        <v>97</v>
      </c>
      <c r="BE21" s="104">
        <v>129</v>
      </c>
      <c r="BF21" s="101">
        <v>20</v>
      </c>
      <c r="BG21" s="102">
        <v>23</v>
      </c>
      <c r="BH21" s="103">
        <v>43</v>
      </c>
      <c r="BI21" s="413">
        <v>0</v>
      </c>
      <c r="BJ21" s="102">
        <v>35</v>
      </c>
      <c r="BK21" s="102">
        <v>24</v>
      </c>
      <c r="BL21" s="102">
        <v>16</v>
      </c>
      <c r="BM21" s="102">
        <v>16</v>
      </c>
      <c r="BN21" s="102">
        <v>6</v>
      </c>
      <c r="BO21" s="103">
        <v>97</v>
      </c>
      <c r="BP21" s="104">
        <v>140</v>
      </c>
      <c r="BQ21" s="101">
        <v>15</v>
      </c>
      <c r="BR21" s="102">
        <v>10</v>
      </c>
      <c r="BS21" s="103">
        <v>25</v>
      </c>
      <c r="BT21" s="413">
        <v>0</v>
      </c>
      <c r="BU21" s="102">
        <v>33</v>
      </c>
      <c r="BV21" s="102">
        <v>27</v>
      </c>
      <c r="BW21" s="102">
        <v>14</v>
      </c>
      <c r="BX21" s="102">
        <v>7</v>
      </c>
      <c r="BY21" s="102">
        <v>3</v>
      </c>
      <c r="BZ21" s="103">
        <v>84</v>
      </c>
      <c r="CA21" s="104">
        <v>109</v>
      </c>
      <c r="CB21" s="101">
        <v>0</v>
      </c>
      <c r="CC21" s="102">
        <v>0</v>
      </c>
      <c r="CD21" s="103">
        <v>0</v>
      </c>
      <c r="CE21" s="413">
        <v>0</v>
      </c>
      <c r="CF21" s="102">
        <v>0</v>
      </c>
      <c r="CG21" s="102">
        <v>0</v>
      </c>
      <c r="CH21" s="102">
        <v>0</v>
      </c>
      <c r="CI21" s="102">
        <v>0</v>
      </c>
      <c r="CJ21" s="102">
        <v>0</v>
      </c>
      <c r="CK21" s="103">
        <v>0</v>
      </c>
      <c r="CL21" s="104">
        <v>0</v>
      </c>
      <c r="CM21" s="101">
        <v>72</v>
      </c>
      <c r="CN21" s="102">
        <v>65</v>
      </c>
      <c r="CO21" s="103">
        <v>137</v>
      </c>
      <c r="CP21" s="413">
        <v>0</v>
      </c>
      <c r="CQ21" s="102">
        <v>141</v>
      </c>
      <c r="CR21" s="102">
        <v>97</v>
      </c>
      <c r="CS21" s="102">
        <v>59</v>
      </c>
      <c r="CT21" s="102">
        <v>45</v>
      </c>
      <c r="CU21" s="102">
        <v>35</v>
      </c>
      <c r="CV21" s="103">
        <v>377</v>
      </c>
      <c r="CW21" s="104">
        <v>514</v>
      </c>
      <c r="CX21" s="105">
        <v>19</v>
      </c>
      <c r="CY21" s="97">
        <v>34</v>
      </c>
      <c r="CZ21" s="98">
        <v>53</v>
      </c>
      <c r="DA21" s="413">
        <v>0</v>
      </c>
      <c r="DB21" s="97">
        <v>46</v>
      </c>
      <c r="DC21" s="97">
        <v>35</v>
      </c>
      <c r="DD21" s="97">
        <v>36</v>
      </c>
      <c r="DE21" s="97">
        <v>27</v>
      </c>
      <c r="DF21" s="97">
        <v>26</v>
      </c>
      <c r="DG21" s="99">
        <v>170</v>
      </c>
      <c r="DH21" s="100">
        <v>223</v>
      </c>
      <c r="DI21" s="101">
        <v>0</v>
      </c>
      <c r="DJ21" s="102">
        <v>0</v>
      </c>
      <c r="DK21" s="103">
        <v>0</v>
      </c>
      <c r="DL21" s="413">
        <v>0</v>
      </c>
      <c r="DM21" s="102">
        <v>1</v>
      </c>
      <c r="DN21" s="102">
        <v>3</v>
      </c>
      <c r="DO21" s="102">
        <v>1</v>
      </c>
      <c r="DP21" s="102">
        <v>1</v>
      </c>
      <c r="DQ21" s="102">
        <v>1</v>
      </c>
      <c r="DR21" s="103">
        <v>7</v>
      </c>
      <c r="DS21" s="104">
        <v>7</v>
      </c>
      <c r="DT21" s="101">
        <v>1</v>
      </c>
      <c r="DU21" s="102">
        <v>4</v>
      </c>
      <c r="DV21" s="103">
        <v>5</v>
      </c>
      <c r="DW21" s="413">
        <v>0</v>
      </c>
      <c r="DX21" s="102">
        <v>2</v>
      </c>
      <c r="DY21" s="102">
        <v>1</v>
      </c>
      <c r="DZ21" s="102">
        <v>0</v>
      </c>
      <c r="EA21" s="102">
        <v>4</v>
      </c>
      <c r="EB21" s="102">
        <v>0</v>
      </c>
      <c r="EC21" s="103">
        <v>7</v>
      </c>
      <c r="ED21" s="104">
        <v>12</v>
      </c>
      <c r="EE21" s="101">
        <v>1</v>
      </c>
      <c r="EF21" s="102">
        <v>11</v>
      </c>
      <c r="EG21" s="103">
        <v>12</v>
      </c>
      <c r="EH21" s="413">
        <v>0</v>
      </c>
      <c r="EI21" s="102">
        <v>9</v>
      </c>
      <c r="EJ21" s="102">
        <v>4</v>
      </c>
      <c r="EK21" s="102">
        <v>5</v>
      </c>
      <c r="EL21" s="102">
        <v>0</v>
      </c>
      <c r="EM21" s="102">
        <v>2</v>
      </c>
      <c r="EN21" s="103">
        <v>20</v>
      </c>
      <c r="EO21" s="104">
        <v>32</v>
      </c>
      <c r="EP21" s="101">
        <v>9</v>
      </c>
      <c r="EQ21" s="102">
        <v>5</v>
      </c>
      <c r="ER21" s="103">
        <v>14</v>
      </c>
      <c r="ES21" s="413">
        <v>0</v>
      </c>
      <c r="ET21" s="102">
        <v>6</v>
      </c>
      <c r="EU21" s="102">
        <v>6</v>
      </c>
      <c r="EV21" s="102">
        <v>3</v>
      </c>
      <c r="EW21" s="102">
        <v>6</v>
      </c>
      <c r="EX21" s="102">
        <v>4</v>
      </c>
      <c r="EY21" s="103">
        <v>25</v>
      </c>
      <c r="EZ21" s="104">
        <v>39</v>
      </c>
      <c r="FA21" s="101">
        <v>6</v>
      </c>
      <c r="FB21" s="102">
        <v>11</v>
      </c>
      <c r="FC21" s="103">
        <v>17</v>
      </c>
      <c r="FD21" s="413">
        <v>0</v>
      </c>
      <c r="FE21" s="102">
        <v>16</v>
      </c>
      <c r="FF21" s="102">
        <v>9</v>
      </c>
      <c r="FG21" s="102">
        <v>12</v>
      </c>
      <c r="FH21" s="102">
        <v>9</v>
      </c>
      <c r="FI21" s="102">
        <v>6</v>
      </c>
      <c r="FJ21" s="103">
        <v>52</v>
      </c>
      <c r="FK21" s="104">
        <v>69</v>
      </c>
      <c r="FL21" s="101">
        <v>2</v>
      </c>
      <c r="FM21" s="102">
        <v>3</v>
      </c>
      <c r="FN21" s="103">
        <v>5</v>
      </c>
      <c r="FO21" s="413">
        <v>0</v>
      </c>
      <c r="FP21" s="102">
        <v>12</v>
      </c>
      <c r="FQ21" s="102">
        <v>12</v>
      </c>
      <c r="FR21" s="102">
        <v>15</v>
      </c>
      <c r="FS21" s="102">
        <v>7</v>
      </c>
      <c r="FT21" s="102">
        <v>13</v>
      </c>
      <c r="FU21" s="103">
        <v>59</v>
      </c>
      <c r="FV21" s="104">
        <v>64</v>
      </c>
      <c r="FW21" s="101">
        <v>0</v>
      </c>
      <c r="FX21" s="102">
        <v>0</v>
      </c>
      <c r="FY21" s="103">
        <v>0</v>
      </c>
      <c r="FZ21" s="413">
        <v>0</v>
      </c>
      <c r="GA21" s="102">
        <v>0</v>
      </c>
      <c r="GB21" s="102">
        <v>0</v>
      </c>
      <c r="GC21" s="102">
        <v>0</v>
      </c>
      <c r="GD21" s="102">
        <v>0</v>
      </c>
      <c r="GE21" s="102">
        <v>0</v>
      </c>
      <c r="GF21" s="103">
        <v>0</v>
      </c>
      <c r="GG21" s="104">
        <v>0</v>
      </c>
      <c r="GH21" s="101">
        <v>19</v>
      </c>
      <c r="GI21" s="102">
        <v>34</v>
      </c>
      <c r="GJ21" s="103">
        <v>53</v>
      </c>
      <c r="GK21" s="413">
        <v>0</v>
      </c>
      <c r="GL21" s="102">
        <v>46</v>
      </c>
      <c r="GM21" s="102">
        <v>35</v>
      </c>
      <c r="GN21" s="102">
        <v>36</v>
      </c>
      <c r="GO21" s="102">
        <v>27</v>
      </c>
      <c r="GP21" s="102">
        <v>26</v>
      </c>
      <c r="GQ21" s="103">
        <v>170</v>
      </c>
      <c r="GR21" s="104">
        <v>223</v>
      </c>
      <c r="GS21" s="105">
        <v>91</v>
      </c>
      <c r="GT21" s="97">
        <v>99</v>
      </c>
      <c r="GU21" s="98">
        <v>190</v>
      </c>
      <c r="GV21" s="413">
        <v>0</v>
      </c>
      <c r="GW21" s="97">
        <v>187</v>
      </c>
      <c r="GX21" s="97">
        <v>132</v>
      </c>
      <c r="GY21" s="97">
        <v>95</v>
      </c>
      <c r="GZ21" s="97">
        <v>72</v>
      </c>
      <c r="HA21" s="97">
        <v>61</v>
      </c>
      <c r="HB21" s="99">
        <v>547</v>
      </c>
      <c r="HC21" s="100">
        <v>737</v>
      </c>
      <c r="HD21" s="101">
        <v>7</v>
      </c>
      <c r="HE21" s="102">
        <v>1</v>
      </c>
      <c r="HF21" s="103">
        <v>8</v>
      </c>
      <c r="HG21" s="413">
        <v>0</v>
      </c>
      <c r="HH21" s="102">
        <v>11</v>
      </c>
      <c r="HI21" s="102">
        <v>6</v>
      </c>
      <c r="HJ21" s="102">
        <v>5</v>
      </c>
      <c r="HK21" s="102">
        <v>2</v>
      </c>
      <c r="HL21" s="102">
        <v>6</v>
      </c>
      <c r="HM21" s="103">
        <v>30</v>
      </c>
      <c r="HN21" s="104">
        <v>38</v>
      </c>
      <c r="HO21" s="101">
        <v>7</v>
      </c>
      <c r="HP21" s="102">
        <v>10</v>
      </c>
      <c r="HQ21" s="103">
        <v>17</v>
      </c>
      <c r="HR21" s="413">
        <v>0</v>
      </c>
      <c r="HS21" s="102">
        <v>11</v>
      </c>
      <c r="HT21" s="102">
        <v>7</v>
      </c>
      <c r="HU21" s="102">
        <v>7</v>
      </c>
      <c r="HV21" s="102">
        <v>7</v>
      </c>
      <c r="HW21" s="102">
        <v>3</v>
      </c>
      <c r="HX21" s="103">
        <v>35</v>
      </c>
      <c r="HY21" s="104">
        <v>52</v>
      </c>
      <c r="HZ21" s="101">
        <v>12</v>
      </c>
      <c r="IA21" s="102">
        <v>17</v>
      </c>
      <c r="IB21" s="103">
        <v>29</v>
      </c>
      <c r="IC21" s="413">
        <v>0</v>
      </c>
      <c r="ID21" s="102">
        <v>28</v>
      </c>
      <c r="IE21" s="102">
        <v>14</v>
      </c>
      <c r="IF21" s="102">
        <v>9</v>
      </c>
      <c r="IG21" s="102">
        <v>6</v>
      </c>
      <c r="IH21" s="102">
        <v>11</v>
      </c>
      <c r="II21" s="103">
        <v>68</v>
      </c>
      <c r="IJ21" s="104">
        <v>97</v>
      </c>
      <c r="IK21" s="101">
        <v>22</v>
      </c>
      <c r="IL21" s="102">
        <v>24</v>
      </c>
      <c r="IM21" s="103">
        <v>46</v>
      </c>
      <c r="IN21" s="413">
        <v>0</v>
      </c>
      <c r="IO21" s="102">
        <v>41</v>
      </c>
      <c r="IP21" s="102">
        <v>33</v>
      </c>
      <c r="IQ21" s="102">
        <v>17</v>
      </c>
      <c r="IR21" s="102">
        <v>18</v>
      </c>
      <c r="IS21" s="102">
        <v>13</v>
      </c>
      <c r="IT21" s="103">
        <v>122</v>
      </c>
      <c r="IU21" s="104">
        <v>168</v>
      </c>
      <c r="IV21" s="101">
        <v>26</v>
      </c>
      <c r="IW21" s="102">
        <v>34</v>
      </c>
      <c r="IX21" s="103">
        <v>60</v>
      </c>
      <c r="IY21" s="413">
        <v>0</v>
      </c>
      <c r="IZ21" s="102">
        <v>51</v>
      </c>
      <c r="JA21" s="102">
        <v>33</v>
      </c>
      <c r="JB21" s="102">
        <v>28</v>
      </c>
      <c r="JC21" s="102">
        <v>25</v>
      </c>
      <c r="JD21" s="102">
        <v>12</v>
      </c>
      <c r="JE21" s="103">
        <v>149</v>
      </c>
      <c r="JF21" s="104">
        <v>209</v>
      </c>
      <c r="JG21" s="101">
        <v>17</v>
      </c>
      <c r="JH21" s="102">
        <v>13</v>
      </c>
      <c r="JI21" s="103">
        <v>30</v>
      </c>
      <c r="JJ21" s="413">
        <v>0</v>
      </c>
      <c r="JK21" s="102">
        <v>45</v>
      </c>
      <c r="JL21" s="102">
        <v>39</v>
      </c>
      <c r="JM21" s="102">
        <v>29</v>
      </c>
      <c r="JN21" s="102">
        <v>14</v>
      </c>
      <c r="JO21" s="102">
        <v>16</v>
      </c>
      <c r="JP21" s="103">
        <v>143</v>
      </c>
      <c r="JQ21" s="104">
        <v>173</v>
      </c>
      <c r="JR21" s="101">
        <v>0</v>
      </c>
      <c r="JS21" s="102">
        <v>0</v>
      </c>
      <c r="JT21" s="103">
        <v>0</v>
      </c>
      <c r="JU21" s="413">
        <v>0</v>
      </c>
      <c r="JV21" s="102">
        <v>0</v>
      </c>
      <c r="JW21" s="102">
        <v>0</v>
      </c>
      <c r="JX21" s="102">
        <v>0</v>
      </c>
      <c r="JY21" s="102">
        <v>0</v>
      </c>
      <c r="JZ21" s="102">
        <v>0</v>
      </c>
      <c r="KA21" s="103">
        <v>0</v>
      </c>
      <c r="KB21" s="104">
        <v>0</v>
      </c>
      <c r="KC21" s="101">
        <v>91</v>
      </c>
      <c r="KD21" s="102">
        <v>99</v>
      </c>
      <c r="KE21" s="103">
        <v>190</v>
      </c>
      <c r="KF21" s="413">
        <v>0</v>
      </c>
      <c r="KG21" s="102">
        <v>187</v>
      </c>
      <c r="KH21" s="102">
        <v>132</v>
      </c>
      <c r="KI21" s="102">
        <v>95</v>
      </c>
      <c r="KJ21" s="102">
        <v>72</v>
      </c>
      <c r="KK21" s="102">
        <v>61</v>
      </c>
      <c r="KL21" s="103">
        <v>547</v>
      </c>
      <c r="KM21" s="104">
        <v>737</v>
      </c>
    </row>
    <row r="22" spans="2:299" s="70" customFormat="1" ht="21" customHeight="1" x14ac:dyDescent="0.2">
      <c r="B22" s="106" t="s">
        <v>19</v>
      </c>
      <c r="C22" s="96">
        <v>36</v>
      </c>
      <c r="D22" s="97">
        <v>18</v>
      </c>
      <c r="E22" s="98">
        <v>54</v>
      </c>
      <c r="F22" s="413">
        <v>0</v>
      </c>
      <c r="G22" s="97">
        <v>45</v>
      </c>
      <c r="H22" s="97">
        <v>43</v>
      </c>
      <c r="I22" s="97">
        <v>27</v>
      </c>
      <c r="J22" s="97">
        <v>16</v>
      </c>
      <c r="K22" s="97">
        <v>5</v>
      </c>
      <c r="L22" s="99">
        <v>136</v>
      </c>
      <c r="M22" s="100">
        <v>190</v>
      </c>
      <c r="N22" s="107">
        <v>0</v>
      </c>
      <c r="O22" s="102">
        <v>2</v>
      </c>
      <c r="P22" s="103">
        <v>2</v>
      </c>
      <c r="Q22" s="413">
        <v>0</v>
      </c>
      <c r="R22" s="102">
        <v>1</v>
      </c>
      <c r="S22" s="102">
        <v>0</v>
      </c>
      <c r="T22" s="102">
        <v>1</v>
      </c>
      <c r="U22" s="102">
        <v>0</v>
      </c>
      <c r="V22" s="102">
        <v>0</v>
      </c>
      <c r="W22" s="103">
        <v>2</v>
      </c>
      <c r="X22" s="104">
        <v>4</v>
      </c>
      <c r="Y22" s="101">
        <v>3</v>
      </c>
      <c r="Z22" s="102">
        <v>2</v>
      </c>
      <c r="AA22" s="103">
        <v>5</v>
      </c>
      <c r="AB22" s="413">
        <v>0</v>
      </c>
      <c r="AC22" s="102">
        <v>5</v>
      </c>
      <c r="AD22" s="102">
        <v>3</v>
      </c>
      <c r="AE22" s="102">
        <v>1</v>
      </c>
      <c r="AF22" s="102">
        <v>4</v>
      </c>
      <c r="AG22" s="102">
        <v>0</v>
      </c>
      <c r="AH22" s="103">
        <v>13</v>
      </c>
      <c r="AI22" s="104">
        <v>18</v>
      </c>
      <c r="AJ22" s="107">
        <v>4</v>
      </c>
      <c r="AK22" s="102">
        <v>3</v>
      </c>
      <c r="AL22" s="103">
        <v>7</v>
      </c>
      <c r="AM22" s="413">
        <v>0</v>
      </c>
      <c r="AN22" s="102">
        <v>6</v>
      </c>
      <c r="AO22" s="102">
        <v>6</v>
      </c>
      <c r="AP22" s="102">
        <v>5</v>
      </c>
      <c r="AQ22" s="102">
        <v>3</v>
      </c>
      <c r="AR22" s="102">
        <v>1</v>
      </c>
      <c r="AS22" s="103">
        <v>21</v>
      </c>
      <c r="AT22" s="104">
        <v>28</v>
      </c>
      <c r="AU22" s="101">
        <v>8</v>
      </c>
      <c r="AV22" s="102">
        <v>3</v>
      </c>
      <c r="AW22" s="103">
        <v>11</v>
      </c>
      <c r="AX22" s="413">
        <v>0</v>
      </c>
      <c r="AY22" s="102">
        <v>6</v>
      </c>
      <c r="AZ22" s="102">
        <v>12</v>
      </c>
      <c r="BA22" s="102">
        <v>5</v>
      </c>
      <c r="BB22" s="102">
        <v>3</v>
      </c>
      <c r="BC22" s="102">
        <v>2</v>
      </c>
      <c r="BD22" s="103">
        <v>28</v>
      </c>
      <c r="BE22" s="104">
        <v>39</v>
      </c>
      <c r="BF22" s="107">
        <v>12</v>
      </c>
      <c r="BG22" s="102">
        <v>3</v>
      </c>
      <c r="BH22" s="103">
        <v>15</v>
      </c>
      <c r="BI22" s="413">
        <v>0</v>
      </c>
      <c r="BJ22" s="102">
        <v>10</v>
      </c>
      <c r="BK22" s="102">
        <v>11</v>
      </c>
      <c r="BL22" s="102">
        <v>4</v>
      </c>
      <c r="BM22" s="102">
        <v>4</v>
      </c>
      <c r="BN22" s="102">
        <v>1</v>
      </c>
      <c r="BO22" s="103">
        <v>30</v>
      </c>
      <c r="BP22" s="104">
        <v>45</v>
      </c>
      <c r="BQ22" s="101">
        <v>9</v>
      </c>
      <c r="BR22" s="102">
        <v>5</v>
      </c>
      <c r="BS22" s="103">
        <v>14</v>
      </c>
      <c r="BT22" s="413">
        <v>0</v>
      </c>
      <c r="BU22" s="102">
        <v>17</v>
      </c>
      <c r="BV22" s="102">
        <v>11</v>
      </c>
      <c r="BW22" s="102">
        <v>11</v>
      </c>
      <c r="BX22" s="102">
        <v>2</v>
      </c>
      <c r="BY22" s="102">
        <v>1</v>
      </c>
      <c r="BZ22" s="103">
        <v>42</v>
      </c>
      <c r="CA22" s="104">
        <v>56</v>
      </c>
      <c r="CB22" s="101">
        <v>0</v>
      </c>
      <c r="CC22" s="102">
        <v>0</v>
      </c>
      <c r="CD22" s="103">
        <v>0</v>
      </c>
      <c r="CE22" s="413">
        <v>0</v>
      </c>
      <c r="CF22" s="102">
        <v>0</v>
      </c>
      <c r="CG22" s="102">
        <v>0</v>
      </c>
      <c r="CH22" s="102">
        <v>0</v>
      </c>
      <c r="CI22" s="102">
        <v>0</v>
      </c>
      <c r="CJ22" s="102">
        <v>0</v>
      </c>
      <c r="CK22" s="103">
        <v>0</v>
      </c>
      <c r="CL22" s="104">
        <v>0</v>
      </c>
      <c r="CM22" s="101">
        <v>36</v>
      </c>
      <c r="CN22" s="102">
        <v>18</v>
      </c>
      <c r="CO22" s="103">
        <v>54</v>
      </c>
      <c r="CP22" s="413">
        <v>0</v>
      </c>
      <c r="CQ22" s="102">
        <v>45</v>
      </c>
      <c r="CR22" s="102">
        <v>43</v>
      </c>
      <c r="CS22" s="102">
        <v>27</v>
      </c>
      <c r="CT22" s="102">
        <v>16</v>
      </c>
      <c r="CU22" s="102">
        <v>5</v>
      </c>
      <c r="CV22" s="103">
        <v>136</v>
      </c>
      <c r="CW22" s="104">
        <v>190</v>
      </c>
      <c r="CX22" s="105">
        <v>11</v>
      </c>
      <c r="CY22" s="97">
        <v>6</v>
      </c>
      <c r="CZ22" s="98">
        <v>17</v>
      </c>
      <c r="DA22" s="413">
        <v>0</v>
      </c>
      <c r="DB22" s="97">
        <v>20</v>
      </c>
      <c r="DC22" s="97">
        <v>7</v>
      </c>
      <c r="DD22" s="97">
        <v>12</v>
      </c>
      <c r="DE22" s="97">
        <v>3</v>
      </c>
      <c r="DF22" s="97">
        <v>3</v>
      </c>
      <c r="DG22" s="99">
        <v>45</v>
      </c>
      <c r="DH22" s="100">
        <v>62</v>
      </c>
      <c r="DI22" s="107">
        <v>2</v>
      </c>
      <c r="DJ22" s="102">
        <v>0</v>
      </c>
      <c r="DK22" s="103">
        <v>2</v>
      </c>
      <c r="DL22" s="413">
        <v>0</v>
      </c>
      <c r="DM22" s="102">
        <v>0</v>
      </c>
      <c r="DN22" s="102">
        <v>0</v>
      </c>
      <c r="DO22" s="102">
        <v>1</v>
      </c>
      <c r="DP22" s="102">
        <v>0</v>
      </c>
      <c r="DQ22" s="102">
        <v>0</v>
      </c>
      <c r="DR22" s="103">
        <v>1</v>
      </c>
      <c r="DS22" s="104">
        <v>3</v>
      </c>
      <c r="DT22" s="101">
        <v>1</v>
      </c>
      <c r="DU22" s="102">
        <v>0</v>
      </c>
      <c r="DV22" s="103">
        <v>1</v>
      </c>
      <c r="DW22" s="413">
        <v>0</v>
      </c>
      <c r="DX22" s="102">
        <v>1</v>
      </c>
      <c r="DY22" s="102">
        <v>1</v>
      </c>
      <c r="DZ22" s="102">
        <v>0</v>
      </c>
      <c r="EA22" s="102">
        <v>1</v>
      </c>
      <c r="EB22" s="102">
        <v>0</v>
      </c>
      <c r="EC22" s="103">
        <v>3</v>
      </c>
      <c r="ED22" s="104">
        <v>4</v>
      </c>
      <c r="EE22" s="107">
        <v>1</v>
      </c>
      <c r="EF22" s="102">
        <v>2</v>
      </c>
      <c r="EG22" s="103">
        <v>3</v>
      </c>
      <c r="EH22" s="413">
        <v>0</v>
      </c>
      <c r="EI22" s="102">
        <v>1</v>
      </c>
      <c r="EJ22" s="102">
        <v>1</v>
      </c>
      <c r="EK22" s="102">
        <v>2</v>
      </c>
      <c r="EL22" s="102">
        <v>1</v>
      </c>
      <c r="EM22" s="102">
        <v>0</v>
      </c>
      <c r="EN22" s="103">
        <v>5</v>
      </c>
      <c r="EO22" s="104">
        <v>8</v>
      </c>
      <c r="EP22" s="101">
        <v>5</v>
      </c>
      <c r="EQ22" s="102">
        <v>1</v>
      </c>
      <c r="ER22" s="103">
        <v>6</v>
      </c>
      <c r="ES22" s="413">
        <v>0</v>
      </c>
      <c r="ET22" s="102">
        <v>3</v>
      </c>
      <c r="EU22" s="102">
        <v>1</v>
      </c>
      <c r="EV22" s="102">
        <v>2</v>
      </c>
      <c r="EW22" s="102">
        <v>0</v>
      </c>
      <c r="EX22" s="102">
        <v>1</v>
      </c>
      <c r="EY22" s="103">
        <v>7</v>
      </c>
      <c r="EZ22" s="104">
        <v>13</v>
      </c>
      <c r="FA22" s="107">
        <v>0</v>
      </c>
      <c r="FB22" s="102">
        <v>2</v>
      </c>
      <c r="FC22" s="103">
        <v>2</v>
      </c>
      <c r="FD22" s="413">
        <v>0</v>
      </c>
      <c r="FE22" s="102">
        <v>8</v>
      </c>
      <c r="FF22" s="102">
        <v>1</v>
      </c>
      <c r="FG22" s="102">
        <v>2</v>
      </c>
      <c r="FH22" s="102">
        <v>0</v>
      </c>
      <c r="FI22" s="102">
        <v>0</v>
      </c>
      <c r="FJ22" s="103">
        <v>11</v>
      </c>
      <c r="FK22" s="104">
        <v>13</v>
      </c>
      <c r="FL22" s="101">
        <v>2</v>
      </c>
      <c r="FM22" s="102">
        <v>1</v>
      </c>
      <c r="FN22" s="103">
        <v>3</v>
      </c>
      <c r="FO22" s="413">
        <v>0</v>
      </c>
      <c r="FP22" s="102">
        <v>7</v>
      </c>
      <c r="FQ22" s="102">
        <v>3</v>
      </c>
      <c r="FR22" s="102">
        <v>5</v>
      </c>
      <c r="FS22" s="102">
        <v>1</v>
      </c>
      <c r="FT22" s="102">
        <v>2</v>
      </c>
      <c r="FU22" s="103">
        <v>18</v>
      </c>
      <c r="FV22" s="104">
        <v>21</v>
      </c>
      <c r="FW22" s="101">
        <v>0</v>
      </c>
      <c r="FX22" s="102">
        <v>0</v>
      </c>
      <c r="FY22" s="103">
        <v>0</v>
      </c>
      <c r="FZ22" s="413">
        <v>0</v>
      </c>
      <c r="GA22" s="102">
        <v>0</v>
      </c>
      <c r="GB22" s="102">
        <v>0</v>
      </c>
      <c r="GC22" s="102">
        <v>0</v>
      </c>
      <c r="GD22" s="102">
        <v>0</v>
      </c>
      <c r="GE22" s="102">
        <v>0</v>
      </c>
      <c r="GF22" s="103">
        <v>0</v>
      </c>
      <c r="GG22" s="104">
        <v>0</v>
      </c>
      <c r="GH22" s="101">
        <v>11</v>
      </c>
      <c r="GI22" s="102">
        <v>6</v>
      </c>
      <c r="GJ22" s="103">
        <v>17</v>
      </c>
      <c r="GK22" s="413">
        <v>0</v>
      </c>
      <c r="GL22" s="102">
        <v>20</v>
      </c>
      <c r="GM22" s="102">
        <v>7</v>
      </c>
      <c r="GN22" s="102">
        <v>12</v>
      </c>
      <c r="GO22" s="102">
        <v>3</v>
      </c>
      <c r="GP22" s="102">
        <v>3</v>
      </c>
      <c r="GQ22" s="103">
        <v>45</v>
      </c>
      <c r="GR22" s="104">
        <v>62</v>
      </c>
      <c r="GS22" s="105">
        <v>47</v>
      </c>
      <c r="GT22" s="97">
        <v>24</v>
      </c>
      <c r="GU22" s="98">
        <v>71</v>
      </c>
      <c r="GV22" s="413">
        <v>0</v>
      </c>
      <c r="GW22" s="97">
        <v>65</v>
      </c>
      <c r="GX22" s="97">
        <v>50</v>
      </c>
      <c r="GY22" s="97">
        <v>39</v>
      </c>
      <c r="GZ22" s="97">
        <v>19</v>
      </c>
      <c r="HA22" s="97">
        <v>8</v>
      </c>
      <c r="HB22" s="99">
        <v>181</v>
      </c>
      <c r="HC22" s="100">
        <v>252</v>
      </c>
      <c r="HD22" s="107">
        <v>2</v>
      </c>
      <c r="HE22" s="102">
        <v>2</v>
      </c>
      <c r="HF22" s="103">
        <v>4</v>
      </c>
      <c r="HG22" s="413">
        <v>0</v>
      </c>
      <c r="HH22" s="102">
        <v>1</v>
      </c>
      <c r="HI22" s="102">
        <v>0</v>
      </c>
      <c r="HJ22" s="102">
        <v>2</v>
      </c>
      <c r="HK22" s="102">
        <v>0</v>
      </c>
      <c r="HL22" s="102">
        <v>0</v>
      </c>
      <c r="HM22" s="103">
        <v>3</v>
      </c>
      <c r="HN22" s="104">
        <v>7</v>
      </c>
      <c r="HO22" s="101">
        <v>4</v>
      </c>
      <c r="HP22" s="102">
        <v>2</v>
      </c>
      <c r="HQ22" s="103">
        <v>6</v>
      </c>
      <c r="HR22" s="413">
        <v>0</v>
      </c>
      <c r="HS22" s="102">
        <v>6</v>
      </c>
      <c r="HT22" s="102">
        <v>4</v>
      </c>
      <c r="HU22" s="102">
        <v>1</v>
      </c>
      <c r="HV22" s="102">
        <v>5</v>
      </c>
      <c r="HW22" s="102">
        <v>0</v>
      </c>
      <c r="HX22" s="103">
        <v>16</v>
      </c>
      <c r="HY22" s="104">
        <v>22</v>
      </c>
      <c r="HZ22" s="107">
        <v>5</v>
      </c>
      <c r="IA22" s="102">
        <v>5</v>
      </c>
      <c r="IB22" s="103">
        <v>10</v>
      </c>
      <c r="IC22" s="413">
        <v>0</v>
      </c>
      <c r="ID22" s="102">
        <v>7</v>
      </c>
      <c r="IE22" s="102">
        <v>7</v>
      </c>
      <c r="IF22" s="102">
        <v>7</v>
      </c>
      <c r="IG22" s="102">
        <v>4</v>
      </c>
      <c r="IH22" s="102">
        <v>1</v>
      </c>
      <c r="II22" s="103">
        <v>26</v>
      </c>
      <c r="IJ22" s="104">
        <v>36</v>
      </c>
      <c r="IK22" s="101">
        <v>13</v>
      </c>
      <c r="IL22" s="102">
        <v>4</v>
      </c>
      <c r="IM22" s="103">
        <v>17</v>
      </c>
      <c r="IN22" s="413">
        <v>0</v>
      </c>
      <c r="IO22" s="102">
        <v>9</v>
      </c>
      <c r="IP22" s="102">
        <v>13</v>
      </c>
      <c r="IQ22" s="102">
        <v>7</v>
      </c>
      <c r="IR22" s="102">
        <v>3</v>
      </c>
      <c r="IS22" s="102">
        <v>3</v>
      </c>
      <c r="IT22" s="103">
        <v>35</v>
      </c>
      <c r="IU22" s="104">
        <v>52</v>
      </c>
      <c r="IV22" s="107">
        <v>12</v>
      </c>
      <c r="IW22" s="102">
        <v>5</v>
      </c>
      <c r="IX22" s="103">
        <v>17</v>
      </c>
      <c r="IY22" s="413">
        <v>0</v>
      </c>
      <c r="IZ22" s="102">
        <v>18</v>
      </c>
      <c r="JA22" s="102">
        <v>12</v>
      </c>
      <c r="JB22" s="102">
        <v>6</v>
      </c>
      <c r="JC22" s="102">
        <v>4</v>
      </c>
      <c r="JD22" s="102">
        <v>1</v>
      </c>
      <c r="JE22" s="103">
        <v>41</v>
      </c>
      <c r="JF22" s="104">
        <v>58</v>
      </c>
      <c r="JG22" s="101">
        <v>11</v>
      </c>
      <c r="JH22" s="102">
        <v>6</v>
      </c>
      <c r="JI22" s="103">
        <v>17</v>
      </c>
      <c r="JJ22" s="413">
        <v>0</v>
      </c>
      <c r="JK22" s="102">
        <v>24</v>
      </c>
      <c r="JL22" s="102">
        <v>14</v>
      </c>
      <c r="JM22" s="102">
        <v>16</v>
      </c>
      <c r="JN22" s="102">
        <v>3</v>
      </c>
      <c r="JO22" s="102">
        <v>3</v>
      </c>
      <c r="JP22" s="103">
        <v>60</v>
      </c>
      <c r="JQ22" s="104">
        <v>77</v>
      </c>
      <c r="JR22" s="101">
        <v>0</v>
      </c>
      <c r="JS22" s="102">
        <v>0</v>
      </c>
      <c r="JT22" s="103">
        <v>0</v>
      </c>
      <c r="JU22" s="413">
        <v>0</v>
      </c>
      <c r="JV22" s="102">
        <v>0</v>
      </c>
      <c r="JW22" s="102">
        <v>0</v>
      </c>
      <c r="JX22" s="102">
        <v>0</v>
      </c>
      <c r="JY22" s="102">
        <v>0</v>
      </c>
      <c r="JZ22" s="102">
        <v>0</v>
      </c>
      <c r="KA22" s="103">
        <v>0</v>
      </c>
      <c r="KB22" s="104">
        <v>0</v>
      </c>
      <c r="KC22" s="101">
        <v>47</v>
      </c>
      <c r="KD22" s="102">
        <v>24</v>
      </c>
      <c r="KE22" s="103">
        <v>71</v>
      </c>
      <c r="KF22" s="413">
        <v>0</v>
      </c>
      <c r="KG22" s="102">
        <v>65</v>
      </c>
      <c r="KH22" s="102">
        <v>50</v>
      </c>
      <c r="KI22" s="102">
        <v>39</v>
      </c>
      <c r="KJ22" s="102">
        <v>19</v>
      </c>
      <c r="KK22" s="102">
        <v>8</v>
      </c>
      <c r="KL22" s="103">
        <v>181</v>
      </c>
      <c r="KM22" s="104">
        <v>252</v>
      </c>
    </row>
    <row r="23" spans="2:299" s="70" customFormat="1" ht="21" customHeight="1" x14ac:dyDescent="0.2">
      <c r="B23" s="106" t="s">
        <v>20</v>
      </c>
      <c r="C23" s="96">
        <v>32</v>
      </c>
      <c r="D23" s="97">
        <v>50</v>
      </c>
      <c r="E23" s="98">
        <v>82</v>
      </c>
      <c r="F23" s="413">
        <v>0</v>
      </c>
      <c r="G23" s="97">
        <v>76</v>
      </c>
      <c r="H23" s="97">
        <v>53</v>
      </c>
      <c r="I23" s="97">
        <v>29</v>
      </c>
      <c r="J23" s="97">
        <v>24</v>
      </c>
      <c r="K23" s="97">
        <v>17</v>
      </c>
      <c r="L23" s="99">
        <v>199</v>
      </c>
      <c r="M23" s="100">
        <v>281</v>
      </c>
      <c r="N23" s="101">
        <v>0</v>
      </c>
      <c r="O23" s="102">
        <v>1</v>
      </c>
      <c r="P23" s="103">
        <v>1</v>
      </c>
      <c r="Q23" s="413">
        <v>0</v>
      </c>
      <c r="R23" s="102">
        <v>1</v>
      </c>
      <c r="S23" s="102">
        <v>0</v>
      </c>
      <c r="T23" s="102">
        <v>0</v>
      </c>
      <c r="U23" s="102">
        <v>0</v>
      </c>
      <c r="V23" s="102">
        <v>0</v>
      </c>
      <c r="W23" s="103">
        <v>1</v>
      </c>
      <c r="X23" s="104">
        <v>2</v>
      </c>
      <c r="Y23" s="101">
        <v>5</v>
      </c>
      <c r="Z23" s="102">
        <v>4</v>
      </c>
      <c r="AA23" s="103">
        <v>9</v>
      </c>
      <c r="AB23" s="413">
        <v>0</v>
      </c>
      <c r="AC23" s="102">
        <v>11</v>
      </c>
      <c r="AD23" s="102">
        <v>7</v>
      </c>
      <c r="AE23" s="102">
        <v>3</v>
      </c>
      <c r="AF23" s="102">
        <v>2</v>
      </c>
      <c r="AG23" s="102">
        <v>1</v>
      </c>
      <c r="AH23" s="103">
        <v>24</v>
      </c>
      <c r="AI23" s="104">
        <v>33</v>
      </c>
      <c r="AJ23" s="101">
        <v>5</v>
      </c>
      <c r="AK23" s="102">
        <v>6</v>
      </c>
      <c r="AL23" s="103">
        <v>11</v>
      </c>
      <c r="AM23" s="413">
        <v>0</v>
      </c>
      <c r="AN23" s="102">
        <v>9</v>
      </c>
      <c r="AO23" s="102">
        <v>5</v>
      </c>
      <c r="AP23" s="102">
        <v>3</v>
      </c>
      <c r="AQ23" s="102">
        <v>3</v>
      </c>
      <c r="AR23" s="102">
        <v>4</v>
      </c>
      <c r="AS23" s="103">
        <v>24</v>
      </c>
      <c r="AT23" s="104">
        <v>35</v>
      </c>
      <c r="AU23" s="101">
        <v>9</v>
      </c>
      <c r="AV23" s="102">
        <v>9</v>
      </c>
      <c r="AW23" s="103">
        <v>18</v>
      </c>
      <c r="AX23" s="413">
        <v>0</v>
      </c>
      <c r="AY23" s="102">
        <v>22</v>
      </c>
      <c r="AZ23" s="102">
        <v>9</v>
      </c>
      <c r="BA23" s="102">
        <v>12</v>
      </c>
      <c r="BB23" s="102">
        <v>11</v>
      </c>
      <c r="BC23" s="102">
        <v>5</v>
      </c>
      <c r="BD23" s="103">
        <v>59</v>
      </c>
      <c r="BE23" s="104">
        <v>77</v>
      </c>
      <c r="BF23" s="101">
        <v>8</v>
      </c>
      <c r="BG23" s="102">
        <v>16</v>
      </c>
      <c r="BH23" s="103">
        <v>24</v>
      </c>
      <c r="BI23" s="413">
        <v>0</v>
      </c>
      <c r="BJ23" s="102">
        <v>22</v>
      </c>
      <c r="BK23" s="102">
        <v>20</v>
      </c>
      <c r="BL23" s="102">
        <v>7</v>
      </c>
      <c r="BM23" s="102">
        <v>4</v>
      </c>
      <c r="BN23" s="102">
        <v>4</v>
      </c>
      <c r="BO23" s="103">
        <v>57</v>
      </c>
      <c r="BP23" s="104">
        <v>81</v>
      </c>
      <c r="BQ23" s="101">
        <v>5</v>
      </c>
      <c r="BR23" s="102">
        <v>14</v>
      </c>
      <c r="BS23" s="103">
        <v>19</v>
      </c>
      <c r="BT23" s="413">
        <v>0</v>
      </c>
      <c r="BU23" s="102">
        <v>11</v>
      </c>
      <c r="BV23" s="102">
        <v>12</v>
      </c>
      <c r="BW23" s="102">
        <v>4</v>
      </c>
      <c r="BX23" s="102">
        <v>4</v>
      </c>
      <c r="BY23" s="102">
        <v>3</v>
      </c>
      <c r="BZ23" s="103">
        <v>34</v>
      </c>
      <c r="CA23" s="104">
        <v>53</v>
      </c>
      <c r="CB23" s="101">
        <v>0</v>
      </c>
      <c r="CC23" s="102">
        <v>0</v>
      </c>
      <c r="CD23" s="103">
        <v>0</v>
      </c>
      <c r="CE23" s="413">
        <v>0</v>
      </c>
      <c r="CF23" s="102">
        <v>0</v>
      </c>
      <c r="CG23" s="102">
        <v>0</v>
      </c>
      <c r="CH23" s="102">
        <v>0</v>
      </c>
      <c r="CI23" s="102">
        <v>0</v>
      </c>
      <c r="CJ23" s="102">
        <v>0</v>
      </c>
      <c r="CK23" s="103">
        <v>0</v>
      </c>
      <c r="CL23" s="104">
        <v>0</v>
      </c>
      <c r="CM23" s="101">
        <v>32</v>
      </c>
      <c r="CN23" s="102">
        <v>50</v>
      </c>
      <c r="CO23" s="103">
        <v>82</v>
      </c>
      <c r="CP23" s="413">
        <v>0</v>
      </c>
      <c r="CQ23" s="102">
        <v>76</v>
      </c>
      <c r="CR23" s="102">
        <v>53</v>
      </c>
      <c r="CS23" s="102">
        <v>29</v>
      </c>
      <c r="CT23" s="102">
        <v>24</v>
      </c>
      <c r="CU23" s="102">
        <v>17</v>
      </c>
      <c r="CV23" s="103">
        <v>199</v>
      </c>
      <c r="CW23" s="104">
        <v>281</v>
      </c>
      <c r="CX23" s="105">
        <v>14</v>
      </c>
      <c r="CY23" s="97">
        <v>15</v>
      </c>
      <c r="CZ23" s="98">
        <v>29</v>
      </c>
      <c r="DA23" s="413">
        <v>0</v>
      </c>
      <c r="DB23" s="97">
        <v>22</v>
      </c>
      <c r="DC23" s="97">
        <v>25</v>
      </c>
      <c r="DD23" s="97">
        <v>11</v>
      </c>
      <c r="DE23" s="97">
        <v>8</v>
      </c>
      <c r="DF23" s="97">
        <v>7</v>
      </c>
      <c r="DG23" s="99">
        <v>73</v>
      </c>
      <c r="DH23" s="100">
        <v>102</v>
      </c>
      <c r="DI23" s="101">
        <v>1</v>
      </c>
      <c r="DJ23" s="102">
        <v>0</v>
      </c>
      <c r="DK23" s="103">
        <v>1</v>
      </c>
      <c r="DL23" s="413">
        <v>0</v>
      </c>
      <c r="DM23" s="102">
        <v>0</v>
      </c>
      <c r="DN23" s="102">
        <v>1</v>
      </c>
      <c r="DO23" s="102">
        <v>0</v>
      </c>
      <c r="DP23" s="102">
        <v>0</v>
      </c>
      <c r="DQ23" s="102">
        <v>1</v>
      </c>
      <c r="DR23" s="103">
        <v>2</v>
      </c>
      <c r="DS23" s="104">
        <v>3</v>
      </c>
      <c r="DT23" s="101">
        <v>1</v>
      </c>
      <c r="DU23" s="102">
        <v>2</v>
      </c>
      <c r="DV23" s="103">
        <v>3</v>
      </c>
      <c r="DW23" s="413">
        <v>0</v>
      </c>
      <c r="DX23" s="102">
        <v>0</v>
      </c>
      <c r="DY23" s="102">
        <v>1</v>
      </c>
      <c r="DZ23" s="102">
        <v>0</v>
      </c>
      <c r="EA23" s="102">
        <v>0</v>
      </c>
      <c r="EB23" s="102">
        <v>0</v>
      </c>
      <c r="EC23" s="103">
        <v>1</v>
      </c>
      <c r="ED23" s="104">
        <v>4</v>
      </c>
      <c r="EE23" s="101">
        <v>2</v>
      </c>
      <c r="EF23" s="102">
        <v>1</v>
      </c>
      <c r="EG23" s="103">
        <v>3</v>
      </c>
      <c r="EH23" s="413">
        <v>0</v>
      </c>
      <c r="EI23" s="102">
        <v>2</v>
      </c>
      <c r="EJ23" s="102">
        <v>2</v>
      </c>
      <c r="EK23" s="102">
        <v>3</v>
      </c>
      <c r="EL23" s="102">
        <v>1</v>
      </c>
      <c r="EM23" s="102">
        <v>0</v>
      </c>
      <c r="EN23" s="103">
        <v>8</v>
      </c>
      <c r="EO23" s="104">
        <v>11</v>
      </c>
      <c r="EP23" s="101">
        <v>3</v>
      </c>
      <c r="EQ23" s="102">
        <v>6</v>
      </c>
      <c r="ER23" s="103">
        <v>9</v>
      </c>
      <c r="ES23" s="413">
        <v>0</v>
      </c>
      <c r="ET23" s="102">
        <v>5</v>
      </c>
      <c r="EU23" s="102">
        <v>7</v>
      </c>
      <c r="EV23" s="102">
        <v>1</v>
      </c>
      <c r="EW23" s="102">
        <v>2</v>
      </c>
      <c r="EX23" s="102">
        <v>1</v>
      </c>
      <c r="EY23" s="103">
        <v>16</v>
      </c>
      <c r="EZ23" s="104">
        <v>25</v>
      </c>
      <c r="FA23" s="101">
        <v>5</v>
      </c>
      <c r="FB23" s="102">
        <v>2</v>
      </c>
      <c r="FC23" s="103">
        <v>7</v>
      </c>
      <c r="FD23" s="413">
        <v>0</v>
      </c>
      <c r="FE23" s="102">
        <v>6</v>
      </c>
      <c r="FF23" s="102">
        <v>5</v>
      </c>
      <c r="FG23" s="102">
        <v>2</v>
      </c>
      <c r="FH23" s="102">
        <v>1</v>
      </c>
      <c r="FI23" s="102">
        <v>2</v>
      </c>
      <c r="FJ23" s="103">
        <v>16</v>
      </c>
      <c r="FK23" s="104">
        <v>23</v>
      </c>
      <c r="FL23" s="101">
        <v>2</v>
      </c>
      <c r="FM23" s="102">
        <v>4</v>
      </c>
      <c r="FN23" s="103">
        <v>6</v>
      </c>
      <c r="FO23" s="413">
        <v>0</v>
      </c>
      <c r="FP23" s="102">
        <v>9</v>
      </c>
      <c r="FQ23" s="102">
        <v>9</v>
      </c>
      <c r="FR23" s="102">
        <v>5</v>
      </c>
      <c r="FS23" s="102">
        <v>4</v>
      </c>
      <c r="FT23" s="102">
        <v>3</v>
      </c>
      <c r="FU23" s="103">
        <v>30</v>
      </c>
      <c r="FV23" s="104">
        <v>36</v>
      </c>
      <c r="FW23" s="101">
        <v>0</v>
      </c>
      <c r="FX23" s="102">
        <v>0</v>
      </c>
      <c r="FY23" s="103">
        <v>0</v>
      </c>
      <c r="FZ23" s="413">
        <v>0</v>
      </c>
      <c r="GA23" s="102">
        <v>0</v>
      </c>
      <c r="GB23" s="102">
        <v>0</v>
      </c>
      <c r="GC23" s="102">
        <v>0</v>
      </c>
      <c r="GD23" s="102">
        <v>0</v>
      </c>
      <c r="GE23" s="102">
        <v>0</v>
      </c>
      <c r="GF23" s="103">
        <v>0</v>
      </c>
      <c r="GG23" s="104">
        <v>0</v>
      </c>
      <c r="GH23" s="101">
        <v>14</v>
      </c>
      <c r="GI23" s="102">
        <v>15</v>
      </c>
      <c r="GJ23" s="103">
        <v>29</v>
      </c>
      <c r="GK23" s="413">
        <v>0</v>
      </c>
      <c r="GL23" s="102">
        <v>22</v>
      </c>
      <c r="GM23" s="102">
        <v>25</v>
      </c>
      <c r="GN23" s="102">
        <v>11</v>
      </c>
      <c r="GO23" s="102">
        <v>8</v>
      </c>
      <c r="GP23" s="102">
        <v>7</v>
      </c>
      <c r="GQ23" s="103">
        <v>73</v>
      </c>
      <c r="GR23" s="104">
        <v>102</v>
      </c>
      <c r="GS23" s="105">
        <v>46</v>
      </c>
      <c r="GT23" s="97">
        <v>65</v>
      </c>
      <c r="GU23" s="98">
        <v>111</v>
      </c>
      <c r="GV23" s="413">
        <v>0</v>
      </c>
      <c r="GW23" s="97">
        <v>98</v>
      </c>
      <c r="GX23" s="97">
        <v>78</v>
      </c>
      <c r="GY23" s="97">
        <v>40</v>
      </c>
      <c r="GZ23" s="97">
        <v>32</v>
      </c>
      <c r="HA23" s="97">
        <v>24</v>
      </c>
      <c r="HB23" s="99">
        <v>272</v>
      </c>
      <c r="HC23" s="100">
        <v>383</v>
      </c>
      <c r="HD23" s="101">
        <v>1</v>
      </c>
      <c r="HE23" s="102">
        <v>1</v>
      </c>
      <c r="HF23" s="103">
        <v>2</v>
      </c>
      <c r="HG23" s="413">
        <v>0</v>
      </c>
      <c r="HH23" s="102">
        <v>1</v>
      </c>
      <c r="HI23" s="102">
        <v>1</v>
      </c>
      <c r="HJ23" s="102">
        <v>0</v>
      </c>
      <c r="HK23" s="102">
        <v>0</v>
      </c>
      <c r="HL23" s="102">
        <v>1</v>
      </c>
      <c r="HM23" s="103">
        <v>3</v>
      </c>
      <c r="HN23" s="104">
        <v>5</v>
      </c>
      <c r="HO23" s="101">
        <v>6</v>
      </c>
      <c r="HP23" s="102">
        <v>6</v>
      </c>
      <c r="HQ23" s="103">
        <v>12</v>
      </c>
      <c r="HR23" s="413">
        <v>0</v>
      </c>
      <c r="HS23" s="102">
        <v>11</v>
      </c>
      <c r="HT23" s="102">
        <v>8</v>
      </c>
      <c r="HU23" s="102">
        <v>3</v>
      </c>
      <c r="HV23" s="102">
        <v>2</v>
      </c>
      <c r="HW23" s="102">
        <v>1</v>
      </c>
      <c r="HX23" s="103">
        <v>25</v>
      </c>
      <c r="HY23" s="104">
        <v>37</v>
      </c>
      <c r="HZ23" s="101">
        <v>7</v>
      </c>
      <c r="IA23" s="102">
        <v>7</v>
      </c>
      <c r="IB23" s="103">
        <v>14</v>
      </c>
      <c r="IC23" s="413">
        <v>0</v>
      </c>
      <c r="ID23" s="102">
        <v>11</v>
      </c>
      <c r="IE23" s="102">
        <v>7</v>
      </c>
      <c r="IF23" s="102">
        <v>6</v>
      </c>
      <c r="IG23" s="102">
        <v>4</v>
      </c>
      <c r="IH23" s="102">
        <v>4</v>
      </c>
      <c r="II23" s="103">
        <v>32</v>
      </c>
      <c r="IJ23" s="104">
        <v>46</v>
      </c>
      <c r="IK23" s="101">
        <v>12</v>
      </c>
      <c r="IL23" s="102">
        <v>15</v>
      </c>
      <c r="IM23" s="103">
        <v>27</v>
      </c>
      <c r="IN23" s="413">
        <v>0</v>
      </c>
      <c r="IO23" s="102">
        <v>27</v>
      </c>
      <c r="IP23" s="102">
        <v>16</v>
      </c>
      <c r="IQ23" s="102">
        <v>13</v>
      </c>
      <c r="IR23" s="102">
        <v>13</v>
      </c>
      <c r="IS23" s="102">
        <v>6</v>
      </c>
      <c r="IT23" s="103">
        <v>75</v>
      </c>
      <c r="IU23" s="104">
        <v>102</v>
      </c>
      <c r="IV23" s="101">
        <v>13</v>
      </c>
      <c r="IW23" s="102">
        <v>18</v>
      </c>
      <c r="IX23" s="103">
        <v>31</v>
      </c>
      <c r="IY23" s="413">
        <v>0</v>
      </c>
      <c r="IZ23" s="102">
        <v>28</v>
      </c>
      <c r="JA23" s="102">
        <v>25</v>
      </c>
      <c r="JB23" s="102">
        <v>9</v>
      </c>
      <c r="JC23" s="102">
        <v>5</v>
      </c>
      <c r="JD23" s="102">
        <v>6</v>
      </c>
      <c r="JE23" s="103">
        <v>73</v>
      </c>
      <c r="JF23" s="104">
        <v>104</v>
      </c>
      <c r="JG23" s="101">
        <v>7</v>
      </c>
      <c r="JH23" s="102">
        <v>18</v>
      </c>
      <c r="JI23" s="103">
        <v>25</v>
      </c>
      <c r="JJ23" s="413">
        <v>0</v>
      </c>
      <c r="JK23" s="102">
        <v>20</v>
      </c>
      <c r="JL23" s="102">
        <v>21</v>
      </c>
      <c r="JM23" s="102">
        <v>9</v>
      </c>
      <c r="JN23" s="102">
        <v>8</v>
      </c>
      <c r="JO23" s="102">
        <v>6</v>
      </c>
      <c r="JP23" s="103">
        <v>64</v>
      </c>
      <c r="JQ23" s="104">
        <v>89</v>
      </c>
      <c r="JR23" s="101">
        <v>0</v>
      </c>
      <c r="JS23" s="102">
        <v>0</v>
      </c>
      <c r="JT23" s="103">
        <v>0</v>
      </c>
      <c r="JU23" s="413">
        <v>0</v>
      </c>
      <c r="JV23" s="102">
        <v>0</v>
      </c>
      <c r="JW23" s="102">
        <v>0</v>
      </c>
      <c r="JX23" s="102">
        <v>0</v>
      </c>
      <c r="JY23" s="102">
        <v>0</v>
      </c>
      <c r="JZ23" s="102">
        <v>0</v>
      </c>
      <c r="KA23" s="103">
        <v>0</v>
      </c>
      <c r="KB23" s="104">
        <v>0</v>
      </c>
      <c r="KC23" s="101">
        <v>46</v>
      </c>
      <c r="KD23" s="102">
        <v>65</v>
      </c>
      <c r="KE23" s="103">
        <v>111</v>
      </c>
      <c r="KF23" s="413">
        <v>0</v>
      </c>
      <c r="KG23" s="102">
        <v>98</v>
      </c>
      <c r="KH23" s="102">
        <v>78</v>
      </c>
      <c r="KI23" s="102">
        <v>40</v>
      </c>
      <c r="KJ23" s="102">
        <v>32</v>
      </c>
      <c r="KK23" s="102">
        <v>24</v>
      </c>
      <c r="KL23" s="103">
        <v>272</v>
      </c>
      <c r="KM23" s="104">
        <v>383</v>
      </c>
    </row>
    <row r="24" spans="2:299" s="70" customFormat="1" ht="21" customHeight="1" x14ac:dyDescent="0.2">
      <c r="B24" s="106" t="s">
        <v>21</v>
      </c>
      <c r="C24" s="96">
        <v>35</v>
      </c>
      <c r="D24" s="97">
        <v>23</v>
      </c>
      <c r="E24" s="98">
        <v>58</v>
      </c>
      <c r="F24" s="413">
        <v>0</v>
      </c>
      <c r="G24" s="97">
        <v>48</v>
      </c>
      <c r="H24" s="97">
        <v>37</v>
      </c>
      <c r="I24" s="97">
        <v>27</v>
      </c>
      <c r="J24" s="97">
        <v>25</v>
      </c>
      <c r="K24" s="97">
        <v>16</v>
      </c>
      <c r="L24" s="99">
        <v>153</v>
      </c>
      <c r="M24" s="100">
        <v>211</v>
      </c>
      <c r="N24" s="101">
        <v>2</v>
      </c>
      <c r="O24" s="102">
        <v>0</v>
      </c>
      <c r="P24" s="103">
        <v>2</v>
      </c>
      <c r="Q24" s="413">
        <v>0</v>
      </c>
      <c r="R24" s="102">
        <v>2</v>
      </c>
      <c r="S24" s="102">
        <v>0</v>
      </c>
      <c r="T24" s="102">
        <v>2</v>
      </c>
      <c r="U24" s="102">
        <v>0</v>
      </c>
      <c r="V24" s="102">
        <v>2</v>
      </c>
      <c r="W24" s="103">
        <v>6</v>
      </c>
      <c r="X24" s="104">
        <v>8</v>
      </c>
      <c r="Y24" s="101">
        <v>2</v>
      </c>
      <c r="Z24" s="102">
        <v>5</v>
      </c>
      <c r="AA24" s="103">
        <v>7</v>
      </c>
      <c r="AB24" s="413">
        <v>0</v>
      </c>
      <c r="AC24" s="102">
        <v>5</v>
      </c>
      <c r="AD24" s="102">
        <v>5</v>
      </c>
      <c r="AE24" s="102">
        <v>1</v>
      </c>
      <c r="AF24" s="102">
        <v>1</v>
      </c>
      <c r="AG24" s="102">
        <v>0</v>
      </c>
      <c r="AH24" s="103">
        <v>12</v>
      </c>
      <c r="AI24" s="104">
        <v>19</v>
      </c>
      <c r="AJ24" s="101">
        <v>6</v>
      </c>
      <c r="AK24" s="102">
        <v>2</v>
      </c>
      <c r="AL24" s="103">
        <v>8</v>
      </c>
      <c r="AM24" s="413">
        <v>0</v>
      </c>
      <c r="AN24" s="102">
        <v>8</v>
      </c>
      <c r="AO24" s="102">
        <v>2</v>
      </c>
      <c r="AP24" s="102">
        <v>7</v>
      </c>
      <c r="AQ24" s="102">
        <v>5</v>
      </c>
      <c r="AR24" s="102">
        <v>1</v>
      </c>
      <c r="AS24" s="103">
        <v>23</v>
      </c>
      <c r="AT24" s="104">
        <v>31</v>
      </c>
      <c r="AU24" s="101">
        <v>6</v>
      </c>
      <c r="AV24" s="102">
        <v>8</v>
      </c>
      <c r="AW24" s="103">
        <v>14</v>
      </c>
      <c r="AX24" s="413">
        <v>0</v>
      </c>
      <c r="AY24" s="102">
        <v>13</v>
      </c>
      <c r="AZ24" s="102">
        <v>8</v>
      </c>
      <c r="BA24" s="102">
        <v>3</v>
      </c>
      <c r="BB24" s="102">
        <v>7</v>
      </c>
      <c r="BC24" s="102">
        <v>6</v>
      </c>
      <c r="BD24" s="103">
        <v>37</v>
      </c>
      <c r="BE24" s="104">
        <v>51</v>
      </c>
      <c r="BF24" s="101">
        <v>12</v>
      </c>
      <c r="BG24" s="102">
        <v>3</v>
      </c>
      <c r="BH24" s="103">
        <v>15</v>
      </c>
      <c r="BI24" s="413">
        <v>0</v>
      </c>
      <c r="BJ24" s="102">
        <v>14</v>
      </c>
      <c r="BK24" s="102">
        <v>14</v>
      </c>
      <c r="BL24" s="102">
        <v>4</v>
      </c>
      <c r="BM24" s="102">
        <v>9</v>
      </c>
      <c r="BN24" s="102">
        <v>4</v>
      </c>
      <c r="BO24" s="103">
        <v>45</v>
      </c>
      <c r="BP24" s="104">
        <v>60</v>
      </c>
      <c r="BQ24" s="101">
        <v>7</v>
      </c>
      <c r="BR24" s="102">
        <v>5</v>
      </c>
      <c r="BS24" s="103">
        <v>12</v>
      </c>
      <c r="BT24" s="413">
        <v>0</v>
      </c>
      <c r="BU24" s="102">
        <v>6</v>
      </c>
      <c r="BV24" s="102">
        <v>8</v>
      </c>
      <c r="BW24" s="102">
        <v>10</v>
      </c>
      <c r="BX24" s="102">
        <v>3</v>
      </c>
      <c r="BY24" s="102">
        <v>3</v>
      </c>
      <c r="BZ24" s="103">
        <v>30</v>
      </c>
      <c r="CA24" s="104">
        <v>42</v>
      </c>
      <c r="CB24" s="101">
        <v>0</v>
      </c>
      <c r="CC24" s="102">
        <v>0</v>
      </c>
      <c r="CD24" s="103">
        <v>0</v>
      </c>
      <c r="CE24" s="413">
        <v>0</v>
      </c>
      <c r="CF24" s="102">
        <v>0</v>
      </c>
      <c r="CG24" s="102">
        <v>0</v>
      </c>
      <c r="CH24" s="102">
        <v>0</v>
      </c>
      <c r="CI24" s="102">
        <v>0</v>
      </c>
      <c r="CJ24" s="102">
        <v>0</v>
      </c>
      <c r="CK24" s="103">
        <v>0</v>
      </c>
      <c r="CL24" s="104">
        <v>0</v>
      </c>
      <c r="CM24" s="101">
        <v>35</v>
      </c>
      <c r="CN24" s="102">
        <v>23</v>
      </c>
      <c r="CO24" s="103">
        <v>58</v>
      </c>
      <c r="CP24" s="413">
        <v>0</v>
      </c>
      <c r="CQ24" s="102">
        <v>48</v>
      </c>
      <c r="CR24" s="102">
        <v>37</v>
      </c>
      <c r="CS24" s="102">
        <v>27</v>
      </c>
      <c r="CT24" s="102">
        <v>25</v>
      </c>
      <c r="CU24" s="102">
        <v>16</v>
      </c>
      <c r="CV24" s="103">
        <v>153</v>
      </c>
      <c r="CW24" s="104">
        <v>211</v>
      </c>
      <c r="CX24" s="105">
        <v>8</v>
      </c>
      <c r="CY24" s="97">
        <v>7</v>
      </c>
      <c r="CZ24" s="98">
        <v>15</v>
      </c>
      <c r="DA24" s="413">
        <v>0</v>
      </c>
      <c r="DB24" s="97">
        <v>17</v>
      </c>
      <c r="DC24" s="97">
        <v>17</v>
      </c>
      <c r="DD24" s="97">
        <v>10</v>
      </c>
      <c r="DE24" s="97">
        <v>7</v>
      </c>
      <c r="DF24" s="97">
        <v>5</v>
      </c>
      <c r="DG24" s="99">
        <v>56</v>
      </c>
      <c r="DH24" s="100">
        <v>71</v>
      </c>
      <c r="DI24" s="101">
        <v>0</v>
      </c>
      <c r="DJ24" s="102">
        <v>0</v>
      </c>
      <c r="DK24" s="103">
        <v>0</v>
      </c>
      <c r="DL24" s="413">
        <v>0</v>
      </c>
      <c r="DM24" s="102">
        <v>0</v>
      </c>
      <c r="DN24" s="102">
        <v>0</v>
      </c>
      <c r="DO24" s="102">
        <v>0</v>
      </c>
      <c r="DP24" s="102">
        <v>0</v>
      </c>
      <c r="DQ24" s="102">
        <v>0</v>
      </c>
      <c r="DR24" s="103">
        <v>0</v>
      </c>
      <c r="DS24" s="104">
        <v>0</v>
      </c>
      <c r="DT24" s="101">
        <v>0</v>
      </c>
      <c r="DU24" s="102">
        <v>0</v>
      </c>
      <c r="DV24" s="103">
        <v>0</v>
      </c>
      <c r="DW24" s="413">
        <v>0</v>
      </c>
      <c r="DX24" s="102">
        <v>1</v>
      </c>
      <c r="DY24" s="102">
        <v>1</v>
      </c>
      <c r="DZ24" s="102">
        <v>1</v>
      </c>
      <c r="EA24" s="102">
        <v>0</v>
      </c>
      <c r="EB24" s="102">
        <v>1</v>
      </c>
      <c r="EC24" s="103">
        <v>4</v>
      </c>
      <c r="ED24" s="104">
        <v>4</v>
      </c>
      <c r="EE24" s="101">
        <v>0</v>
      </c>
      <c r="EF24" s="102">
        <v>3</v>
      </c>
      <c r="EG24" s="103">
        <v>3</v>
      </c>
      <c r="EH24" s="413">
        <v>0</v>
      </c>
      <c r="EI24" s="102">
        <v>2</v>
      </c>
      <c r="EJ24" s="102">
        <v>2</v>
      </c>
      <c r="EK24" s="102">
        <v>0</v>
      </c>
      <c r="EL24" s="102">
        <v>0</v>
      </c>
      <c r="EM24" s="102">
        <v>1</v>
      </c>
      <c r="EN24" s="103">
        <v>5</v>
      </c>
      <c r="EO24" s="104">
        <v>8</v>
      </c>
      <c r="EP24" s="101">
        <v>6</v>
      </c>
      <c r="EQ24" s="102">
        <v>1</v>
      </c>
      <c r="ER24" s="103">
        <v>7</v>
      </c>
      <c r="ES24" s="413">
        <v>0</v>
      </c>
      <c r="ET24" s="102">
        <v>3</v>
      </c>
      <c r="EU24" s="102">
        <v>2</v>
      </c>
      <c r="EV24" s="102">
        <v>1</v>
      </c>
      <c r="EW24" s="102">
        <v>1</v>
      </c>
      <c r="EX24" s="102">
        <v>1</v>
      </c>
      <c r="EY24" s="103">
        <v>8</v>
      </c>
      <c r="EZ24" s="104">
        <v>15</v>
      </c>
      <c r="FA24" s="101">
        <v>0</v>
      </c>
      <c r="FB24" s="102">
        <v>3</v>
      </c>
      <c r="FC24" s="103">
        <v>3</v>
      </c>
      <c r="FD24" s="413">
        <v>0</v>
      </c>
      <c r="FE24" s="102">
        <v>4</v>
      </c>
      <c r="FF24" s="102">
        <v>5</v>
      </c>
      <c r="FG24" s="102">
        <v>4</v>
      </c>
      <c r="FH24" s="102">
        <v>2</v>
      </c>
      <c r="FI24" s="102">
        <v>1</v>
      </c>
      <c r="FJ24" s="103">
        <v>16</v>
      </c>
      <c r="FK24" s="104">
        <v>19</v>
      </c>
      <c r="FL24" s="101">
        <v>2</v>
      </c>
      <c r="FM24" s="102">
        <v>0</v>
      </c>
      <c r="FN24" s="103">
        <v>2</v>
      </c>
      <c r="FO24" s="413">
        <v>0</v>
      </c>
      <c r="FP24" s="102">
        <v>7</v>
      </c>
      <c r="FQ24" s="102">
        <v>7</v>
      </c>
      <c r="FR24" s="102">
        <v>4</v>
      </c>
      <c r="FS24" s="102">
        <v>4</v>
      </c>
      <c r="FT24" s="102">
        <v>1</v>
      </c>
      <c r="FU24" s="103">
        <v>23</v>
      </c>
      <c r="FV24" s="104">
        <v>25</v>
      </c>
      <c r="FW24" s="101">
        <v>0</v>
      </c>
      <c r="FX24" s="102">
        <v>0</v>
      </c>
      <c r="FY24" s="103">
        <v>0</v>
      </c>
      <c r="FZ24" s="413">
        <v>0</v>
      </c>
      <c r="GA24" s="102">
        <v>0</v>
      </c>
      <c r="GB24" s="102">
        <v>0</v>
      </c>
      <c r="GC24" s="102">
        <v>0</v>
      </c>
      <c r="GD24" s="102">
        <v>0</v>
      </c>
      <c r="GE24" s="102">
        <v>0</v>
      </c>
      <c r="GF24" s="103">
        <v>0</v>
      </c>
      <c r="GG24" s="104">
        <v>0</v>
      </c>
      <c r="GH24" s="101">
        <v>8</v>
      </c>
      <c r="GI24" s="102">
        <v>7</v>
      </c>
      <c r="GJ24" s="103">
        <v>15</v>
      </c>
      <c r="GK24" s="413">
        <v>0</v>
      </c>
      <c r="GL24" s="102">
        <v>17</v>
      </c>
      <c r="GM24" s="102">
        <v>17</v>
      </c>
      <c r="GN24" s="102">
        <v>10</v>
      </c>
      <c r="GO24" s="102">
        <v>7</v>
      </c>
      <c r="GP24" s="102">
        <v>5</v>
      </c>
      <c r="GQ24" s="103">
        <v>56</v>
      </c>
      <c r="GR24" s="104">
        <v>71</v>
      </c>
      <c r="GS24" s="105">
        <v>43</v>
      </c>
      <c r="GT24" s="97">
        <v>30</v>
      </c>
      <c r="GU24" s="98">
        <v>73</v>
      </c>
      <c r="GV24" s="413">
        <v>0</v>
      </c>
      <c r="GW24" s="97">
        <v>65</v>
      </c>
      <c r="GX24" s="97">
        <v>54</v>
      </c>
      <c r="GY24" s="97">
        <v>37</v>
      </c>
      <c r="GZ24" s="97">
        <v>32</v>
      </c>
      <c r="HA24" s="97">
        <v>21</v>
      </c>
      <c r="HB24" s="99">
        <v>209</v>
      </c>
      <c r="HC24" s="100">
        <v>282</v>
      </c>
      <c r="HD24" s="101">
        <v>2</v>
      </c>
      <c r="HE24" s="102">
        <v>0</v>
      </c>
      <c r="HF24" s="103">
        <v>2</v>
      </c>
      <c r="HG24" s="413">
        <v>0</v>
      </c>
      <c r="HH24" s="102">
        <v>2</v>
      </c>
      <c r="HI24" s="102">
        <v>0</v>
      </c>
      <c r="HJ24" s="102">
        <v>2</v>
      </c>
      <c r="HK24" s="102">
        <v>0</v>
      </c>
      <c r="HL24" s="102">
        <v>2</v>
      </c>
      <c r="HM24" s="103">
        <v>6</v>
      </c>
      <c r="HN24" s="104">
        <v>8</v>
      </c>
      <c r="HO24" s="101">
        <v>2</v>
      </c>
      <c r="HP24" s="102">
        <v>5</v>
      </c>
      <c r="HQ24" s="103">
        <v>7</v>
      </c>
      <c r="HR24" s="413">
        <v>0</v>
      </c>
      <c r="HS24" s="102">
        <v>6</v>
      </c>
      <c r="HT24" s="102">
        <v>6</v>
      </c>
      <c r="HU24" s="102">
        <v>2</v>
      </c>
      <c r="HV24" s="102">
        <v>1</v>
      </c>
      <c r="HW24" s="102">
        <v>1</v>
      </c>
      <c r="HX24" s="103">
        <v>16</v>
      </c>
      <c r="HY24" s="104">
        <v>23</v>
      </c>
      <c r="HZ24" s="101">
        <v>6</v>
      </c>
      <c r="IA24" s="102">
        <v>5</v>
      </c>
      <c r="IB24" s="103">
        <v>11</v>
      </c>
      <c r="IC24" s="413">
        <v>0</v>
      </c>
      <c r="ID24" s="102">
        <v>10</v>
      </c>
      <c r="IE24" s="102">
        <v>4</v>
      </c>
      <c r="IF24" s="102">
        <v>7</v>
      </c>
      <c r="IG24" s="102">
        <v>5</v>
      </c>
      <c r="IH24" s="102">
        <v>2</v>
      </c>
      <c r="II24" s="103">
        <v>28</v>
      </c>
      <c r="IJ24" s="104">
        <v>39</v>
      </c>
      <c r="IK24" s="101">
        <v>12</v>
      </c>
      <c r="IL24" s="102">
        <v>9</v>
      </c>
      <c r="IM24" s="103">
        <v>21</v>
      </c>
      <c r="IN24" s="413">
        <v>0</v>
      </c>
      <c r="IO24" s="102">
        <v>16</v>
      </c>
      <c r="IP24" s="102">
        <v>10</v>
      </c>
      <c r="IQ24" s="102">
        <v>4</v>
      </c>
      <c r="IR24" s="102">
        <v>8</v>
      </c>
      <c r="IS24" s="102">
        <v>7</v>
      </c>
      <c r="IT24" s="103">
        <v>45</v>
      </c>
      <c r="IU24" s="104">
        <v>66</v>
      </c>
      <c r="IV24" s="101">
        <v>12</v>
      </c>
      <c r="IW24" s="102">
        <v>6</v>
      </c>
      <c r="IX24" s="103">
        <v>18</v>
      </c>
      <c r="IY24" s="413">
        <v>0</v>
      </c>
      <c r="IZ24" s="102">
        <v>18</v>
      </c>
      <c r="JA24" s="102">
        <v>19</v>
      </c>
      <c r="JB24" s="102">
        <v>8</v>
      </c>
      <c r="JC24" s="102">
        <v>11</v>
      </c>
      <c r="JD24" s="102">
        <v>5</v>
      </c>
      <c r="JE24" s="103">
        <v>61</v>
      </c>
      <c r="JF24" s="104">
        <v>79</v>
      </c>
      <c r="JG24" s="101">
        <v>9</v>
      </c>
      <c r="JH24" s="102">
        <v>5</v>
      </c>
      <c r="JI24" s="103">
        <v>14</v>
      </c>
      <c r="JJ24" s="413">
        <v>0</v>
      </c>
      <c r="JK24" s="102">
        <v>13</v>
      </c>
      <c r="JL24" s="102">
        <v>15</v>
      </c>
      <c r="JM24" s="102">
        <v>14</v>
      </c>
      <c r="JN24" s="102">
        <v>7</v>
      </c>
      <c r="JO24" s="102">
        <v>4</v>
      </c>
      <c r="JP24" s="103">
        <v>53</v>
      </c>
      <c r="JQ24" s="104">
        <v>67</v>
      </c>
      <c r="JR24" s="101">
        <v>0</v>
      </c>
      <c r="JS24" s="102">
        <v>0</v>
      </c>
      <c r="JT24" s="103">
        <v>0</v>
      </c>
      <c r="JU24" s="413">
        <v>0</v>
      </c>
      <c r="JV24" s="102">
        <v>0</v>
      </c>
      <c r="JW24" s="102">
        <v>0</v>
      </c>
      <c r="JX24" s="102">
        <v>0</v>
      </c>
      <c r="JY24" s="102">
        <v>0</v>
      </c>
      <c r="JZ24" s="102">
        <v>0</v>
      </c>
      <c r="KA24" s="103">
        <v>0</v>
      </c>
      <c r="KB24" s="104">
        <v>0</v>
      </c>
      <c r="KC24" s="101">
        <v>43</v>
      </c>
      <c r="KD24" s="102">
        <v>30</v>
      </c>
      <c r="KE24" s="103">
        <v>73</v>
      </c>
      <c r="KF24" s="413">
        <v>0</v>
      </c>
      <c r="KG24" s="102">
        <v>65</v>
      </c>
      <c r="KH24" s="102">
        <v>54</v>
      </c>
      <c r="KI24" s="102">
        <v>37</v>
      </c>
      <c r="KJ24" s="102">
        <v>32</v>
      </c>
      <c r="KK24" s="102">
        <v>21</v>
      </c>
      <c r="KL24" s="103">
        <v>209</v>
      </c>
      <c r="KM24" s="104">
        <v>282</v>
      </c>
    </row>
    <row r="25" spans="2:299" s="70" customFormat="1" ht="21" customHeight="1" x14ac:dyDescent="0.2">
      <c r="B25" s="106" t="s">
        <v>22</v>
      </c>
      <c r="C25" s="96">
        <v>14</v>
      </c>
      <c r="D25" s="97">
        <v>11</v>
      </c>
      <c r="E25" s="98">
        <v>25</v>
      </c>
      <c r="F25" s="413">
        <v>0</v>
      </c>
      <c r="G25" s="97">
        <v>31</v>
      </c>
      <c r="H25" s="97">
        <v>21</v>
      </c>
      <c r="I25" s="97">
        <v>8</v>
      </c>
      <c r="J25" s="97">
        <v>9</v>
      </c>
      <c r="K25" s="97">
        <v>7</v>
      </c>
      <c r="L25" s="99">
        <v>76</v>
      </c>
      <c r="M25" s="100">
        <v>101</v>
      </c>
      <c r="N25" s="101">
        <v>1</v>
      </c>
      <c r="O25" s="102">
        <v>0</v>
      </c>
      <c r="P25" s="103">
        <v>1</v>
      </c>
      <c r="Q25" s="413">
        <v>0</v>
      </c>
      <c r="R25" s="102">
        <v>0</v>
      </c>
      <c r="S25" s="102">
        <v>0</v>
      </c>
      <c r="T25" s="102">
        <v>1</v>
      </c>
      <c r="U25" s="102">
        <v>0</v>
      </c>
      <c r="V25" s="102">
        <v>0</v>
      </c>
      <c r="W25" s="103">
        <v>1</v>
      </c>
      <c r="X25" s="104">
        <v>2</v>
      </c>
      <c r="Y25" s="101">
        <v>1</v>
      </c>
      <c r="Z25" s="102">
        <v>2</v>
      </c>
      <c r="AA25" s="103">
        <v>3</v>
      </c>
      <c r="AB25" s="413">
        <v>0</v>
      </c>
      <c r="AC25" s="102">
        <v>2</v>
      </c>
      <c r="AD25" s="102">
        <v>2</v>
      </c>
      <c r="AE25" s="102">
        <v>0</v>
      </c>
      <c r="AF25" s="102">
        <v>1</v>
      </c>
      <c r="AG25" s="102">
        <v>1</v>
      </c>
      <c r="AH25" s="103">
        <v>6</v>
      </c>
      <c r="AI25" s="104">
        <v>9</v>
      </c>
      <c r="AJ25" s="101">
        <v>1</v>
      </c>
      <c r="AK25" s="102">
        <v>2</v>
      </c>
      <c r="AL25" s="103">
        <v>3</v>
      </c>
      <c r="AM25" s="413">
        <v>0</v>
      </c>
      <c r="AN25" s="102">
        <v>5</v>
      </c>
      <c r="AO25" s="102">
        <v>2</v>
      </c>
      <c r="AP25" s="102">
        <v>1</v>
      </c>
      <c r="AQ25" s="102">
        <v>0</v>
      </c>
      <c r="AR25" s="102">
        <v>1</v>
      </c>
      <c r="AS25" s="103">
        <v>9</v>
      </c>
      <c r="AT25" s="104">
        <v>12</v>
      </c>
      <c r="AU25" s="101">
        <v>5</v>
      </c>
      <c r="AV25" s="102">
        <v>4</v>
      </c>
      <c r="AW25" s="103">
        <v>9</v>
      </c>
      <c r="AX25" s="413">
        <v>0</v>
      </c>
      <c r="AY25" s="102">
        <v>7</v>
      </c>
      <c r="AZ25" s="102">
        <v>4</v>
      </c>
      <c r="BA25" s="102">
        <v>1</v>
      </c>
      <c r="BB25" s="102">
        <v>2</v>
      </c>
      <c r="BC25" s="102">
        <v>2</v>
      </c>
      <c r="BD25" s="103">
        <v>16</v>
      </c>
      <c r="BE25" s="104">
        <v>25</v>
      </c>
      <c r="BF25" s="101">
        <v>3</v>
      </c>
      <c r="BG25" s="102">
        <v>1</v>
      </c>
      <c r="BH25" s="103">
        <v>4</v>
      </c>
      <c r="BI25" s="413">
        <v>0</v>
      </c>
      <c r="BJ25" s="102">
        <v>5</v>
      </c>
      <c r="BK25" s="102">
        <v>7</v>
      </c>
      <c r="BL25" s="102">
        <v>3</v>
      </c>
      <c r="BM25" s="102">
        <v>2</v>
      </c>
      <c r="BN25" s="102">
        <v>2</v>
      </c>
      <c r="BO25" s="103">
        <v>19</v>
      </c>
      <c r="BP25" s="104">
        <v>23</v>
      </c>
      <c r="BQ25" s="101">
        <v>3</v>
      </c>
      <c r="BR25" s="102">
        <v>2</v>
      </c>
      <c r="BS25" s="103">
        <v>5</v>
      </c>
      <c r="BT25" s="413">
        <v>0</v>
      </c>
      <c r="BU25" s="102">
        <v>12</v>
      </c>
      <c r="BV25" s="102">
        <v>6</v>
      </c>
      <c r="BW25" s="102">
        <v>2</v>
      </c>
      <c r="BX25" s="102">
        <v>4</v>
      </c>
      <c r="BY25" s="102">
        <v>1</v>
      </c>
      <c r="BZ25" s="103">
        <v>25</v>
      </c>
      <c r="CA25" s="104">
        <v>30</v>
      </c>
      <c r="CB25" s="101">
        <v>0</v>
      </c>
      <c r="CC25" s="102">
        <v>0</v>
      </c>
      <c r="CD25" s="103">
        <v>0</v>
      </c>
      <c r="CE25" s="413">
        <v>0</v>
      </c>
      <c r="CF25" s="102">
        <v>0</v>
      </c>
      <c r="CG25" s="102">
        <v>0</v>
      </c>
      <c r="CH25" s="102">
        <v>0</v>
      </c>
      <c r="CI25" s="102">
        <v>0</v>
      </c>
      <c r="CJ25" s="102">
        <v>0</v>
      </c>
      <c r="CK25" s="103">
        <v>0</v>
      </c>
      <c r="CL25" s="104">
        <v>0</v>
      </c>
      <c r="CM25" s="101">
        <v>14</v>
      </c>
      <c r="CN25" s="102">
        <v>11</v>
      </c>
      <c r="CO25" s="103">
        <v>25</v>
      </c>
      <c r="CP25" s="413">
        <v>0</v>
      </c>
      <c r="CQ25" s="102">
        <v>31</v>
      </c>
      <c r="CR25" s="102">
        <v>21</v>
      </c>
      <c r="CS25" s="102">
        <v>8</v>
      </c>
      <c r="CT25" s="102">
        <v>9</v>
      </c>
      <c r="CU25" s="102">
        <v>7</v>
      </c>
      <c r="CV25" s="103">
        <v>76</v>
      </c>
      <c r="CW25" s="104">
        <v>101</v>
      </c>
      <c r="CX25" s="105">
        <v>5</v>
      </c>
      <c r="CY25" s="97">
        <v>6</v>
      </c>
      <c r="CZ25" s="98">
        <v>11</v>
      </c>
      <c r="DA25" s="413">
        <v>0</v>
      </c>
      <c r="DB25" s="97">
        <v>4</v>
      </c>
      <c r="DC25" s="97">
        <v>4</v>
      </c>
      <c r="DD25" s="97">
        <v>0</v>
      </c>
      <c r="DE25" s="97">
        <v>5</v>
      </c>
      <c r="DF25" s="97">
        <v>4</v>
      </c>
      <c r="DG25" s="99">
        <v>17</v>
      </c>
      <c r="DH25" s="100">
        <v>28</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2</v>
      </c>
      <c r="EN25" s="103">
        <v>3</v>
      </c>
      <c r="EO25" s="104">
        <v>5</v>
      </c>
      <c r="EP25" s="101">
        <v>4</v>
      </c>
      <c r="EQ25" s="102">
        <v>2</v>
      </c>
      <c r="ER25" s="103">
        <v>6</v>
      </c>
      <c r="ES25" s="413">
        <v>0</v>
      </c>
      <c r="ET25" s="102">
        <v>1</v>
      </c>
      <c r="EU25" s="102">
        <v>0</v>
      </c>
      <c r="EV25" s="102">
        <v>0</v>
      </c>
      <c r="EW25" s="102">
        <v>0</v>
      </c>
      <c r="EX25" s="102">
        <v>1</v>
      </c>
      <c r="EY25" s="103">
        <v>2</v>
      </c>
      <c r="EZ25" s="104">
        <v>8</v>
      </c>
      <c r="FA25" s="101">
        <v>0</v>
      </c>
      <c r="FB25" s="102">
        <v>1</v>
      </c>
      <c r="FC25" s="103">
        <v>1</v>
      </c>
      <c r="FD25" s="413">
        <v>0</v>
      </c>
      <c r="FE25" s="102">
        <v>2</v>
      </c>
      <c r="FF25" s="102">
        <v>2</v>
      </c>
      <c r="FG25" s="102">
        <v>0</v>
      </c>
      <c r="FH25" s="102">
        <v>2</v>
      </c>
      <c r="FI25" s="102">
        <v>0</v>
      </c>
      <c r="FJ25" s="103">
        <v>6</v>
      </c>
      <c r="FK25" s="104">
        <v>7</v>
      </c>
      <c r="FL25" s="101">
        <v>0</v>
      </c>
      <c r="FM25" s="102">
        <v>1</v>
      </c>
      <c r="FN25" s="103">
        <v>1</v>
      </c>
      <c r="FO25" s="413">
        <v>0</v>
      </c>
      <c r="FP25" s="102">
        <v>1</v>
      </c>
      <c r="FQ25" s="102">
        <v>1</v>
      </c>
      <c r="FR25" s="102">
        <v>0</v>
      </c>
      <c r="FS25" s="102">
        <v>3</v>
      </c>
      <c r="FT25" s="102">
        <v>1</v>
      </c>
      <c r="FU25" s="103">
        <v>6</v>
      </c>
      <c r="FV25" s="104">
        <v>7</v>
      </c>
      <c r="FW25" s="101">
        <v>0</v>
      </c>
      <c r="FX25" s="102">
        <v>0</v>
      </c>
      <c r="FY25" s="103">
        <v>0</v>
      </c>
      <c r="FZ25" s="413">
        <v>0</v>
      </c>
      <c r="GA25" s="102">
        <v>0</v>
      </c>
      <c r="GB25" s="102">
        <v>0</v>
      </c>
      <c r="GC25" s="102">
        <v>0</v>
      </c>
      <c r="GD25" s="102">
        <v>0</v>
      </c>
      <c r="GE25" s="102">
        <v>0</v>
      </c>
      <c r="GF25" s="103">
        <v>0</v>
      </c>
      <c r="GG25" s="104">
        <v>0</v>
      </c>
      <c r="GH25" s="101">
        <v>5</v>
      </c>
      <c r="GI25" s="102">
        <v>6</v>
      </c>
      <c r="GJ25" s="103">
        <v>11</v>
      </c>
      <c r="GK25" s="413">
        <v>0</v>
      </c>
      <c r="GL25" s="102">
        <v>4</v>
      </c>
      <c r="GM25" s="102">
        <v>4</v>
      </c>
      <c r="GN25" s="102">
        <v>0</v>
      </c>
      <c r="GO25" s="102">
        <v>5</v>
      </c>
      <c r="GP25" s="102">
        <v>4</v>
      </c>
      <c r="GQ25" s="103">
        <v>17</v>
      </c>
      <c r="GR25" s="104">
        <v>28</v>
      </c>
      <c r="GS25" s="105">
        <v>19</v>
      </c>
      <c r="GT25" s="97">
        <v>17</v>
      </c>
      <c r="GU25" s="98">
        <v>36</v>
      </c>
      <c r="GV25" s="413">
        <v>0</v>
      </c>
      <c r="GW25" s="97">
        <v>35</v>
      </c>
      <c r="GX25" s="97">
        <v>25</v>
      </c>
      <c r="GY25" s="97">
        <v>8</v>
      </c>
      <c r="GZ25" s="97">
        <v>14</v>
      </c>
      <c r="HA25" s="97">
        <v>11</v>
      </c>
      <c r="HB25" s="99">
        <v>93</v>
      </c>
      <c r="HC25" s="100">
        <v>129</v>
      </c>
      <c r="HD25" s="101">
        <v>1</v>
      </c>
      <c r="HE25" s="102">
        <v>1</v>
      </c>
      <c r="HF25" s="103">
        <v>2</v>
      </c>
      <c r="HG25" s="413">
        <v>0</v>
      </c>
      <c r="HH25" s="102">
        <v>0</v>
      </c>
      <c r="HI25" s="102">
        <v>0</v>
      </c>
      <c r="HJ25" s="102">
        <v>1</v>
      </c>
      <c r="HK25" s="102">
        <v>0</v>
      </c>
      <c r="HL25" s="102">
        <v>0</v>
      </c>
      <c r="HM25" s="103">
        <v>1</v>
      </c>
      <c r="HN25" s="104">
        <v>3</v>
      </c>
      <c r="HO25" s="101">
        <v>1</v>
      </c>
      <c r="HP25" s="102">
        <v>2</v>
      </c>
      <c r="HQ25" s="103">
        <v>3</v>
      </c>
      <c r="HR25" s="413">
        <v>0</v>
      </c>
      <c r="HS25" s="102">
        <v>2</v>
      </c>
      <c r="HT25" s="102">
        <v>2</v>
      </c>
      <c r="HU25" s="102">
        <v>0</v>
      </c>
      <c r="HV25" s="102">
        <v>1</v>
      </c>
      <c r="HW25" s="102">
        <v>1</v>
      </c>
      <c r="HX25" s="103">
        <v>6</v>
      </c>
      <c r="HY25" s="104">
        <v>9</v>
      </c>
      <c r="HZ25" s="101">
        <v>2</v>
      </c>
      <c r="IA25" s="102">
        <v>3</v>
      </c>
      <c r="IB25" s="103">
        <v>5</v>
      </c>
      <c r="IC25" s="413">
        <v>0</v>
      </c>
      <c r="ID25" s="102">
        <v>5</v>
      </c>
      <c r="IE25" s="102">
        <v>3</v>
      </c>
      <c r="IF25" s="102">
        <v>1</v>
      </c>
      <c r="IG25" s="102">
        <v>0</v>
      </c>
      <c r="IH25" s="102">
        <v>3</v>
      </c>
      <c r="II25" s="103">
        <v>12</v>
      </c>
      <c r="IJ25" s="104">
        <v>17</v>
      </c>
      <c r="IK25" s="101">
        <v>9</v>
      </c>
      <c r="IL25" s="102">
        <v>6</v>
      </c>
      <c r="IM25" s="103">
        <v>15</v>
      </c>
      <c r="IN25" s="413">
        <v>0</v>
      </c>
      <c r="IO25" s="102">
        <v>8</v>
      </c>
      <c r="IP25" s="102">
        <v>4</v>
      </c>
      <c r="IQ25" s="102">
        <v>1</v>
      </c>
      <c r="IR25" s="102">
        <v>2</v>
      </c>
      <c r="IS25" s="102">
        <v>3</v>
      </c>
      <c r="IT25" s="103">
        <v>18</v>
      </c>
      <c r="IU25" s="104">
        <v>33</v>
      </c>
      <c r="IV25" s="101">
        <v>3</v>
      </c>
      <c r="IW25" s="102">
        <v>2</v>
      </c>
      <c r="IX25" s="103">
        <v>5</v>
      </c>
      <c r="IY25" s="413">
        <v>0</v>
      </c>
      <c r="IZ25" s="102">
        <v>7</v>
      </c>
      <c r="JA25" s="102">
        <v>9</v>
      </c>
      <c r="JB25" s="102">
        <v>3</v>
      </c>
      <c r="JC25" s="102">
        <v>4</v>
      </c>
      <c r="JD25" s="102">
        <v>2</v>
      </c>
      <c r="JE25" s="103">
        <v>25</v>
      </c>
      <c r="JF25" s="104">
        <v>30</v>
      </c>
      <c r="JG25" s="101">
        <v>3</v>
      </c>
      <c r="JH25" s="102">
        <v>3</v>
      </c>
      <c r="JI25" s="103">
        <v>6</v>
      </c>
      <c r="JJ25" s="413">
        <v>0</v>
      </c>
      <c r="JK25" s="102">
        <v>13</v>
      </c>
      <c r="JL25" s="102">
        <v>7</v>
      </c>
      <c r="JM25" s="102">
        <v>2</v>
      </c>
      <c r="JN25" s="102">
        <v>7</v>
      </c>
      <c r="JO25" s="102">
        <v>2</v>
      </c>
      <c r="JP25" s="103">
        <v>31</v>
      </c>
      <c r="JQ25" s="104">
        <v>37</v>
      </c>
      <c r="JR25" s="101">
        <v>0</v>
      </c>
      <c r="JS25" s="102">
        <v>0</v>
      </c>
      <c r="JT25" s="103">
        <v>0</v>
      </c>
      <c r="JU25" s="413">
        <v>0</v>
      </c>
      <c r="JV25" s="102">
        <v>0</v>
      </c>
      <c r="JW25" s="102">
        <v>0</v>
      </c>
      <c r="JX25" s="102">
        <v>0</v>
      </c>
      <c r="JY25" s="102">
        <v>0</v>
      </c>
      <c r="JZ25" s="102">
        <v>0</v>
      </c>
      <c r="KA25" s="103">
        <v>0</v>
      </c>
      <c r="KB25" s="104">
        <v>0</v>
      </c>
      <c r="KC25" s="101">
        <v>19</v>
      </c>
      <c r="KD25" s="102">
        <v>17</v>
      </c>
      <c r="KE25" s="103">
        <v>36</v>
      </c>
      <c r="KF25" s="413">
        <v>0</v>
      </c>
      <c r="KG25" s="102">
        <v>35</v>
      </c>
      <c r="KH25" s="102">
        <v>25</v>
      </c>
      <c r="KI25" s="102">
        <v>8</v>
      </c>
      <c r="KJ25" s="102">
        <v>14</v>
      </c>
      <c r="KK25" s="102">
        <v>11</v>
      </c>
      <c r="KL25" s="103">
        <v>93</v>
      </c>
      <c r="KM25" s="104">
        <v>129</v>
      </c>
    </row>
    <row r="26" spans="2:299" s="70" customFormat="1" ht="21" customHeight="1" x14ac:dyDescent="0.2">
      <c r="B26" s="106" t="s">
        <v>23</v>
      </c>
      <c r="C26" s="96">
        <v>27</v>
      </c>
      <c r="D26" s="97">
        <v>19</v>
      </c>
      <c r="E26" s="98">
        <v>46</v>
      </c>
      <c r="F26" s="413">
        <v>0</v>
      </c>
      <c r="G26" s="97">
        <v>23</v>
      </c>
      <c r="H26" s="97">
        <v>24</v>
      </c>
      <c r="I26" s="97">
        <v>25</v>
      </c>
      <c r="J26" s="97">
        <v>13</v>
      </c>
      <c r="K26" s="97">
        <v>9</v>
      </c>
      <c r="L26" s="99">
        <v>94</v>
      </c>
      <c r="M26" s="100">
        <v>140</v>
      </c>
      <c r="N26" s="101">
        <v>0</v>
      </c>
      <c r="O26" s="102">
        <v>2</v>
      </c>
      <c r="P26" s="103">
        <v>2</v>
      </c>
      <c r="Q26" s="413">
        <v>0</v>
      </c>
      <c r="R26" s="102">
        <v>0</v>
      </c>
      <c r="S26" s="102">
        <v>0</v>
      </c>
      <c r="T26" s="102">
        <v>0</v>
      </c>
      <c r="U26" s="102">
        <v>0</v>
      </c>
      <c r="V26" s="102">
        <v>0</v>
      </c>
      <c r="W26" s="103">
        <v>0</v>
      </c>
      <c r="X26" s="104">
        <v>2</v>
      </c>
      <c r="Y26" s="101">
        <v>2</v>
      </c>
      <c r="Z26" s="102">
        <v>0</v>
      </c>
      <c r="AA26" s="103">
        <v>2</v>
      </c>
      <c r="AB26" s="413">
        <v>0</v>
      </c>
      <c r="AC26" s="102">
        <v>2</v>
      </c>
      <c r="AD26" s="102">
        <v>4</v>
      </c>
      <c r="AE26" s="102">
        <v>3</v>
      </c>
      <c r="AF26" s="102">
        <v>0</v>
      </c>
      <c r="AG26" s="102">
        <v>2</v>
      </c>
      <c r="AH26" s="103">
        <v>11</v>
      </c>
      <c r="AI26" s="104">
        <v>13</v>
      </c>
      <c r="AJ26" s="101">
        <v>8</v>
      </c>
      <c r="AK26" s="102">
        <v>2</v>
      </c>
      <c r="AL26" s="103">
        <v>10</v>
      </c>
      <c r="AM26" s="413">
        <v>0</v>
      </c>
      <c r="AN26" s="102">
        <v>3</v>
      </c>
      <c r="AO26" s="102">
        <v>2</v>
      </c>
      <c r="AP26" s="102">
        <v>4</v>
      </c>
      <c r="AQ26" s="102">
        <v>0</v>
      </c>
      <c r="AR26" s="102">
        <v>2</v>
      </c>
      <c r="AS26" s="103">
        <v>11</v>
      </c>
      <c r="AT26" s="104">
        <v>21</v>
      </c>
      <c r="AU26" s="101">
        <v>7</v>
      </c>
      <c r="AV26" s="102">
        <v>6</v>
      </c>
      <c r="AW26" s="103">
        <v>13</v>
      </c>
      <c r="AX26" s="413">
        <v>0</v>
      </c>
      <c r="AY26" s="102">
        <v>5</v>
      </c>
      <c r="AZ26" s="102">
        <v>5</v>
      </c>
      <c r="BA26" s="102">
        <v>6</v>
      </c>
      <c r="BB26" s="102">
        <v>5</v>
      </c>
      <c r="BC26" s="102">
        <v>1</v>
      </c>
      <c r="BD26" s="103">
        <v>22</v>
      </c>
      <c r="BE26" s="104">
        <v>35</v>
      </c>
      <c r="BF26" s="101">
        <v>8</v>
      </c>
      <c r="BG26" s="102">
        <v>5</v>
      </c>
      <c r="BH26" s="103">
        <v>13</v>
      </c>
      <c r="BI26" s="413">
        <v>0</v>
      </c>
      <c r="BJ26" s="102">
        <v>7</v>
      </c>
      <c r="BK26" s="102">
        <v>9</v>
      </c>
      <c r="BL26" s="102">
        <v>6</v>
      </c>
      <c r="BM26" s="102">
        <v>4</v>
      </c>
      <c r="BN26" s="102">
        <v>2</v>
      </c>
      <c r="BO26" s="103">
        <v>28</v>
      </c>
      <c r="BP26" s="104">
        <v>41</v>
      </c>
      <c r="BQ26" s="101">
        <v>2</v>
      </c>
      <c r="BR26" s="102">
        <v>4</v>
      </c>
      <c r="BS26" s="103">
        <v>6</v>
      </c>
      <c r="BT26" s="413">
        <v>0</v>
      </c>
      <c r="BU26" s="102">
        <v>6</v>
      </c>
      <c r="BV26" s="102">
        <v>4</v>
      </c>
      <c r="BW26" s="102">
        <v>6</v>
      </c>
      <c r="BX26" s="102">
        <v>4</v>
      </c>
      <c r="BY26" s="102">
        <v>2</v>
      </c>
      <c r="BZ26" s="103">
        <v>22</v>
      </c>
      <c r="CA26" s="104">
        <v>28</v>
      </c>
      <c r="CB26" s="101">
        <v>0</v>
      </c>
      <c r="CC26" s="102">
        <v>0</v>
      </c>
      <c r="CD26" s="103">
        <v>0</v>
      </c>
      <c r="CE26" s="413">
        <v>0</v>
      </c>
      <c r="CF26" s="102">
        <v>0</v>
      </c>
      <c r="CG26" s="102">
        <v>0</v>
      </c>
      <c r="CH26" s="102">
        <v>0</v>
      </c>
      <c r="CI26" s="102">
        <v>0</v>
      </c>
      <c r="CJ26" s="102">
        <v>0</v>
      </c>
      <c r="CK26" s="103">
        <v>0</v>
      </c>
      <c r="CL26" s="104">
        <v>0</v>
      </c>
      <c r="CM26" s="101">
        <v>27</v>
      </c>
      <c r="CN26" s="102">
        <v>19</v>
      </c>
      <c r="CO26" s="103">
        <v>46</v>
      </c>
      <c r="CP26" s="413">
        <v>0</v>
      </c>
      <c r="CQ26" s="102">
        <v>23</v>
      </c>
      <c r="CR26" s="102">
        <v>24</v>
      </c>
      <c r="CS26" s="102">
        <v>25</v>
      </c>
      <c r="CT26" s="102">
        <v>13</v>
      </c>
      <c r="CU26" s="102">
        <v>9</v>
      </c>
      <c r="CV26" s="103">
        <v>94</v>
      </c>
      <c r="CW26" s="104">
        <v>140</v>
      </c>
      <c r="CX26" s="105">
        <v>8</v>
      </c>
      <c r="CY26" s="97">
        <v>7</v>
      </c>
      <c r="CZ26" s="98">
        <v>15</v>
      </c>
      <c r="DA26" s="413">
        <v>0</v>
      </c>
      <c r="DB26" s="97">
        <v>7</v>
      </c>
      <c r="DC26" s="97">
        <v>9</v>
      </c>
      <c r="DD26" s="97">
        <v>5</v>
      </c>
      <c r="DE26" s="97">
        <v>7</v>
      </c>
      <c r="DF26" s="97">
        <v>6</v>
      </c>
      <c r="DG26" s="99">
        <v>34</v>
      </c>
      <c r="DH26" s="100">
        <v>49</v>
      </c>
      <c r="DI26" s="101">
        <v>0</v>
      </c>
      <c r="DJ26" s="102">
        <v>0</v>
      </c>
      <c r="DK26" s="103">
        <v>0</v>
      </c>
      <c r="DL26" s="413">
        <v>0</v>
      </c>
      <c r="DM26" s="102">
        <v>0</v>
      </c>
      <c r="DN26" s="102">
        <v>0</v>
      </c>
      <c r="DO26" s="102">
        <v>0</v>
      </c>
      <c r="DP26" s="102">
        <v>0</v>
      </c>
      <c r="DQ26" s="102">
        <v>0</v>
      </c>
      <c r="DR26" s="103">
        <v>0</v>
      </c>
      <c r="DS26" s="104">
        <v>0</v>
      </c>
      <c r="DT26" s="101">
        <v>0</v>
      </c>
      <c r="DU26" s="102">
        <v>0</v>
      </c>
      <c r="DV26" s="103">
        <v>0</v>
      </c>
      <c r="DW26" s="413">
        <v>0</v>
      </c>
      <c r="DX26" s="102">
        <v>0</v>
      </c>
      <c r="DY26" s="102">
        <v>0</v>
      </c>
      <c r="DZ26" s="102">
        <v>1</v>
      </c>
      <c r="EA26" s="102">
        <v>0</v>
      </c>
      <c r="EB26" s="102">
        <v>0</v>
      </c>
      <c r="EC26" s="103">
        <v>1</v>
      </c>
      <c r="ED26" s="104">
        <v>1</v>
      </c>
      <c r="EE26" s="101">
        <v>3</v>
      </c>
      <c r="EF26" s="102">
        <v>0</v>
      </c>
      <c r="EG26" s="103">
        <v>3</v>
      </c>
      <c r="EH26" s="413">
        <v>0</v>
      </c>
      <c r="EI26" s="102">
        <v>0</v>
      </c>
      <c r="EJ26" s="102">
        <v>0</v>
      </c>
      <c r="EK26" s="102">
        <v>0</v>
      </c>
      <c r="EL26" s="102">
        <v>0</v>
      </c>
      <c r="EM26" s="102">
        <v>1</v>
      </c>
      <c r="EN26" s="103">
        <v>1</v>
      </c>
      <c r="EO26" s="104">
        <v>4</v>
      </c>
      <c r="EP26" s="101">
        <v>3</v>
      </c>
      <c r="EQ26" s="102">
        <v>4</v>
      </c>
      <c r="ER26" s="103">
        <v>7</v>
      </c>
      <c r="ES26" s="413">
        <v>0</v>
      </c>
      <c r="ET26" s="102">
        <v>0</v>
      </c>
      <c r="EU26" s="102">
        <v>4</v>
      </c>
      <c r="EV26" s="102">
        <v>1</v>
      </c>
      <c r="EW26" s="102">
        <v>1</v>
      </c>
      <c r="EX26" s="102">
        <v>0</v>
      </c>
      <c r="EY26" s="103">
        <v>6</v>
      </c>
      <c r="EZ26" s="104">
        <v>13</v>
      </c>
      <c r="FA26" s="101">
        <v>1</v>
      </c>
      <c r="FB26" s="102">
        <v>1</v>
      </c>
      <c r="FC26" s="103">
        <v>2</v>
      </c>
      <c r="FD26" s="413">
        <v>0</v>
      </c>
      <c r="FE26" s="102">
        <v>1</v>
      </c>
      <c r="FF26" s="102">
        <v>1</v>
      </c>
      <c r="FG26" s="102">
        <v>2</v>
      </c>
      <c r="FH26" s="102">
        <v>1</v>
      </c>
      <c r="FI26" s="102">
        <v>1</v>
      </c>
      <c r="FJ26" s="103">
        <v>6</v>
      </c>
      <c r="FK26" s="104">
        <v>8</v>
      </c>
      <c r="FL26" s="101">
        <v>1</v>
      </c>
      <c r="FM26" s="102">
        <v>2</v>
      </c>
      <c r="FN26" s="103">
        <v>3</v>
      </c>
      <c r="FO26" s="413">
        <v>0</v>
      </c>
      <c r="FP26" s="102">
        <v>6</v>
      </c>
      <c r="FQ26" s="102">
        <v>4</v>
      </c>
      <c r="FR26" s="102">
        <v>1</v>
      </c>
      <c r="FS26" s="102">
        <v>5</v>
      </c>
      <c r="FT26" s="102">
        <v>4</v>
      </c>
      <c r="FU26" s="103">
        <v>20</v>
      </c>
      <c r="FV26" s="104">
        <v>23</v>
      </c>
      <c r="FW26" s="101">
        <v>0</v>
      </c>
      <c r="FX26" s="102">
        <v>0</v>
      </c>
      <c r="FY26" s="103">
        <v>0</v>
      </c>
      <c r="FZ26" s="413">
        <v>0</v>
      </c>
      <c r="GA26" s="102">
        <v>0</v>
      </c>
      <c r="GB26" s="102">
        <v>0</v>
      </c>
      <c r="GC26" s="102">
        <v>0</v>
      </c>
      <c r="GD26" s="102">
        <v>0</v>
      </c>
      <c r="GE26" s="102">
        <v>0</v>
      </c>
      <c r="GF26" s="103">
        <v>0</v>
      </c>
      <c r="GG26" s="104">
        <v>0</v>
      </c>
      <c r="GH26" s="101">
        <v>8</v>
      </c>
      <c r="GI26" s="102">
        <v>7</v>
      </c>
      <c r="GJ26" s="103">
        <v>15</v>
      </c>
      <c r="GK26" s="413">
        <v>0</v>
      </c>
      <c r="GL26" s="102">
        <v>7</v>
      </c>
      <c r="GM26" s="102">
        <v>9</v>
      </c>
      <c r="GN26" s="102">
        <v>5</v>
      </c>
      <c r="GO26" s="102">
        <v>7</v>
      </c>
      <c r="GP26" s="102">
        <v>6</v>
      </c>
      <c r="GQ26" s="103">
        <v>34</v>
      </c>
      <c r="GR26" s="104">
        <v>49</v>
      </c>
      <c r="GS26" s="105">
        <v>35</v>
      </c>
      <c r="GT26" s="97">
        <v>26</v>
      </c>
      <c r="GU26" s="98">
        <v>61</v>
      </c>
      <c r="GV26" s="413">
        <v>0</v>
      </c>
      <c r="GW26" s="97">
        <v>30</v>
      </c>
      <c r="GX26" s="97">
        <v>33</v>
      </c>
      <c r="GY26" s="97">
        <v>30</v>
      </c>
      <c r="GZ26" s="97">
        <v>20</v>
      </c>
      <c r="HA26" s="97">
        <v>15</v>
      </c>
      <c r="HB26" s="99">
        <v>128</v>
      </c>
      <c r="HC26" s="100">
        <v>189</v>
      </c>
      <c r="HD26" s="101">
        <v>0</v>
      </c>
      <c r="HE26" s="102">
        <v>2</v>
      </c>
      <c r="HF26" s="103">
        <v>2</v>
      </c>
      <c r="HG26" s="413">
        <v>0</v>
      </c>
      <c r="HH26" s="102">
        <v>0</v>
      </c>
      <c r="HI26" s="102">
        <v>0</v>
      </c>
      <c r="HJ26" s="102">
        <v>0</v>
      </c>
      <c r="HK26" s="102">
        <v>0</v>
      </c>
      <c r="HL26" s="102">
        <v>0</v>
      </c>
      <c r="HM26" s="103">
        <v>0</v>
      </c>
      <c r="HN26" s="104">
        <v>2</v>
      </c>
      <c r="HO26" s="101">
        <v>2</v>
      </c>
      <c r="HP26" s="102">
        <v>0</v>
      </c>
      <c r="HQ26" s="103">
        <v>2</v>
      </c>
      <c r="HR26" s="413">
        <v>0</v>
      </c>
      <c r="HS26" s="102">
        <v>2</v>
      </c>
      <c r="HT26" s="102">
        <v>4</v>
      </c>
      <c r="HU26" s="102">
        <v>4</v>
      </c>
      <c r="HV26" s="102">
        <v>0</v>
      </c>
      <c r="HW26" s="102">
        <v>2</v>
      </c>
      <c r="HX26" s="103">
        <v>12</v>
      </c>
      <c r="HY26" s="104">
        <v>14</v>
      </c>
      <c r="HZ26" s="101">
        <v>11</v>
      </c>
      <c r="IA26" s="102">
        <v>2</v>
      </c>
      <c r="IB26" s="103">
        <v>13</v>
      </c>
      <c r="IC26" s="413">
        <v>0</v>
      </c>
      <c r="ID26" s="102">
        <v>3</v>
      </c>
      <c r="IE26" s="102">
        <v>2</v>
      </c>
      <c r="IF26" s="102">
        <v>4</v>
      </c>
      <c r="IG26" s="102">
        <v>0</v>
      </c>
      <c r="IH26" s="102">
        <v>3</v>
      </c>
      <c r="II26" s="103">
        <v>12</v>
      </c>
      <c r="IJ26" s="104">
        <v>25</v>
      </c>
      <c r="IK26" s="101">
        <v>10</v>
      </c>
      <c r="IL26" s="102">
        <v>10</v>
      </c>
      <c r="IM26" s="103">
        <v>20</v>
      </c>
      <c r="IN26" s="413">
        <v>0</v>
      </c>
      <c r="IO26" s="102">
        <v>5</v>
      </c>
      <c r="IP26" s="102">
        <v>9</v>
      </c>
      <c r="IQ26" s="102">
        <v>7</v>
      </c>
      <c r="IR26" s="102">
        <v>6</v>
      </c>
      <c r="IS26" s="102">
        <v>1</v>
      </c>
      <c r="IT26" s="103">
        <v>28</v>
      </c>
      <c r="IU26" s="104">
        <v>48</v>
      </c>
      <c r="IV26" s="101">
        <v>9</v>
      </c>
      <c r="IW26" s="102">
        <v>6</v>
      </c>
      <c r="IX26" s="103">
        <v>15</v>
      </c>
      <c r="IY26" s="413">
        <v>0</v>
      </c>
      <c r="IZ26" s="102">
        <v>8</v>
      </c>
      <c r="JA26" s="102">
        <v>10</v>
      </c>
      <c r="JB26" s="102">
        <v>8</v>
      </c>
      <c r="JC26" s="102">
        <v>5</v>
      </c>
      <c r="JD26" s="102">
        <v>3</v>
      </c>
      <c r="JE26" s="103">
        <v>34</v>
      </c>
      <c r="JF26" s="104">
        <v>49</v>
      </c>
      <c r="JG26" s="101">
        <v>3</v>
      </c>
      <c r="JH26" s="102">
        <v>6</v>
      </c>
      <c r="JI26" s="103">
        <v>9</v>
      </c>
      <c r="JJ26" s="413">
        <v>0</v>
      </c>
      <c r="JK26" s="102">
        <v>12</v>
      </c>
      <c r="JL26" s="102">
        <v>8</v>
      </c>
      <c r="JM26" s="102">
        <v>7</v>
      </c>
      <c r="JN26" s="102">
        <v>9</v>
      </c>
      <c r="JO26" s="102">
        <v>6</v>
      </c>
      <c r="JP26" s="103">
        <v>42</v>
      </c>
      <c r="JQ26" s="104">
        <v>51</v>
      </c>
      <c r="JR26" s="101">
        <v>0</v>
      </c>
      <c r="JS26" s="102">
        <v>0</v>
      </c>
      <c r="JT26" s="103">
        <v>0</v>
      </c>
      <c r="JU26" s="413">
        <v>0</v>
      </c>
      <c r="JV26" s="102">
        <v>0</v>
      </c>
      <c r="JW26" s="102">
        <v>0</v>
      </c>
      <c r="JX26" s="102">
        <v>0</v>
      </c>
      <c r="JY26" s="102">
        <v>0</v>
      </c>
      <c r="JZ26" s="102">
        <v>0</v>
      </c>
      <c r="KA26" s="103">
        <v>0</v>
      </c>
      <c r="KB26" s="104">
        <v>0</v>
      </c>
      <c r="KC26" s="101">
        <v>35</v>
      </c>
      <c r="KD26" s="102">
        <v>26</v>
      </c>
      <c r="KE26" s="103">
        <v>61</v>
      </c>
      <c r="KF26" s="413">
        <v>0</v>
      </c>
      <c r="KG26" s="102">
        <v>30</v>
      </c>
      <c r="KH26" s="102">
        <v>33</v>
      </c>
      <c r="KI26" s="102">
        <v>30</v>
      </c>
      <c r="KJ26" s="102">
        <v>20</v>
      </c>
      <c r="KK26" s="102">
        <v>15</v>
      </c>
      <c r="KL26" s="103">
        <v>128</v>
      </c>
      <c r="KM26" s="104">
        <v>189</v>
      </c>
    </row>
    <row r="27" spans="2:299" s="70" customFormat="1" ht="21" customHeight="1" x14ac:dyDescent="0.2">
      <c r="B27" s="106" t="s">
        <v>24</v>
      </c>
      <c r="C27" s="96">
        <v>27</v>
      </c>
      <c r="D27" s="97">
        <v>23</v>
      </c>
      <c r="E27" s="98">
        <v>50</v>
      </c>
      <c r="F27" s="413">
        <v>0</v>
      </c>
      <c r="G27" s="97">
        <v>32</v>
      </c>
      <c r="H27" s="97">
        <v>22</v>
      </c>
      <c r="I27" s="97">
        <v>11</v>
      </c>
      <c r="J27" s="97">
        <v>13</v>
      </c>
      <c r="K27" s="97">
        <v>13</v>
      </c>
      <c r="L27" s="99">
        <v>91</v>
      </c>
      <c r="M27" s="100">
        <v>141</v>
      </c>
      <c r="N27" s="101">
        <v>1</v>
      </c>
      <c r="O27" s="102">
        <v>0</v>
      </c>
      <c r="P27" s="103">
        <v>1</v>
      </c>
      <c r="Q27" s="413">
        <v>0</v>
      </c>
      <c r="R27" s="102">
        <v>1</v>
      </c>
      <c r="S27" s="102">
        <v>0</v>
      </c>
      <c r="T27" s="102">
        <v>0</v>
      </c>
      <c r="U27" s="102">
        <v>1</v>
      </c>
      <c r="V27" s="102">
        <v>0</v>
      </c>
      <c r="W27" s="103">
        <v>2</v>
      </c>
      <c r="X27" s="104">
        <v>3</v>
      </c>
      <c r="Y27" s="101">
        <v>0</v>
      </c>
      <c r="Z27" s="102">
        <v>2</v>
      </c>
      <c r="AA27" s="103">
        <v>2</v>
      </c>
      <c r="AB27" s="413">
        <v>0</v>
      </c>
      <c r="AC27" s="102">
        <v>1</v>
      </c>
      <c r="AD27" s="102">
        <v>1</v>
      </c>
      <c r="AE27" s="102">
        <v>1</v>
      </c>
      <c r="AF27" s="102">
        <v>1</v>
      </c>
      <c r="AG27" s="102">
        <v>2</v>
      </c>
      <c r="AH27" s="103">
        <v>6</v>
      </c>
      <c r="AI27" s="104">
        <v>8</v>
      </c>
      <c r="AJ27" s="101">
        <v>2</v>
      </c>
      <c r="AK27" s="102">
        <v>0</v>
      </c>
      <c r="AL27" s="103">
        <v>2</v>
      </c>
      <c r="AM27" s="413">
        <v>0</v>
      </c>
      <c r="AN27" s="102">
        <v>5</v>
      </c>
      <c r="AO27" s="102">
        <v>2</v>
      </c>
      <c r="AP27" s="102">
        <v>0</v>
      </c>
      <c r="AQ27" s="102">
        <v>0</v>
      </c>
      <c r="AR27" s="102">
        <v>1</v>
      </c>
      <c r="AS27" s="103">
        <v>8</v>
      </c>
      <c r="AT27" s="104">
        <v>10</v>
      </c>
      <c r="AU27" s="101">
        <v>7</v>
      </c>
      <c r="AV27" s="102">
        <v>4</v>
      </c>
      <c r="AW27" s="103">
        <v>11</v>
      </c>
      <c r="AX27" s="413">
        <v>0</v>
      </c>
      <c r="AY27" s="102">
        <v>9</v>
      </c>
      <c r="AZ27" s="102">
        <v>4</v>
      </c>
      <c r="BA27" s="102">
        <v>2</v>
      </c>
      <c r="BB27" s="102">
        <v>4</v>
      </c>
      <c r="BC27" s="102">
        <v>2</v>
      </c>
      <c r="BD27" s="103">
        <v>21</v>
      </c>
      <c r="BE27" s="104">
        <v>32</v>
      </c>
      <c r="BF27" s="101">
        <v>7</v>
      </c>
      <c r="BG27" s="102">
        <v>9</v>
      </c>
      <c r="BH27" s="103">
        <v>16</v>
      </c>
      <c r="BI27" s="413">
        <v>0</v>
      </c>
      <c r="BJ27" s="102">
        <v>10</v>
      </c>
      <c r="BK27" s="102">
        <v>8</v>
      </c>
      <c r="BL27" s="102">
        <v>4</v>
      </c>
      <c r="BM27" s="102">
        <v>1</v>
      </c>
      <c r="BN27" s="102">
        <v>3</v>
      </c>
      <c r="BO27" s="103">
        <v>26</v>
      </c>
      <c r="BP27" s="104">
        <v>42</v>
      </c>
      <c r="BQ27" s="101">
        <v>10</v>
      </c>
      <c r="BR27" s="102">
        <v>8</v>
      </c>
      <c r="BS27" s="103">
        <v>18</v>
      </c>
      <c r="BT27" s="413">
        <v>0</v>
      </c>
      <c r="BU27" s="102">
        <v>6</v>
      </c>
      <c r="BV27" s="102">
        <v>7</v>
      </c>
      <c r="BW27" s="102">
        <v>4</v>
      </c>
      <c r="BX27" s="102">
        <v>6</v>
      </c>
      <c r="BY27" s="102">
        <v>5</v>
      </c>
      <c r="BZ27" s="103">
        <v>28</v>
      </c>
      <c r="CA27" s="104">
        <v>46</v>
      </c>
      <c r="CB27" s="101">
        <v>0</v>
      </c>
      <c r="CC27" s="102">
        <v>0</v>
      </c>
      <c r="CD27" s="103">
        <v>0</v>
      </c>
      <c r="CE27" s="413">
        <v>0</v>
      </c>
      <c r="CF27" s="102">
        <v>0</v>
      </c>
      <c r="CG27" s="102">
        <v>0</v>
      </c>
      <c r="CH27" s="102">
        <v>0</v>
      </c>
      <c r="CI27" s="102">
        <v>0</v>
      </c>
      <c r="CJ27" s="102">
        <v>0</v>
      </c>
      <c r="CK27" s="103">
        <v>0</v>
      </c>
      <c r="CL27" s="104">
        <v>0</v>
      </c>
      <c r="CM27" s="101">
        <v>27</v>
      </c>
      <c r="CN27" s="102">
        <v>23</v>
      </c>
      <c r="CO27" s="103">
        <v>50</v>
      </c>
      <c r="CP27" s="413">
        <v>0</v>
      </c>
      <c r="CQ27" s="102">
        <v>32</v>
      </c>
      <c r="CR27" s="102">
        <v>22</v>
      </c>
      <c r="CS27" s="102">
        <v>11</v>
      </c>
      <c r="CT27" s="102">
        <v>13</v>
      </c>
      <c r="CU27" s="102">
        <v>13</v>
      </c>
      <c r="CV27" s="103">
        <v>91</v>
      </c>
      <c r="CW27" s="104">
        <v>141</v>
      </c>
      <c r="CX27" s="105">
        <v>7</v>
      </c>
      <c r="CY27" s="97">
        <v>5</v>
      </c>
      <c r="CZ27" s="98">
        <v>12</v>
      </c>
      <c r="DA27" s="413">
        <v>0</v>
      </c>
      <c r="DB27" s="97">
        <v>13</v>
      </c>
      <c r="DC27" s="97">
        <v>7</v>
      </c>
      <c r="DD27" s="97">
        <v>4</v>
      </c>
      <c r="DE27" s="97">
        <v>7</v>
      </c>
      <c r="DF27" s="97">
        <v>3</v>
      </c>
      <c r="DG27" s="99">
        <v>34</v>
      </c>
      <c r="DH27" s="100">
        <v>46</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1</v>
      </c>
      <c r="EF27" s="102">
        <v>0</v>
      </c>
      <c r="EG27" s="103">
        <v>1</v>
      </c>
      <c r="EH27" s="413">
        <v>0</v>
      </c>
      <c r="EI27" s="102">
        <v>1</v>
      </c>
      <c r="EJ27" s="102">
        <v>0</v>
      </c>
      <c r="EK27" s="102">
        <v>1</v>
      </c>
      <c r="EL27" s="102">
        <v>0</v>
      </c>
      <c r="EM27" s="102">
        <v>0</v>
      </c>
      <c r="EN27" s="103">
        <v>2</v>
      </c>
      <c r="EO27" s="104">
        <v>3</v>
      </c>
      <c r="EP27" s="101">
        <v>2</v>
      </c>
      <c r="EQ27" s="102">
        <v>2</v>
      </c>
      <c r="ER27" s="103">
        <v>4</v>
      </c>
      <c r="ES27" s="413">
        <v>0</v>
      </c>
      <c r="ET27" s="102">
        <v>5</v>
      </c>
      <c r="EU27" s="102">
        <v>1</v>
      </c>
      <c r="EV27" s="102">
        <v>1</v>
      </c>
      <c r="EW27" s="102">
        <v>2</v>
      </c>
      <c r="EX27" s="102">
        <v>0</v>
      </c>
      <c r="EY27" s="103">
        <v>9</v>
      </c>
      <c r="EZ27" s="104">
        <v>13</v>
      </c>
      <c r="FA27" s="101">
        <v>1</v>
      </c>
      <c r="FB27" s="102">
        <v>1</v>
      </c>
      <c r="FC27" s="103">
        <v>2</v>
      </c>
      <c r="FD27" s="413">
        <v>0</v>
      </c>
      <c r="FE27" s="102">
        <v>5</v>
      </c>
      <c r="FF27" s="102">
        <v>3</v>
      </c>
      <c r="FG27" s="102">
        <v>0</v>
      </c>
      <c r="FH27" s="102">
        <v>0</v>
      </c>
      <c r="FI27" s="102">
        <v>2</v>
      </c>
      <c r="FJ27" s="103">
        <v>10</v>
      </c>
      <c r="FK27" s="104">
        <v>12</v>
      </c>
      <c r="FL27" s="101">
        <v>3</v>
      </c>
      <c r="FM27" s="102">
        <v>2</v>
      </c>
      <c r="FN27" s="103">
        <v>5</v>
      </c>
      <c r="FO27" s="413">
        <v>0</v>
      </c>
      <c r="FP27" s="102">
        <v>2</v>
      </c>
      <c r="FQ27" s="102">
        <v>3</v>
      </c>
      <c r="FR27" s="102">
        <v>2</v>
      </c>
      <c r="FS27" s="102">
        <v>5</v>
      </c>
      <c r="FT27" s="102">
        <v>1</v>
      </c>
      <c r="FU27" s="103">
        <v>13</v>
      </c>
      <c r="FV27" s="104">
        <v>18</v>
      </c>
      <c r="FW27" s="101">
        <v>0</v>
      </c>
      <c r="FX27" s="102">
        <v>0</v>
      </c>
      <c r="FY27" s="103">
        <v>0</v>
      </c>
      <c r="FZ27" s="413">
        <v>0</v>
      </c>
      <c r="GA27" s="102">
        <v>0</v>
      </c>
      <c r="GB27" s="102">
        <v>0</v>
      </c>
      <c r="GC27" s="102">
        <v>0</v>
      </c>
      <c r="GD27" s="102">
        <v>0</v>
      </c>
      <c r="GE27" s="102">
        <v>0</v>
      </c>
      <c r="GF27" s="103">
        <v>0</v>
      </c>
      <c r="GG27" s="104">
        <v>0</v>
      </c>
      <c r="GH27" s="101">
        <v>7</v>
      </c>
      <c r="GI27" s="102">
        <v>5</v>
      </c>
      <c r="GJ27" s="103">
        <v>12</v>
      </c>
      <c r="GK27" s="413">
        <v>0</v>
      </c>
      <c r="GL27" s="102">
        <v>13</v>
      </c>
      <c r="GM27" s="102">
        <v>7</v>
      </c>
      <c r="GN27" s="102">
        <v>4</v>
      </c>
      <c r="GO27" s="102">
        <v>7</v>
      </c>
      <c r="GP27" s="102">
        <v>3</v>
      </c>
      <c r="GQ27" s="103">
        <v>34</v>
      </c>
      <c r="GR27" s="104">
        <v>46</v>
      </c>
      <c r="GS27" s="105">
        <v>34</v>
      </c>
      <c r="GT27" s="97">
        <v>28</v>
      </c>
      <c r="GU27" s="98">
        <v>62</v>
      </c>
      <c r="GV27" s="413">
        <v>0</v>
      </c>
      <c r="GW27" s="97">
        <v>45</v>
      </c>
      <c r="GX27" s="97">
        <v>29</v>
      </c>
      <c r="GY27" s="97">
        <v>15</v>
      </c>
      <c r="GZ27" s="97">
        <v>20</v>
      </c>
      <c r="HA27" s="97">
        <v>16</v>
      </c>
      <c r="HB27" s="99">
        <v>125</v>
      </c>
      <c r="HC27" s="100">
        <v>187</v>
      </c>
      <c r="HD27" s="101">
        <v>1</v>
      </c>
      <c r="HE27" s="102">
        <v>0</v>
      </c>
      <c r="HF27" s="103">
        <v>1</v>
      </c>
      <c r="HG27" s="413">
        <v>0</v>
      </c>
      <c r="HH27" s="102">
        <v>1</v>
      </c>
      <c r="HI27" s="102">
        <v>0</v>
      </c>
      <c r="HJ27" s="102">
        <v>0</v>
      </c>
      <c r="HK27" s="102">
        <v>1</v>
      </c>
      <c r="HL27" s="102">
        <v>0</v>
      </c>
      <c r="HM27" s="103">
        <v>2</v>
      </c>
      <c r="HN27" s="104">
        <v>3</v>
      </c>
      <c r="HO27" s="101">
        <v>0</v>
      </c>
      <c r="HP27" s="102">
        <v>2</v>
      </c>
      <c r="HQ27" s="103">
        <v>2</v>
      </c>
      <c r="HR27" s="413">
        <v>0</v>
      </c>
      <c r="HS27" s="102">
        <v>1</v>
      </c>
      <c r="HT27" s="102">
        <v>1</v>
      </c>
      <c r="HU27" s="102">
        <v>1</v>
      </c>
      <c r="HV27" s="102">
        <v>1</v>
      </c>
      <c r="HW27" s="102">
        <v>2</v>
      </c>
      <c r="HX27" s="103">
        <v>6</v>
      </c>
      <c r="HY27" s="104">
        <v>8</v>
      </c>
      <c r="HZ27" s="101">
        <v>3</v>
      </c>
      <c r="IA27" s="102">
        <v>0</v>
      </c>
      <c r="IB27" s="103">
        <v>3</v>
      </c>
      <c r="IC27" s="413">
        <v>0</v>
      </c>
      <c r="ID27" s="102">
        <v>6</v>
      </c>
      <c r="IE27" s="102">
        <v>2</v>
      </c>
      <c r="IF27" s="102">
        <v>1</v>
      </c>
      <c r="IG27" s="102">
        <v>0</v>
      </c>
      <c r="IH27" s="102">
        <v>1</v>
      </c>
      <c r="II27" s="103">
        <v>10</v>
      </c>
      <c r="IJ27" s="104">
        <v>13</v>
      </c>
      <c r="IK27" s="101">
        <v>9</v>
      </c>
      <c r="IL27" s="102">
        <v>6</v>
      </c>
      <c r="IM27" s="103">
        <v>15</v>
      </c>
      <c r="IN27" s="413">
        <v>0</v>
      </c>
      <c r="IO27" s="102">
        <v>14</v>
      </c>
      <c r="IP27" s="102">
        <v>5</v>
      </c>
      <c r="IQ27" s="102">
        <v>3</v>
      </c>
      <c r="IR27" s="102">
        <v>6</v>
      </c>
      <c r="IS27" s="102">
        <v>2</v>
      </c>
      <c r="IT27" s="103">
        <v>30</v>
      </c>
      <c r="IU27" s="104">
        <v>45</v>
      </c>
      <c r="IV27" s="101">
        <v>8</v>
      </c>
      <c r="IW27" s="102">
        <v>10</v>
      </c>
      <c r="IX27" s="103">
        <v>18</v>
      </c>
      <c r="IY27" s="413">
        <v>0</v>
      </c>
      <c r="IZ27" s="102">
        <v>15</v>
      </c>
      <c r="JA27" s="102">
        <v>11</v>
      </c>
      <c r="JB27" s="102">
        <v>4</v>
      </c>
      <c r="JC27" s="102">
        <v>1</v>
      </c>
      <c r="JD27" s="102">
        <v>5</v>
      </c>
      <c r="JE27" s="103">
        <v>36</v>
      </c>
      <c r="JF27" s="104">
        <v>54</v>
      </c>
      <c r="JG27" s="101">
        <v>13</v>
      </c>
      <c r="JH27" s="102">
        <v>10</v>
      </c>
      <c r="JI27" s="103">
        <v>23</v>
      </c>
      <c r="JJ27" s="413">
        <v>0</v>
      </c>
      <c r="JK27" s="102">
        <v>8</v>
      </c>
      <c r="JL27" s="102">
        <v>10</v>
      </c>
      <c r="JM27" s="102">
        <v>6</v>
      </c>
      <c r="JN27" s="102">
        <v>11</v>
      </c>
      <c r="JO27" s="102">
        <v>6</v>
      </c>
      <c r="JP27" s="103">
        <v>41</v>
      </c>
      <c r="JQ27" s="104">
        <v>64</v>
      </c>
      <c r="JR27" s="101">
        <v>0</v>
      </c>
      <c r="JS27" s="102">
        <v>0</v>
      </c>
      <c r="JT27" s="103">
        <v>0</v>
      </c>
      <c r="JU27" s="413">
        <v>0</v>
      </c>
      <c r="JV27" s="102">
        <v>0</v>
      </c>
      <c r="JW27" s="102">
        <v>0</v>
      </c>
      <c r="JX27" s="102">
        <v>0</v>
      </c>
      <c r="JY27" s="102">
        <v>0</v>
      </c>
      <c r="JZ27" s="102">
        <v>0</v>
      </c>
      <c r="KA27" s="103">
        <v>0</v>
      </c>
      <c r="KB27" s="104">
        <v>0</v>
      </c>
      <c r="KC27" s="101">
        <v>34</v>
      </c>
      <c r="KD27" s="102">
        <v>28</v>
      </c>
      <c r="KE27" s="103">
        <v>62</v>
      </c>
      <c r="KF27" s="413">
        <v>0</v>
      </c>
      <c r="KG27" s="102">
        <v>45</v>
      </c>
      <c r="KH27" s="102">
        <v>29</v>
      </c>
      <c r="KI27" s="102">
        <v>15</v>
      </c>
      <c r="KJ27" s="102">
        <v>20</v>
      </c>
      <c r="KK27" s="102">
        <v>16</v>
      </c>
      <c r="KL27" s="103">
        <v>125</v>
      </c>
      <c r="KM27" s="104">
        <v>187</v>
      </c>
    </row>
    <row r="28" spans="2:299" s="70" customFormat="1" ht="21" customHeight="1" x14ac:dyDescent="0.2">
      <c r="B28" s="106" t="s">
        <v>25</v>
      </c>
      <c r="C28" s="96">
        <v>10</v>
      </c>
      <c r="D28" s="97">
        <v>11</v>
      </c>
      <c r="E28" s="98">
        <v>21</v>
      </c>
      <c r="F28" s="413">
        <v>0</v>
      </c>
      <c r="G28" s="97">
        <v>8</v>
      </c>
      <c r="H28" s="97">
        <v>15</v>
      </c>
      <c r="I28" s="97">
        <v>11</v>
      </c>
      <c r="J28" s="97">
        <v>8</v>
      </c>
      <c r="K28" s="97">
        <v>8</v>
      </c>
      <c r="L28" s="99">
        <v>50</v>
      </c>
      <c r="M28" s="100">
        <v>71</v>
      </c>
      <c r="N28" s="101">
        <v>0</v>
      </c>
      <c r="O28" s="102">
        <v>1</v>
      </c>
      <c r="P28" s="103">
        <v>1</v>
      </c>
      <c r="Q28" s="413">
        <v>0</v>
      </c>
      <c r="R28" s="102">
        <v>0</v>
      </c>
      <c r="S28" s="102">
        <v>0</v>
      </c>
      <c r="T28" s="102">
        <v>1</v>
      </c>
      <c r="U28" s="102">
        <v>2</v>
      </c>
      <c r="V28" s="102">
        <v>0</v>
      </c>
      <c r="W28" s="103">
        <v>3</v>
      </c>
      <c r="X28" s="104">
        <v>4</v>
      </c>
      <c r="Y28" s="101">
        <v>2</v>
      </c>
      <c r="Z28" s="102">
        <v>2</v>
      </c>
      <c r="AA28" s="103">
        <v>4</v>
      </c>
      <c r="AB28" s="413">
        <v>0</v>
      </c>
      <c r="AC28" s="102">
        <v>0</v>
      </c>
      <c r="AD28" s="102">
        <v>2</v>
      </c>
      <c r="AE28" s="102">
        <v>2</v>
      </c>
      <c r="AF28" s="102">
        <v>0</v>
      </c>
      <c r="AG28" s="102">
        <v>1</v>
      </c>
      <c r="AH28" s="103">
        <v>5</v>
      </c>
      <c r="AI28" s="104">
        <v>9</v>
      </c>
      <c r="AJ28" s="101">
        <v>1</v>
      </c>
      <c r="AK28" s="102">
        <v>0</v>
      </c>
      <c r="AL28" s="103">
        <v>1</v>
      </c>
      <c r="AM28" s="413">
        <v>0</v>
      </c>
      <c r="AN28" s="102">
        <v>1</v>
      </c>
      <c r="AO28" s="102">
        <v>2</v>
      </c>
      <c r="AP28" s="102">
        <v>1</v>
      </c>
      <c r="AQ28" s="102">
        <v>3</v>
      </c>
      <c r="AR28" s="102">
        <v>0</v>
      </c>
      <c r="AS28" s="103">
        <v>7</v>
      </c>
      <c r="AT28" s="104">
        <v>8</v>
      </c>
      <c r="AU28" s="101">
        <v>2</v>
      </c>
      <c r="AV28" s="102">
        <v>4</v>
      </c>
      <c r="AW28" s="103">
        <v>6</v>
      </c>
      <c r="AX28" s="413">
        <v>0</v>
      </c>
      <c r="AY28" s="102">
        <v>5</v>
      </c>
      <c r="AZ28" s="102">
        <v>2</v>
      </c>
      <c r="BA28" s="102">
        <v>1</v>
      </c>
      <c r="BB28" s="102">
        <v>1</v>
      </c>
      <c r="BC28" s="102">
        <v>3</v>
      </c>
      <c r="BD28" s="103">
        <v>12</v>
      </c>
      <c r="BE28" s="104">
        <v>18</v>
      </c>
      <c r="BF28" s="101">
        <v>2</v>
      </c>
      <c r="BG28" s="102">
        <v>1</v>
      </c>
      <c r="BH28" s="103">
        <v>3</v>
      </c>
      <c r="BI28" s="413">
        <v>0</v>
      </c>
      <c r="BJ28" s="102">
        <v>1</v>
      </c>
      <c r="BK28" s="102">
        <v>2</v>
      </c>
      <c r="BL28" s="102">
        <v>3</v>
      </c>
      <c r="BM28" s="102">
        <v>1</v>
      </c>
      <c r="BN28" s="102">
        <v>0</v>
      </c>
      <c r="BO28" s="103">
        <v>7</v>
      </c>
      <c r="BP28" s="104">
        <v>10</v>
      </c>
      <c r="BQ28" s="101">
        <v>3</v>
      </c>
      <c r="BR28" s="102">
        <v>3</v>
      </c>
      <c r="BS28" s="103">
        <v>6</v>
      </c>
      <c r="BT28" s="413">
        <v>0</v>
      </c>
      <c r="BU28" s="102">
        <v>1</v>
      </c>
      <c r="BV28" s="102">
        <v>7</v>
      </c>
      <c r="BW28" s="102">
        <v>3</v>
      </c>
      <c r="BX28" s="102">
        <v>1</v>
      </c>
      <c r="BY28" s="102">
        <v>4</v>
      </c>
      <c r="BZ28" s="103">
        <v>16</v>
      </c>
      <c r="CA28" s="104">
        <v>22</v>
      </c>
      <c r="CB28" s="101">
        <v>0</v>
      </c>
      <c r="CC28" s="102">
        <v>0</v>
      </c>
      <c r="CD28" s="103">
        <v>0</v>
      </c>
      <c r="CE28" s="413">
        <v>0</v>
      </c>
      <c r="CF28" s="102">
        <v>0</v>
      </c>
      <c r="CG28" s="102">
        <v>0</v>
      </c>
      <c r="CH28" s="102">
        <v>0</v>
      </c>
      <c r="CI28" s="102">
        <v>0</v>
      </c>
      <c r="CJ28" s="102">
        <v>0</v>
      </c>
      <c r="CK28" s="103">
        <v>0</v>
      </c>
      <c r="CL28" s="104">
        <v>0</v>
      </c>
      <c r="CM28" s="101">
        <v>10</v>
      </c>
      <c r="CN28" s="102">
        <v>11</v>
      </c>
      <c r="CO28" s="103">
        <v>21</v>
      </c>
      <c r="CP28" s="413">
        <v>0</v>
      </c>
      <c r="CQ28" s="102">
        <v>8</v>
      </c>
      <c r="CR28" s="102">
        <v>15</v>
      </c>
      <c r="CS28" s="102">
        <v>11</v>
      </c>
      <c r="CT28" s="102">
        <v>8</v>
      </c>
      <c r="CU28" s="102">
        <v>8</v>
      </c>
      <c r="CV28" s="103">
        <v>50</v>
      </c>
      <c r="CW28" s="104">
        <v>71</v>
      </c>
      <c r="CX28" s="105">
        <v>4</v>
      </c>
      <c r="CY28" s="97">
        <v>15</v>
      </c>
      <c r="CZ28" s="98">
        <v>19</v>
      </c>
      <c r="DA28" s="413">
        <v>0</v>
      </c>
      <c r="DB28" s="97">
        <v>7</v>
      </c>
      <c r="DC28" s="97">
        <v>4</v>
      </c>
      <c r="DD28" s="97">
        <v>6</v>
      </c>
      <c r="DE28" s="97">
        <v>4</v>
      </c>
      <c r="DF28" s="97">
        <v>2</v>
      </c>
      <c r="DG28" s="99">
        <v>23</v>
      </c>
      <c r="DH28" s="100">
        <v>42</v>
      </c>
      <c r="DI28" s="101">
        <v>0</v>
      </c>
      <c r="DJ28" s="102">
        <v>0</v>
      </c>
      <c r="DK28" s="103">
        <v>0</v>
      </c>
      <c r="DL28" s="413">
        <v>0</v>
      </c>
      <c r="DM28" s="102">
        <v>0</v>
      </c>
      <c r="DN28" s="102">
        <v>0</v>
      </c>
      <c r="DO28" s="102">
        <v>0</v>
      </c>
      <c r="DP28" s="102">
        <v>0</v>
      </c>
      <c r="DQ28" s="102">
        <v>0</v>
      </c>
      <c r="DR28" s="103">
        <v>0</v>
      </c>
      <c r="DS28" s="104">
        <v>0</v>
      </c>
      <c r="DT28" s="101">
        <v>0</v>
      </c>
      <c r="DU28" s="102">
        <v>0</v>
      </c>
      <c r="DV28" s="103">
        <v>0</v>
      </c>
      <c r="DW28" s="413">
        <v>0</v>
      </c>
      <c r="DX28" s="102">
        <v>2</v>
      </c>
      <c r="DY28" s="102">
        <v>0</v>
      </c>
      <c r="DZ28" s="102">
        <v>0</v>
      </c>
      <c r="EA28" s="102">
        <v>0</v>
      </c>
      <c r="EB28" s="102">
        <v>1</v>
      </c>
      <c r="EC28" s="103">
        <v>3</v>
      </c>
      <c r="ED28" s="104">
        <v>3</v>
      </c>
      <c r="EE28" s="101">
        <v>1</v>
      </c>
      <c r="EF28" s="102">
        <v>1</v>
      </c>
      <c r="EG28" s="103">
        <v>2</v>
      </c>
      <c r="EH28" s="413">
        <v>0</v>
      </c>
      <c r="EI28" s="102">
        <v>0</v>
      </c>
      <c r="EJ28" s="102">
        <v>0</v>
      </c>
      <c r="EK28" s="102">
        <v>0</v>
      </c>
      <c r="EL28" s="102">
        <v>0</v>
      </c>
      <c r="EM28" s="102">
        <v>0</v>
      </c>
      <c r="EN28" s="103">
        <v>0</v>
      </c>
      <c r="EO28" s="104">
        <v>2</v>
      </c>
      <c r="EP28" s="101">
        <v>0</v>
      </c>
      <c r="EQ28" s="102">
        <v>3</v>
      </c>
      <c r="ER28" s="103">
        <v>3</v>
      </c>
      <c r="ES28" s="413">
        <v>0</v>
      </c>
      <c r="ET28" s="102">
        <v>0</v>
      </c>
      <c r="EU28" s="102">
        <v>2</v>
      </c>
      <c r="EV28" s="102">
        <v>1</v>
      </c>
      <c r="EW28" s="102">
        <v>0</v>
      </c>
      <c r="EX28" s="102">
        <v>0</v>
      </c>
      <c r="EY28" s="103">
        <v>3</v>
      </c>
      <c r="EZ28" s="104">
        <v>6</v>
      </c>
      <c r="FA28" s="101">
        <v>1</v>
      </c>
      <c r="FB28" s="102">
        <v>5</v>
      </c>
      <c r="FC28" s="103">
        <v>6</v>
      </c>
      <c r="FD28" s="413">
        <v>0</v>
      </c>
      <c r="FE28" s="102">
        <v>2</v>
      </c>
      <c r="FF28" s="102">
        <v>1</v>
      </c>
      <c r="FG28" s="102">
        <v>0</v>
      </c>
      <c r="FH28" s="102">
        <v>1</v>
      </c>
      <c r="FI28" s="102">
        <v>1</v>
      </c>
      <c r="FJ28" s="103">
        <v>5</v>
      </c>
      <c r="FK28" s="104">
        <v>11</v>
      </c>
      <c r="FL28" s="101">
        <v>2</v>
      </c>
      <c r="FM28" s="102">
        <v>6</v>
      </c>
      <c r="FN28" s="103">
        <v>8</v>
      </c>
      <c r="FO28" s="413">
        <v>0</v>
      </c>
      <c r="FP28" s="102">
        <v>3</v>
      </c>
      <c r="FQ28" s="102">
        <v>1</v>
      </c>
      <c r="FR28" s="102">
        <v>5</v>
      </c>
      <c r="FS28" s="102">
        <v>3</v>
      </c>
      <c r="FT28" s="102">
        <v>0</v>
      </c>
      <c r="FU28" s="103">
        <v>12</v>
      </c>
      <c r="FV28" s="104">
        <v>20</v>
      </c>
      <c r="FW28" s="101">
        <v>0</v>
      </c>
      <c r="FX28" s="102">
        <v>0</v>
      </c>
      <c r="FY28" s="103">
        <v>0</v>
      </c>
      <c r="FZ28" s="413">
        <v>0</v>
      </c>
      <c r="GA28" s="102">
        <v>0</v>
      </c>
      <c r="GB28" s="102">
        <v>0</v>
      </c>
      <c r="GC28" s="102">
        <v>0</v>
      </c>
      <c r="GD28" s="102">
        <v>0</v>
      </c>
      <c r="GE28" s="102">
        <v>0</v>
      </c>
      <c r="GF28" s="103">
        <v>0</v>
      </c>
      <c r="GG28" s="104">
        <v>0</v>
      </c>
      <c r="GH28" s="101">
        <v>4</v>
      </c>
      <c r="GI28" s="102">
        <v>15</v>
      </c>
      <c r="GJ28" s="103">
        <v>19</v>
      </c>
      <c r="GK28" s="413">
        <v>0</v>
      </c>
      <c r="GL28" s="102">
        <v>7</v>
      </c>
      <c r="GM28" s="102">
        <v>4</v>
      </c>
      <c r="GN28" s="102">
        <v>6</v>
      </c>
      <c r="GO28" s="102">
        <v>4</v>
      </c>
      <c r="GP28" s="102">
        <v>2</v>
      </c>
      <c r="GQ28" s="103">
        <v>23</v>
      </c>
      <c r="GR28" s="104">
        <v>42</v>
      </c>
      <c r="GS28" s="105">
        <v>14</v>
      </c>
      <c r="GT28" s="97">
        <v>26</v>
      </c>
      <c r="GU28" s="98">
        <v>40</v>
      </c>
      <c r="GV28" s="413">
        <v>0</v>
      </c>
      <c r="GW28" s="97">
        <v>15</v>
      </c>
      <c r="GX28" s="97">
        <v>19</v>
      </c>
      <c r="GY28" s="97">
        <v>17</v>
      </c>
      <c r="GZ28" s="97">
        <v>12</v>
      </c>
      <c r="HA28" s="97">
        <v>10</v>
      </c>
      <c r="HB28" s="99">
        <v>73</v>
      </c>
      <c r="HC28" s="100">
        <v>113</v>
      </c>
      <c r="HD28" s="101">
        <v>0</v>
      </c>
      <c r="HE28" s="102">
        <v>1</v>
      </c>
      <c r="HF28" s="103">
        <v>1</v>
      </c>
      <c r="HG28" s="413">
        <v>0</v>
      </c>
      <c r="HH28" s="102">
        <v>0</v>
      </c>
      <c r="HI28" s="102">
        <v>0</v>
      </c>
      <c r="HJ28" s="102">
        <v>1</v>
      </c>
      <c r="HK28" s="102">
        <v>2</v>
      </c>
      <c r="HL28" s="102">
        <v>0</v>
      </c>
      <c r="HM28" s="103">
        <v>3</v>
      </c>
      <c r="HN28" s="104">
        <v>4</v>
      </c>
      <c r="HO28" s="101">
        <v>2</v>
      </c>
      <c r="HP28" s="102">
        <v>2</v>
      </c>
      <c r="HQ28" s="103">
        <v>4</v>
      </c>
      <c r="HR28" s="413">
        <v>0</v>
      </c>
      <c r="HS28" s="102">
        <v>2</v>
      </c>
      <c r="HT28" s="102">
        <v>2</v>
      </c>
      <c r="HU28" s="102">
        <v>2</v>
      </c>
      <c r="HV28" s="102">
        <v>0</v>
      </c>
      <c r="HW28" s="102">
        <v>2</v>
      </c>
      <c r="HX28" s="103">
        <v>8</v>
      </c>
      <c r="HY28" s="104">
        <v>12</v>
      </c>
      <c r="HZ28" s="101">
        <v>2</v>
      </c>
      <c r="IA28" s="102">
        <v>1</v>
      </c>
      <c r="IB28" s="103">
        <v>3</v>
      </c>
      <c r="IC28" s="413">
        <v>0</v>
      </c>
      <c r="ID28" s="102">
        <v>1</v>
      </c>
      <c r="IE28" s="102">
        <v>2</v>
      </c>
      <c r="IF28" s="102">
        <v>1</v>
      </c>
      <c r="IG28" s="102">
        <v>3</v>
      </c>
      <c r="IH28" s="102">
        <v>0</v>
      </c>
      <c r="II28" s="103">
        <v>7</v>
      </c>
      <c r="IJ28" s="104">
        <v>10</v>
      </c>
      <c r="IK28" s="101">
        <v>2</v>
      </c>
      <c r="IL28" s="102">
        <v>7</v>
      </c>
      <c r="IM28" s="103">
        <v>9</v>
      </c>
      <c r="IN28" s="413">
        <v>0</v>
      </c>
      <c r="IO28" s="102">
        <v>5</v>
      </c>
      <c r="IP28" s="102">
        <v>4</v>
      </c>
      <c r="IQ28" s="102">
        <v>2</v>
      </c>
      <c r="IR28" s="102">
        <v>1</v>
      </c>
      <c r="IS28" s="102">
        <v>3</v>
      </c>
      <c r="IT28" s="103">
        <v>15</v>
      </c>
      <c r="IU28" s="104">
        <v>24</v>
      </c>
      <c r="IV28" s="101">
        <v>3</v>
      </c>
      <c r="IW28" s="102">
        <v>6</v>
      </c>
      <c r="IX28" s="103">
        <v>9</v>
      </c>
      <c r="IY28" s="413">
        <v>0</v>
      </c>
      <c r="IZ28" s="102">
        <v>3</v>
      </c>
      <c r="JA28" s="102">
        <v>3</v>
      </c>
      <c r="JB28" s="102">
        <v>3</v>
      </c>
      <c r="JC28" s="102">
        <v>2</v>
      </c>
      <c r="JD28" s="102">
        <v>1</v>
      </c>
      <c r="JE28" s="103">
        <v>12</v>
      </c>
      <c r="JF28" s="104">
        <v>21</v>
      </c>
      <c r="JG28" s="101">
        <v>5</v>
      </c>
      <c r="JH28" s="102">
        <v>9</v>
      </c>
      <c r="JI28" s="103">
        <v>14</v>
      </c>
      <c r="JJ28" s="413">
        <v>0</v>
      </c>
      <c r="JK28" s="102">
        <v>4</v>
      </c>
      <c r="JL28" s="102">
        <v>8</v>
      </c>
      <c r="JM28" s="102">
        <v>8</v>
      </c>
      <c r="JN28" s="102">
        <v>4</v>
      </c>
      <c r="JO28" s="102">
        <v>4</v>
      </c>
      <c r="JP28" s="103">
        <v>28</v>
      </c>
      <c r="JQ28" s="104">
        <v>42</v>
      </c>
      <c r="JR28" s="101">
        <v>0</v>
      </c>
      <c r="JS28" s="102">
        <v>0</v>
      </c>
      <c r="JT28" s="103">
        <v>0</v>
      </c>
      <c r="JU28" s="413">
        <v>0</v>
      </c>
      <c r="JV28" s="102">
        <v>0</v>
      </c>
      <c r="JW28" s="102">
        <v>0</v>
      </c>
      <c r="JX28" s="102">
        <v>0</v>
      </c>
      <c r="JY28" s="102">
        <v>0</v>
      </c>
      <c r="JZ28" s="102">
        <v>0</v>
      </c>
      <c r="KA28" s="103">
        <v>0</v>
      </c>
      <c r="KB28" s="104">
        <v>0</v>
      </c>
      <c r="KC28" s="101">
        <v>14</v>
      </c>
      <c r="KD28" s="102">
        <v>26</v>
      </c>
      <c r="KE28" s="103">
        <v>40</v>
      </c>
      <c r="KF28" s="413">
        <v>0</v>
      </c>
      <c r="KG28" s="102">
        <v>15</v>
      </c>
      <c r="KH28" s="102">
        <v>19</v>
      </c>
      <c r="KI28" s="102">
        <v>17</v>
      </c>
      <c r="KJ28" s="102">
        <v>12</v>
      </c>
      <c r="KK28" s="102">
        <v>10</v>
      </c>
      <c r="KL28" s="103">
        <v>73</v>
      </c>
      <c r="KM28" s="104">
        <v>113</v>
      </c>
    </row>
    <row r="29" spans="2:299" s="70" customFormat="1" ht="21" customHeight="1" x14ac:dyDescent="0.2">
      <c r="B29" s="106" t="s">
        <v>26</v>
      </c>
      <c r="C29" s="96">
        <v>12</v>
      </c>
      <c r="D29" s="97">
        <v>11</v>
      </c>
      <c r="E29" s="98">
        <v>23</v>
      </c>
      <c r="F29" s="413">
        <v>0</v>
      </c>
      <c r="G29" s="97">
        <v>19</v>
      </c>
      <c r="H29" s="97">
        <v>20</v>
      </c>
      <c r="I29" s="97">
        <v>8</v>
      </c>
      <c r="J29" s="97">
        <v>5</v>
      </c>
      <c r="K29" s="97">
        <v>7</v>
      </c>
      <c r="L29" s="99">
        <v>59</v>
      </c>
      <c r="M29" s="100">
        <v>82</v>
      </c>
      <c r="N29" s="101">
        <v>0</v>
      </c>
      <c r="O29" s="102">
        <v>0</v>
      </c>
      <c r="P29" s="103">
        <v>0</v>
      </c>
      <c r="Q29" s="413">
        <v>0</v>
      </c>
      <c r="R29" s="102">
        <v>0</v>
      </c>
      <c r="S29" s="102">
        <v>0</v>
      </c>
      <c r="T29" s="102">
        <v>0</v>
      </c>
      <c r="U29" s="102">
        <v>0</v>
      </c>
      <c r="V29" s="102">
        <v>0</v>
      </c>
      <c r="W29" s="103">
        <v>0</v>
      </c>
      <c r="X29" s="104">
        <v>0</v>
      </c>
      <c r="Y29" s="101">
        <v>1</v>
      </c>
      <c r="Z29" s="102">
        <v>0</v>
      </c>
      <c r="AA29" s="103">
        <v>1</v>
      </c>
      <c r="AB29" s="413">
        <v>0</v>
      </c>
      <c r="AC29" s="102">
        <v>2</v>
      </c>
      <c r="AD29" s="102">
        <v>2</v>
      </c>
      <c r="AE29" s="102">
        <v>0</v>
      </c>
      <c r="AF29" s="102">
        <v>0</v>
      </c>
      <c r="AG29" s="102">
        <v>0</v>
      </c>
      <c r="AH29" s="103">
        <v>4</v>
      </c>
      <c r="AI29" s="104">
        <v>5</v>
      </c>
      <c r="AJ29" s="101">
        <v>2</v>
      </c>
      <c r="AK29" s="102">
        <v>2</v>
      </c>
      <c r="AL29" s="103">
        <v>4</v>
      </c>
      <c r="AM29" s="413">
        <v>0</v>
      </c>
      <c r="AN29" s="102">
        <v>2</v>
      </c>
      <c r="AO29" s="102">
        <v>4</v>
      </c>
      <c r="AP29" s="102">
        <v>0</v>
      </c>
      <c r="AQ29" s="102">
        <v>0</v>
      </c>
      <c r="AR29" s="102">
        <v>1</v>
      </c>
      <c r="AS29" s="103">
        <v>7</v>
      </c>
      <c r="AT29" s="104">
        <v>11</v>
      </c>
      <c r="AU29" s="101">
        <v>2</v>
      </c>
      <c r="AV29" s="102">
        <v>4</v>
      </c>
      <c r="AW29" s="103">
        <v>6</v>
      </c>
      <c r="AX29" s="413">
        <v>0</v>
      </c>
      <c r="AY29" s="102">
        <v>3</v>
      </c>
      <c r="AZ29" s="102">
        <v>5</v>
      </c>
      <c r="BA29" s="102">
        <v>2</v>
      </c>
      <c r="BB29" s="102">
        <v>3</v>
      </c>
      <c r="BC29" s="102">
        <v>2</v>
      </c>
      <c r="BD29" s="103">
        <v>15</v>
      </c>
      <c r="BE29" s="104">
        <v>21</v>
      </c>
      <c r="BF29" s="101">
        <v>4</v>
      </c>
      <c r="BG29" s="102">
        <v>1</v>
      </c>
      <c r="BH29" s="103">
        <v>5</v>
      </c>
      <c r="BI29" s="413">
        <v>0</v>
      </c>
      <c r="BJ29" s="102">
        <v>6</v>
      </c>
      <c r="BK29" s="102">
        <v>5</v>
      </c>
      <c r="BL29" s="102">
        <v>3</v>
      </c>
      <c r="BM29" s="102">
        <v>0</v>
      </c>
      <c r="BN29" s="102">
        <v>2</v>
      </c>
      <c r="BO29" s="103">
        <v>16</v>
      </c>
      <c r="BP29" s="104">
        <v>21</v>
      </c>
      <c r="BQ29" s="101">
        <v>3</v>
      </c>
      <c r="BR29" s="102">
        <v>4</v>
      </c>
      <c r="BS29" s="103">
        <v>7</v>
      </c>
      <c r="BT29" s="413">
        <v>0</v>
      </c>
      <c r="BU29" s="102">
        <v>6</v>
      </c>
      <c r="BV29" s="102">
        <v>4</v>
      </c>
      <c r="BW29" s="102">
        <v>3</v>
      </c>
      <c r="BX29" s="102">
        <v>2</v>
      </c>
      <c r="BY29" s="102">
        <v>2</v>
      </c>
      <c r="BZ29" s="103">
        <v>17</v>
      </c>
      <c r="CA29" s="104">
        <v>24</v>
      </c>
      <c r="CB29" s="101">
        <v>0</v>
      </c>
      <c r="CC29" s="102">
        <v>0</v>
      </c>
      <c r="CD29" s="103">
        <v>0</v>
      </c>
      <c r="CE29" s="413">
        <v>0</v>
      </c>
      <c r="CF29" s="102">
        <v>0</v>
      </c>
      <c r="CG29" s="102">
        <v>0</v>
      </c>
      <c r="CH29" s="102">
        <v>0</v>
      </c>
      <c r="CI29" s="102">
        <v>0</v>
      </c>
      <c r="CJ29" s="102">
        <v>0</v>
      </c>
      <c r="CK29" s="103">
        <v>0</v>
      </c>
      <c r="CL29" s="104">
        <v>0</v>
      </c>
      <c r="CM29" s="101">
        <v>12</v>
      </c>
      <c r="CN29" s="102">
        <v>11</v>
      </c>
      <c r="CO29" s="103">
        <v>23</v>
      </c>
      <c r="CP29" s="413">
        <v>0</v>
      </c>
      <c r="CQ29" s="102">
        <v>19</v>
      </c>
      <c r="CR29" s="102">
        <v>20</v>
      </c>
      <c r="CS29" s="102">
        <v>8</v>
      </c>
      <c r="CT29" s="102">
        <v>5</v>
      </c>
      <c r="CU29" s="102">
        <v>7</v>
      </c>
      <c r="CV29" s="103">
        <v>59</v>
      </c>
      <c r="CW29" s="104">
        <v>82</v>
      </c>
      <c r="CX29" s="105">
        <v>2</v>
      </c>
      <c r="CY29" s="97">
        <v>6</v>
      </c>
      <c r="CZ29" s="98">
        <v>8</v>
      </c>
      <c r="DA29" s="413">
        <v>0</v>
      </c>
      <c r="DB29" s="97">
        <v>6</v>
      </c>
      <c r="DC29" s="97">
        <v>5</v>
      </c>
      <c r="DD29" s="97">
        <v>5</v>
      </c>
      <c r="DE29" s="97">
        <v>2</v>
      </c>
      <c r="DF29" s="97">
        <v>2</v>
      </c>
      <c r="DG29" s="99">
        <v>20</v>
      </c>
      <c r="DH29" s="100">
        <v>28</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0</v>
      </c>
      <c r="EB29" s="102">
        <v>1</v>
      </c>
      <c r="EC29" s="103">
        <v>1</v>
      </c>
      <c r="ED29" s="104">
        <v>1</v>
      </c>
      <c r="EE29" s="101">
        <v>0</v>
      </c>
      <c r="EF29" s="102">
        <v>3</v>
      </c>
      <c r="EG29" s="103">
        <v>3</v>
      </c>
      <c r="EH29" s="413">
        <v>0</v>
      </c>
      <c r="EI29" s="102">
        <v>0</v>
      </c>
      <c r="EJ29" s="102">
        <v>0</v>
      </c>
      <c r="EK29" s="102">
        <v>1</v>
      </c>
      <c r="EL29" s="102">
        <v>0</v>
      </c>
      <c r="EM29" s="102">
        <v>0</v>
      </c>
      <c r="EN29" s="103">
        <v>1</v>
      </c>
      <c r="EO29" s="104">
        <v>4</v>
      </c>
      <c r="EP29" s="101">
        <v>1</v>
      </c>
      <c r="EQ29" s="102">
        <v>1</v>
      </c>
      <c r="ER29" s="103">
        <v>2</v>
      </c>
      <c r="ES29" s="413">
        <v>0</v>
      </c>
      <c r="ET29" s="102">
        <v>2</v>
      </c>
      <c r="EU29" s="102">
        <v>1</v>
      </c>
      <c r="EV29" s="102">
        <v>0</v>
      </c>
      <c r="EW29" s="102">
        <v>0</v>
      </c>
      <c r="EX29" s="102">
        <v>0</v>
      </c>
      <c r="EY29" s="103">
        <v>3</v>
      </c>
      <c r="EZ29" s="104">
        <v>5</v>
      </c>
      <c r="FA29" s="101">
        <v>1</v>
      </c>
      <c r="FB29" s="102">
        <v>0</v>
      </c>
      <c r="FC29" s="103">
        <v>1</v>
      </c>
      <c r="FD29" s="413">
        <v>0</v>
      </c>
      <c r="FE29" s="102">
        <v>2</v>
      </c>
      <c r="FF29" s="102">
        <v>2</v>
      </c>
      <c r="FG29" s="102">
        <v>1</v>
      </c>
      <c r="FH29" s="102">
        <v>1</v>
      </c>
      <c r="FI29" s="102">
        <v>0</v>
      </c>
      <c r="FJ29" s="103">
        <v>6</v>
      </c>
      <c r="FK29" s="104">
        <v>7</v>
      </c>
      <c r="FL29" s="101">
        <v>0</v>
      </c>
      <c r="FM29" s="102">
        <v>2</v>
      </c>
      <c r="FN29" s="103">
        <v>2</v>
      </c>
      <c r="FO29" s="413">
        <v>0</v>
      </c>
      <c r="FP29" s="102">
        <v>2</v>
      </c>
      <c r="FQ29" s="102">
        <v>2</v>
      </c>
      <c r="FR29" s="102">
        <v>3</v>
      </c>
      <c r="FS29" s="102">
        <v>1</v>
      </c>
      <c r="FT29" s="102">
        <v>1</v>
      </c>
      <c r="FU29" s="103">
        <v>9</v>
      </c>
      <c r="FV29" s="104">
        <v>11</v>
      </c>
      <c r="FW29" s="101">
        <v>0</v>
      </c>
      <c r="FX29" s="102">
        <v>0</v>
      </c>
      <c r="FY29" s="103">
        <v>0</v>
      </c>
      <c r="FZ29" s="413">
        <v>0</v>
      </c>
      <c r="GA29" s="102">
        <v>0</v>
      </c>
      <c r="GB29" s="102">
        <v>0</v>
      </c>
      <c r="GC29" s="102">
        <v>0</v>
      </c>
      <c r="GD29" s="102">
        <v>0</v>
      </c>
      <c r="GE29" s="102">
        <v>0</v>
      </c>
      <c r="GF29" s="103">
        <v>0</v>
      </c>
      <c r="GG29" s="104">
        <v>0</v>
      </c>
      <c r="GH29" s="101">
        <v>2</v>
      </c>
      <c r="GI29" s="102">
        <v>6</v>
      </c>
      <c r="GJ29" s="103">
        <v>8</v>
      </c>
      <c r="GK29" s="413">
        <v>0</v>
      </c>
      <c r="GL29" s="102">
        <v>6</v>
      </c>
      <c r="GM29" s="102">
        <v>5</v>
      </c>
      <c r="GN29" s="102">
        <v>5</v>
      </c>
      <c r="GO29" s="102">
        <v>2</v>
      </c>
      <c r="GP29" s="102">
        <v>2</v>
      </c>
      <c r="GQ29" s="103">
        <v>20</v>
      </c>
      <c r="GR29" s="104">
        <v>28</v>
      </c>
      <c r="GS29" s="105">
        <v>14</v>
      </c>
      <c r="GT29" s="97">
        <v>17</v>
      </c>
      <c r="GU29" s="98">
        <v>31</v>
      </c>
      <c r="GV29" s="413">
        <v>0</v>
      </c>
      <c r="GW29" s="97">
        <v>25</v>
      </c>
      <c r="GX29" s="97">
        <v>25</v>
      </c>
      <c r="GY29" s="97">
        <v>13</v>
      </c>
      <c r="GZ29" s="97">
        <v>7</v>
      </c>
      <c r="HA29" s="97">
        <v>9</v>
      </c>
      <c r="HB29" s="99">
        <v>79</v>
      </c>
      <c r="HC29" s="100">
        <v>110</v>
      </c>
      <c r="HD29" s="101">
        <v>0</v>
      </c>
      <c r="HE29" s="102">
        <v>0</v>
      </c>
      <c r="HF29" s="103">
        <v>0</v>
      </c>
      <c r="HG29" s="413">
        <v>0</v>
      </c>
      <c r="HH29" s="102">
        <v>0</v>
      </c>
      <c r="HI29" s="102">
        <v>0</v>
      </c>
      <c r="HJ29" s="102">
        <v>0</v>
      </c>
      <c r="HK29" s="102">
        <v>0</v>
      </c>
      <c r="HL29" s="102">
        <v>0</v>
      </c>
      <c r="HM29" s="103">
        <v>0</v>
      </c>
      <c r="HN29" s="104">
        <v>0</v>
      </c>
      <c r="HO29" s="101">
        <v>1</v>
      </c>
      <c r="HP29" s="102">
        <v>0</v>
      </c>
      <c r="HQ29" s="103">
        <v>1</v>
      </c>
      <c r="HR29" s="413">
        <v>0</v>
      </c>
      <c r="HS29" s="102">
        <v>2</v>
      </c>
      <c r="HT29" s="102">
        <v>2</v>
      </c>
      <c r="HU29" s="102">
        <v>0</v>
      </c>
      <c r="HV29" s="102">
        <v>0</v>
      </c>
      <c r="HW29" s="102">
        <v>1</v>
      </c>
      <c r="HX29" s="103">
        <v>5</v>
      </c>
      <c r="HY29" s="104">
        <v>6</v>
      </c>
      <c r="HZ29" s="101">
        <v>2</v>
      </c>
      <c r="IA29" s="102">
        <v>5</v>
      </c>
      <c r="IB29" s="103">
        <v>7</v>
      </c>
      <c r="IC29" s="413">
        <v>0</v>
      </c>
      <c r="ID29" s="102">
        <v>2</v>
      </c>
      <c r="IE29" s="102">
        <v>4</v>
      </c>
      <c r="IF29" s="102">
        <v>1</v>
      </c>
      <c r="IG29" s="102">
        <v>0</v>
      </c>
      <c r="IH29" s="102">
        <v>1</v>
      </c>
      <c r="II29" s="103">
        <v>8</v>
      </c>
      <c r="IJ29" s="104">
        <v>15</v>
      </c>
      <c r="IK29" s="101">
        <v>3</v>
      </c>
      <c r="IL29" s="102">
        <v>5</v>
      </c>
      <c r="IM29" s="103">
        <v>8</v>
      </c>
      <c r="IN29" s="413">
        <v>0</v>
      </c>
      <c r="IO29" s="102">
        <v>5</v>
      </c>
      <c r="IP29" s="102">
        <v>6</v>
      </c>
      <c r="IQ29" s="102">
        <v>2</v>
      </c>
      <c r="IR29" s="102">
        <v>3</v>
      </c>
      <c r="IS29" s="102">
        <v>2</v>
      </c>
      <c r="IT29" s="103">
        <v>18</v>
      </c>
      <c r="IU29" s="104">
        <v>26</v>
      </c>
      <c r="IV29" s="101">
        <v>5</v>
      </c>
      <c r="IW29" s="102">
        <v>1</v>
      </c>
      <c r="IX29" s="103">
        <v>6</v>
      </c>
      <c r="IY29" s="413">
        <v>0</v>
      </c>
      <c r="IZ29" s="102">
        <v>8</v>
      </c>
      <c r="JA29" s="102">
        <v>7</v>
      </c>
      <c r="JB29" s="102">
        <v>4</v>
      </c>
      <c r="JC29" s="102">
        <v>1</v>
      </c>
      <c r="JD29" s="102">
        <v>2</v>
      </c>
      <c r="JE29" s="103">
        <v>22</v>
      </c>
      <c r="JF29" s="104">
        <v>28</v>
      </c>
      <c r="JG29" s="101">
        <v>3</v>
      </c>
      <c r="JH29" s="102">
        <v>6</v>
      </c>
      <c r="JI29" s="103">
        <v>9</v>
      </c>
      <c r="JJ29" s="413">
        <v>0</v>
      </c>
      <c r="JK29" s="102">
        <v>8</v>
      </c>
      <c r="JL29" s="102">
        <v>6</v>
      </c>
      <c r="JM29" s="102">
        <v>6</v>
      </c>
      <c r="JN29" s="102">
        <v>3</v>
      </c>
      <c r="JO29" s="102">
        <v>3</v>
      </c>
      <c r="JP29" s="103">
        <v>26</v>
      </c>
      <c r="JQ29" s="104">
        <v>35</v>
      </c>
      <c r="JR29" s="101">
        <v>0</v>
      </c>
      <c r="JS29" s="102">
        <v>0</v>
      </c>
      <c r="JT29" s="103">
        <v>0</v>
      </c>
      <c r="JU29" s="413">
        <v>0</v>
      </c>
      <c r="JV29" s="102">
        <v>0</v>
      </c>
      <c r="JW29" s="102">
        <v>0</v>
      </c>
      <c r="JX29" s="102">
        <v>0</v>
      </c>
      <c r="JY29" s="102">
        <v>0</v>
      </c>
      <c r="JZ29" s="102">
        <v>0</v>
      </c>
      <c r="KA29" s="103">
        <v>0</v>
      </c>
      <c r="KB29" s="104">
        <v>0</v>
      </c>
      <c r="KC29" s="101">
        <v>14</v>
      </c>
      <c r="KD29" s="102">
        <v>17</v>
      </c>
      <c r="KE29" s="103">
        <v>31</v>
      </c>
      <c r="KF29" s="413">
        <v>0</v>
      </c>
      <c r="KG29" s="102">
        <v>25</v>
      </c>
      <c r="KH29" s="102">
        <v>25</v>
      </c>
      <c r="KI29" s="102">
        <v>13</v>
      </c>
      <c r="KJ29" s="102">
        <v>7</v>
      </c>
      <c r="KK29" s="102">
        <v>9</v>
      </c>
      <c r="KL29" s="103">
        <v>79</v>
      </c>
      <c r="KM29" s="104">
        <v>110</v>
      </c>
    </row>
    <row r="30" spans="2:299" s="70" customFormat="1" ht="21" customHeight="1" x14ac:dyDescent="0.2">
      <c r="B30" s="106" t="s">
        <v>27</v>
      </c>
      <c r="C30" s="96">
        <v>14</v>
      </c>
      <c r="D30" s="97">
        <v>25</v>
      </c>
      <c r="E30" s="98">
        <v>39</v>
      </c>
      <c r="F30" s="413">
        <v>0</v>
      </c>
      <c r="G30" s="97">
        <v>14</v>
      </c>
      <c r="H30" s="97">
        <v>14</v>
      </c>
      <c r="I30" s="97">
        <v>8</v>
      </c>
      <c r="J30" s="97">
        <v>11</v>
      </c>
      <c r="K30" s="97">
        <v>8</v>
      </c>
      <c r="L30" s="99">
        <v>55</v>
      </c>
      <c r="M30" s="100">
        <v>94</v>
      </c>
      <c r="N30" s="101">
        <v>0</v>
      </c>
      <c r="O30" s="102">
        <v>1</v>
      </c>
      <c r="P30" s="103">
        <v>1</v>
      </c>
      <c r="Q30" s="413">
        <v>0</v>
      </c>
      <c r="R30" s="102">
        <v>0</v>
      </c>
      <c r="S30" s="102">
        <v>0</v>
      </c>
      <c r="T30" s="102">
        <v>0</v>
      </c>
      <c r="U30" s="102">
        <v>1</v>
      </c>
      <c r="V30" s="102">
        <v>0</v>
      </c>
      <c r="W30" s="103">
        <v>1</v>
      </c>
      <c r="X30" s="104">
        <v>2</v>
      </c>
      <c r="Y30" s="101">
        <v>0</v>
      </c>
      <c r="Z30" s="102">
        <v>3</v>
      </c>
      <c r="AA30" s="103">
        <v>3</v>
      </c>
      <c r="AB30" s="413">
        <v>0</v>
      </c>
      <c r="AC30" s="102">
        <v>0</v>
      </c>
      <c r="AD30" s="102">
        <v>1</v>
      </c>
      <c r="AE30" s="102">
        <v>1</v>
      </c>
      <c r="AF30" s="102">
        <v>0</v>
      </c>
      <c r="AG30" s="102">
        <v>2</v>
      </c>
      <c r="AH30" s="103">
        <v>4</v>
      </c>
      <c r="AI30" s="104">
        <v>7</v>
      </c>
      <c r="AJ30" s="101">
        <v>0</v>
      </c>
      <c r="AK30" s="102">
        <v>5</v>
      </c>
      <c r="AL30" s="103">
        <v>5</v>
      </c>
      <c r="AM30" s="413">
        <v>0</v>
      </c>
      <c r="AN30" s="102">
        <v>1</v>
      </c>
      <c r="AO30" s="102">
        <v>1</v>
      </c>
      <c r="AP30" s="102">
        <v>0</v>
      </c>
      <c r="AQ30" s="102">
        <v>1</v>
      </c>
      <c r="AR30" s="102">
        <v>0</v>
      </c>
      <c r="AS30" s="103">
        <v>3</v>
      </c>
      <c r="AT30" s="104">
        <v>8</v>
      </c>
      <c r="AU30" s="101">
        <v>5</v>
      </c>
      <c r="AV30" s="102">
        <v>7</v>
      </c>
      <c r="AW30" s="103">
        <v>12</v>
      </c>
      <c r="AX30" s="413">
        <v>0</v>
      </c>
      <c r="AY30" s="102">
        <v>3</v>
      </c>
      <c r="AZ30" s="102">
        <v>5</v>
      </c>
      <c r="BA30" s="102">
        <v>3</v>
      </c>
      <c r="BB30" s="102">
        <v>2</v>
      </c>
      <c r="BC30" s="102">
        <v>2</v>
      </c>
      <c r="BD30" s="103">
        <v>15</v>
      </c>
      <c r="BE30" s="104">
        <v>27</v>
      </c>
      <c r="BF30" s="101">
        <v>6</v>
      </c>
      <c r="BG30" s="102">
        <v>4</v>
      </c>
      <c r="BH30" s="103">
        <v>10</v>
      </c>
      <c r="BI30" s="413">
        <v>0</v>
      </c>
      <c r="BJ30" s="102">
        <v>5</v>
      </c>
      <c r="BK30" s="102">
        <v>3</v>
      </c>
      <c r="BL30" s="102">
        <v>2</v>
      </c>
      <c r="BM30" s="102">
        <v>2</v>
      </c>
      <c r="BN30" s="102">
        <v>1</v>
      </c>
      <c r="BO30" s="103">
        <v>13</v>
      </c>
      <c r="BP30" s="104">
        <v>23</v>
      </c>
      <c r="BQ30" s="101">
        <v>3</v>
      </c>
      <c r="BR30" s="102">
        <v>5</v>
      </c>
      <c r="BS30" s="103">
        <v>8</v>
      </c>
      <c r="BT30" s="413">
        <v>0</v>
      </c>
      <c r="BU30" s="102">
        <v>5</v>
      </c>
      <c r="BV30" s="102">
        <v>4</v>
      </c>
      <c r="BW30" s="102">
        <v>2</v>
      </c>
      <c r="BX30" s="102">
        <v>5</v>
      </c>
      <c r="BY30" s="102">
        <v>3</v>
      </c>
      <c r="BZ30" s="103">
        <v>19</v>
      </c>
      <c r="CA30" s="104">
        <v>27</v>
      </c>
      <c r="CB30" s="101">
        <v>0</v>
      </c>
      <c r="CC30" s="102">
        <v>0</v>
      </c>
      <c r="CD30" s="103">
        <v>0</v>
      </c>
      <c r="CE30" s="413">
        <v>0</v>
      </c>
      <c r="CF30" s="102">
        <v>0</v>
      </c>
      <c r="CG30" s="102">
        <v>0</v>
      </c>
      <c r="CH30" s="102">
        <v>0</v>
      </c>
      <c r="CI30" s="102">
        <v>0</v>
      </c>
      <c r="CJ30" s="102">
        <v>0</v>
      </c>
      <c r="CK30" s="103">
        <v>0</v>
      </c>
      <c r="CL30" s="104">
        <v>0</v>
      </c>
      <c r="CM30" s="101">
        <v>14</v>
      </c>
      <c r="CN30" s="102">
        <v>25</v>
      </c>
      <c r="CO30" s="103">
        <v>39</v>
      </c>
      <c r="CP30" s="413">
        <v>0</v>
      </c>
      <c r="CQ30" s="102">
        <v>14</v>
      </c>
      <c r="CR30" s="102">
        <v>14</v>
      </c>
      <c r="CS30" s="102">
        <v>8</v>
      </c>
      <c r="CT30" s="102">
        <v>11</v>
      </c>
      <c r="CU30" s="102">
        <v>8</v>
      </c>
      <c r="CV30" s="103">
        <v>55</v>
      </c>
      <c r="CW30" s="104">
        <v>94</v>
      </c>
      <c r="CX30" s="105">
        <v>5</v>
      </c>
      <c r="CY30" s="97">
        <v>2</v>
      </c>
      <c r="CZ30" s="98">
        <v>7</v>
      </c>
      <c r="DA30" s="413">
        <v>0</v>
      </c>
      <c r="DB30" s="97">
        <v>7</v>
      </c>
      <c r="DC30" s="97">
        <v>3</v>
      </c>
      <c r="DD30" s="97">
        <v>6</v>
      </c>
      <c r="DE30" s="97">
        <v>1</v>
      </c>
      <c r="DF30" s="97">
        <v>2</v>
      </c>
      <c r="DG30" s="99">
        <v>19</v>
      </c>
      <c r="DH30" s="100">
        <v>26</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1</v>
      </c>
      <c r="DY30" s="102">
        <v>0</v>
      </c>
      <c r="DZ30" s="102">
        <v>0</v>
      </c>
      <c r="EA30" s="102">
        <v>0</v>
      </c>
      <c r="EB30" s="102">
        <v>0</v>
      </c>
      <c r="EC30" s="103">
        <v>1</v>
      </c>
      <c r="ED30" s="104">
        <v>1</v>
      </c>
      <c r="EE30" s="101">
        <v>1</v>
      </c>
      <c r="EF30" s="102">
        <v>0</v>
      </c>
      <c r="EG30" s="103">
        <v>1</v>
      </c>
      <c r="EH30" s="413">
        <v>0</v>
      </c>
      <c r="EI30" s="102">
        <v>0</v>
      </c>
      <c r="EJ30" s="102">
        <v>1</v>
      </c>
      <c r="EK30" s="102">
        <v>0</v>
      </c>
      <c r="EL30" s="102">
        <v>0</v>
      </c>
      <c r="EM30" s="102">
        <v>0</v>
      </c>
      <c r="EN30" s="103">
        <v>1</v>
      </c>
      <c r="EO30" s="104">
        <v>2</v>
      </c>
      <c r="EP30" s="101">
        <v>3</v>
      </c>
      <c r="EQ30" s="102">
        <v>0</v>
      </c>
      <c r="ER30" s="103">
        <v>3</v>
      </c>
      <c r="ES30" s="413">
        <v>0</v>
      </c>
      <c r="ET30" s="102">
        <v>0</v>
      </c>
      <c r="EU30" s="102">
        <v>2</v>
      </c>
      <c r="EV30" s="102">
        <v>1</v>
      </c>
      <c r="EW30" s="102">
        <v>0</v>
      </c>
      <c r="EX30" s="102">
        <v>0</v>
      </c>
      <c r="EY30" s="103">
        <v>3</v>
      </c>
      <c r="EZ30" s="104">
        <v>6</v>
      </c>
      <c r="FA30" s="101">
        <v>1</v>
      </c>
      <c r="FB30" s="102">
        <v>1</v>
      </c>
      <c r="FC30" s="103">
        <v>2</v>
      </c>
      <c r="FD30" s="413">
        <v>0</v>
      </c>
      <c r="FE30" s="102">
        <v>3</v>
      </c>
      <c r="FF30" s="102">
        <v>0</v>
      </c>
      <c r="FG30" s="102">
        <v>1</v>
      </c>
      <c r="FH30" s="102">
        <v>1</v>
      </c>
      <c r="FI30" s="102">
        <v>0</v>
      </c>
      <c r="FJ30" s="103">
        <v>5</v>
      </c>
      <c r="FK30" s="104">
        <v>7</v>
      </c>
      <c r="FL30" s="101">
        <v>0</v>
      </c>
      <c r="FM30" s="102">
        <v>1</v>
      </c>
      <c r="FN30" s="103">
        <v>1</v>
      </c>
      <c r="FO30" s="413">
        <v>0</v>
      </c>
      <c r="FP30" s="102">
        <v>3</v>
      </c>
      <c r="FQ30" s="102">
        <v>0</v>
      </c>
      <c r="FR30" s="102">
        <v>4</v>
      </c>
      <c r="FS30" s="102">
        <v>0</v>
      </c>
      <c r="FT30" s="102">
        <v>2</v>
      </c>
      <c r="FU30" s="103">
        <v>9</v>
      </c>
      <c r="FV30" s="104">
        <v>10</v>
      </c>
      <c r="FW30" s="101">
        <v>0</v>
      </c>
      <c r="FX30" s="102">
        <v>0</v>
      </c>
      <c r="FY30" s="103">
        <v>0</v>
      </c>
      <c r="FZ30" s="413">
        <v>0</v>
      </c>
      <c r="GA30" s="102">
        <v>0</v>
      </c>
      <c r="GB30" s="102">
        <v>0</v>
      </c>
      <c r="GC30" s="102">
        <v>0</v>
      </c>
      <c r="GD30" s="102">
        <v>0</v>
      </c>
      <c r="GE30" s="102">
        <v>0</v>
      </c>
      <c r="GF30" s="103">
        <v>0</v>
      </c>
      <c r="GG30" s="104">
        <v>0</v>
      </c>
      <c r="GH30" s="101">
        <v>5</v>
      </c>
      <c r="GI30" s="102">
        <v>2</v>
      </c>
      <c r="GJ30" s="103">
        <v>7</v>
      </c>
      <c r="GK30" s="413">
        <v>0</v>
      </c>
      <c r="GL30" s="102">
        <v>7</v>
      </c>
      <c r="GM30" s="102">
        <v>3</v>
      </c>
      <c r="GN30" s="102">
        <v>6</v>
      </c>
      <c r="GO30" s="102">
        <v>1</v>
      </c>
      <c r="GP30" s="102">
        <v>2</v>
      </c>
      <c r="GQ30" s="103">
        <v>19</v>
      </c>
      <c r="GR30" s="104">
        <v>26</v>
      </c>
      <c r="GS30" s="105">
        <v>19</v>
      </c>
      <c r="GT30" s="97">
        <v>27</v>
      </c>
      <c r="GU30" s="98">
        <v>46</v>
      </c>
      <c r="GV30" s="413">
        <v>0</v>
      </c>
      <c r="GW30" s="97">
        <v>21</v>
      </c>
      <c r="GX30" s="97">
        <v>17</v>
      </c>
      <c r="GY30" s="97">
        <v>14</v>
      </c>
      <c r="GZ30" s="97">
        <v>12</v>
      </c>
      <c r="HA30" s="97">
        <v>10</v>
      </c>
      <c r="HB30" s="99">
        <v>74</v>
      </c>
      <c r="HC30" s="100">
        <v>120</v>
      </c>
      <c r="HD30" s="101">
        <v>0</v>
      </c>
      <c r="HE30" s="102">
        <v>1</v>
      </c>
      <c r="HF30" s="103">
        <v>1</v>
      </c>
      <c r="HG30" s="413">
        <v>0</v>
      </c>
      <c r="HH30" s="102">
        <v>0</v>
      </c>
      <c r="HI30" s="102">
        <v>0</v>
      </c>
      <c r="HJ30" s="102">
        <v>0</v>
      </c>
      <c r="HK30" s="102">
        <v>1</v>
      </c>
      <c r="HL30" s="102">
        <v>0</v>
      </c>
      <c r="HM30" s="103">
        <v>1</v>
      </c>
      <c r="HN30" s="104">
        <v>2</v>
      </c>
      <c r="HO30" s="101">
        <v>0</v>
      </c>
      <c r="HP30" s="102">
        <v>3</v>
      </c>
      <c r="HQ30" s="103">
        <v>3</v>
      </c>
      <c r="HR30" s="413">
        <v>0</v>
      </c>
      <c r="HS30" s="102">
        <v>1</v>
      </c>
      <c r="HT30" s="102">
        <v>1</v>
      </c>
      <c r="HU30" s="102">
        <v>1</v>
      </c>
      <c r="HV30" s="102">
        <v>0</v>
      </c>
      <c r="HW30" s="102">
        <v>2</v>
      </c>
      <c r="HX30" s="103">
        <v>5</v>
      </c>
      <c r="HY30" s="104">
        <v>8</v>
      </c>
      <c r="HZ30" s="101">
        <v>1</v>
      </c>
      <c r="IA30" s="102">
        <v>5</v>
      </c>
      <c r="IB30" s="103">
        <v>6</v>
      </c>
      <c r="IC30" s="413">
        <v>0</v>
      </c>
      <c r="ID30" s="102">
        <v>1</v>
      </c>
      <c r="IE30" s="102">
        <v>2</v>
      </c>
      <c r="IF30" s="102">
        <v>0</v>
      </c>
      <c r="IG30" s="102">
        <v>1</v>
      </c>
      <c r="IH30" s="102">
        <v>0</v>
      </c>
      <c r="II30" s="103">
        <v>4</v>
      </c>
      <c r="IJ30" s="104">
        <v>10</v>
      </c>
      <c r="IK30" s="101">
        <v>8</v>
      </c>
      <c r="IL30" s="102">
        <v>7</v>
      </c>
      <c r="IM30" s="103">
        <v>15</v>
      </c>
      <c r="IN30" s="413">
        <v>0</v>
      </c>
      <c r="IO30" s="102">
        <v>3</v>
      </c>
      <c r="IP30" s="102">
        <v>7</v>
      </c>
      <c r="IQ30" s="102">
        <v>4</v>
      </c>
      <c r="IR30" s="102">
        <v>2</v>
      </c>
      <c r="IS30" s="102">
        <v>2</v>
      </c>
      <c r="IT30" s="103">
        <v>18</v>
      </c>
      <c r="IU30" s="104">
        <v>33</v>
      </c>
      <c r="IV30" s="101">
        <v>7</v>
      </c>
      <c r="IW30" s="102">
        <v>5</v>
      </c>
      <c r="IX30" s="103">
        <v>12</v>
      </c>
      <c r="IY30" s="413">
        <v>0</v>
      </c>
      <c r="IZ30" s="102">
        <v>8</v>
      </c>
      <c r="JA30" s="102">
        <v>3</v>
      </c>
      <c r="JB30" s="102">
        <v>3</v>
      </c>
      <c r="JC30" s="102">
        <v>3</v>
      </c>
      <c r="JD30" s="102">
        <v>1</v>
      </c>
      <c r="JE30" s="103">
        <v>18</v>
      </c>
      <c r="JF30" s="104">
        <v>30</v>
      </c>
      <c r="JG30" s="101">
        <v>3</v>
      </c>
      <c r="JH30" s="102">
        <v>6</v>
      </c>
      <c r="JI30" s="103">
        <v>9</v>
      </c>
      <c r="JJ30" s="413">
        <v>0</v>
      </c>
      <c r="JK30" s="102">
        <v>8</v>
      </c>
      <c r="JL30" s="102">
        <v>4</v>
      </c>
      <c r="JM30" s="102">
        <v>6</v>
      </c>
      <c r="JN30" s="102">
        <v>5</v>
      </c>
      <c r="JO30" s="102">
        <v>5</v>
      </c>
      <c r="JP30" s="103">
        <v>28</v>
      </c>
      <c r="JQ30" s="104">
        <v>37</v>
      </c>
      <c r="JR30" s="101">
        <v>0</v>
      </c>
      <c r="JS30" s="102">
        <v>0</v>
      </c>
      <c r="JT30" s="103">
        <v>0</v>
      </c>
      <c r="JU30" s="413">
        <v>0</v>
      </c>
      <c r="JV30" s="102">
        <v>0</v>
      </c>
      <c r="JW30" s="102">
        <v>0</v>
      </c>
      <c r="JX30" s="102">
        <v>0</v>
      </c>
      <c r="JY30" s="102">
        <v>0</v>
      </c>
      <c r="JZ30" s="102">
        <v>0</v>
      </c>
      <c r="KA30" s="103">
        <v>0</v>
      </c>
      <c r="KB30" s="104">
        <v>0</v>
      </c>
      <c r="KC30" s="101">
        <v>19</v>
      </c>
      <c r="KD30" s="102">
        <v>27</v>
      </c>
      <c r="KE30" s="103">
        <v>46</v>
      </c>
      <c r="KF30" s="413">
        <v>0</v>
      </c>
      <c r="KG30" s="102">
        <v>21</v>
      </c>
      <c r="KH30" s="102">
        <v>17</v>
      </c>
      <c r="KI30" s="102">
        <v>14</v>
      </c>
      <c r="KJ30" s="102">
        <v>12</v>
      </c>
      <c r="KK30" s="102">
        <v>10</v>
      </c>
      <c r="KL30" s="103">
        <v>74</v>
      </c>
      <c r="KM30" s="104">
        <v>120</v>
      </c>
    </row>
    <row r="31" spans="2:299" s="70" customFormat="1" ht="21" customHeight="1" x14ac:dyDescent="0.2">
      <c r="B31" s="106" t="s">
        <v>28</v>
      </c>
      <c r="C31" s="96">
        <v>0</v>
      </c>
      <c r="D31" s="97">
        <v>3</v>
      </c>
      <c r="E31" s="98">
        <v>3</v>
      </c>
      <c r="F31" s="413">
        <v>0</v>
      </c>
      <c r="G31" s="97">
        <v>6</v>
      </c>
      <c r="H31" s="97">
        <v>4</v>
      </c>
      <c r="I31" s="97">
        <v>4</v>
      </c>
      <c r="J31" s="97">
        <v>2</v>
      </c>
      <c r="K31" s="97">
        <v>1</v>
      </c>
      <c r="L31" s="99">
        <v>17</v>
      </c>
      <c r="M31" s="100">
        <v>20</v>
      </c>
      <c r="N31" s="101">
        <v>0</v>
      </c>
      <c r="O31" s="102">
        <v>1</v>
      </c>
      <c r="P31" s="103">
        <v>1</v>
      </c>
      <c r="Q31" s="413">
        <v>0</v>
      </c>
      <c r="R31" s="102">
        <v>1</v>
      </c>
      <c r="S31" s="102">
        <v>1</v>
      </c>
      <c r="T31" s="102">
        <v>0</v>
      </c>
      <c r="U31" s="102">
        <v>0</v>
      </c>
      <c r="V31" s="102">
        <v>0</v>
      </c>
      <c r="W31" s="103">
        <v>2</v>
      </c>
      <c r="X31" s="104">
        <v>3</v>
      </c>
      <c r="Y31" s="101">
        <v>0</v>
      </c>
      <c r="Z31" s="102">
        <v>1</v>
      </c>
      <c r="AA31" s="103">
        <v>1</v>
      </c>
      <c r="AB31" s="413">
        <v>0</v>
      </c>
      <c r="AC31" s="102">
        <v>1</v>
      </c>
      <c r="AD31" s="102">
        <v>0</v>
      </c>
      <c r="AE31" s="102">
        <v>1</v>
      </c>
      <c r="AF31" s="102">
        <v>0</v>
      </c>
      <c r="AG31" s="102">
        <v>0</v>
      </c>
      <c r="AH31" s="103">
        <v>2</v>
      </c>
      <c r="AI31" s="104">
        <v>3</v>
      </c>
      <c r="AJ31" s="101">
        <v>0</v>
      </c>
      <c r="AK31" s="102">
        <v>0</v>
      </c>
      <c r="AL31" s="103">
        <v>0</v>
      </c>
      <c r="AM31" s="413">
        <v>0</v>
      </c>
      <c r="AN31" s="102">
        <v>1</v>
      </c>
      <c r="AO31" s="102">
        <v>1</v>
      </c>
      <c r="AP31" s="102">
        <v>0</v>
      </c>
      <c r="AQ31" s="102">
        <v>0</v>
      </c>
      <c r="AR31" s="102">
        <v>0</v>
      </c>
      <c r="AS31" s="103">
        <v>2</v>
      </c>
      <c r="AT31" s="104">
        <v>2</v>
      </c>
      <c r="AU31" s="101">
        <v>0</v>
      </c>
      <c r="AV31" s="102">
        <v>0</v>
      </c>
      <c r="AW31" s="103">
        <v>0</v>
      </c>
      <c r="AX31" s="413">
        <v>0</v>
      </c>
      <c r="AY31" s="102">
        <v>1</v>
      </c>
      <c r="AZ31" s="102">
        <v>2</v>
      </c>
      <c r="BA31" s="102">
        <v>1</v>
      </c>
      <c r="BB31" s="102">
        <v>0</v>
      </c>
      <c r="BC31" s="102">
        <v>0</v>
      </c>
      <c r="BD31" s="103">
        <v>4</v>
      </c>
      <c r="BE31" s="104">
        <v>4</v>
      </c>
      <c r="BF31" s="101">
        <v>0</v>
      </c>
      <c r="BG31" s="102">
        <v>1</v>
      </c>
      <c r="BH31" s="103">
        <v>1</v>
      </c>
      <c r="BI31" s="413">
        <v>0</v>
      </c>
      <c r="BJ31" s="102">
        <v>1</v>
      </c>
      <c r="BK31" s="102">
        <v>0</v>
      </c>
      <c r="BL31" s="102">
        <v>1</v>
      </c>
      <c r="BM31" s="102">
        <v>1</v>
      </c>
      <c r="BN31" s="102">
        <v>0</v>
      </c>
      <c r="BO31" s="103">
        <v>3</v>
      </c>
      <c r="BP31" s="104">
        <v>4</v>
      </c>
      <c r="BQ31" s="101">
        <v>0</v>
      </c>
      <c r="BR31" s="102">
        <v>0</v>
      </c>
      <c r="BS31" s="103">
        <v>0</v>
      </c>
      <c r="BT31" s="413">
        <v>0</v>
      </c>
      <c r="BU31" s="102">
        <v>1</v>
      </c>
      <c r="BV31" s="102">
        <v>0</v>
      </c>
      <c r="BW31" s="102">
        <v>1</v>
      </c>
      <c r="BX31" s="102">
        <v>1</v>
      </c>
      <c r="BY31" s="102">
        <v>1</v>
      </c>
      <c r="BZ31" s="103">
        <v>4</v>
      </c>
      <c r="CA31" s="104">
        <v>4</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4</v>
      </c>
      <c r="CS31" s="102">
        <v>4</v>
      </c>
      <c r="CT31" s="102">
        <v>2</v>
      </c>
      <c r="CU31" s="102">
        <v>1</v>
      </c>
      <c r="CV31" s="103">
        <v>17</v>
      </c>
      <c r="CW31" s="104">
        <v>20</v>
      </c>
      <c r="CX31" s="105">
        <v>0</v>
      </c>
      <c r="CY31" s="97">
        <v>0</v>
      </c>
      <c r="CZ31" s="98">
        <v>0</v>
      </c>
      <c r="DA31" s="413">
        <v>0</v>
      </c>
      <c r="DB31" s="97">
        <v>2</v>
      </c>
      <c r="DC31" s="97">
        <v>3</v>
      </c>
      <c r="DD31" s="97">
        <v>2</v>
      </c>
      <c r="DE31" s="97">
        <v>0</v>
      </c>
      <c r="DF31" s="97">
        <v>1</v>
      </c>
      <c r="DG31" s="99">
        <v>8</v>
      </c>
      <c r="DH31" s="100">
        <v>8</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1</v>
      </c>
      <c r="DY31" s="102">
        <v>0</v>
      </c>
      <c r="DZ31" s="102">
        <v>1</v>
      </c>
      <c r="EA31" s="102">
        <v>0</v>
      </c>
      <c r="EB31" s="102">
        <v>0</v>
      </c>
      <c r="EC31" s="103">
        <v>2</v>
      </c>
      <c r="ED31" s="104">
        <v>2</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1</v>
      </c>
      <c r="FH31" s="102">
        <v>0</v>
      </c>
      <c r="FI31" s="102">
        <v>1</v>
      </c>
      <c r="FJ31" s="103">
        <v>4</v>
      </c>
      <c r="FK31" s="104">
        <v>4</v>
      </c>
      <c r="FL31" s="101">
        <v>0</v>
      </c>
      <c r="FM31" s="102">
        <v>0</v>
      </c>
      <c r="FN31" s="103">
        <v>0</v>
      </c>
      <c r="FO31" s="413">
        <v>0</v>
      </c>
      <c r="FP31" s="102">
        <v>0</v>
      </c>
      <c r="FQ31" s="102">
        <v>2</v>
      </c>
      <c r="FR31" s="102">
        <v>0</v>
      </c>
      <c r="FS31" s="102">
        <v>0</v>
      </c>
      <c r="FT31" s="102">
        <v>0</v>
      </c>
      <c r="FU31" s="103">
        <v>2</v>
      </c>
      <c r="FV31" s="104">
        <v>2</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2</v>
      </c>
      <c r="GM31" s="102">
        <v>3</v>
      </c>
      <c r="GN31" s="102">
        <v>2</v>
      </c>
      <c r="GO31" s="102">
        <v>0</v>
      </c>
      <c r="GP31" s="102">
        <v>1</v>
      </c>
      <c r="GQ31" s="103">
        <v>8</v>
      </c>
      <c r="GR31" s="104">
        <v>8</v>
      </c>
      <c r="GS31" s="105">
        <v>0</v>
      </c>
      <c r="GT31" s="97">
        <v>3</v>
      </c>
      <c r="GU31" s="98">
        <v>3</v>
      </c>
      <c r="GV31" s="413">
        <v>0</v>
      </c>
      <c r="GW31" s="97">
        <v>8</v>
      </c>
      <c r="GX31" s="97">
        <v>7</v>
      </c>
      <c r="GY31" s="97">
        <v>6</v>
      </c>
      <c r="GZ31" s="97">
        <v>2</v>
      </c>
      <c r="HA31" s="97">
        <v>2</v>
      </c>
      <c r="HB31" s="99">
        <v>25</v>
      </c>
      <c r="HC31" s="100">
        <v>28</v>
      </c>
      <c r="HD31" s="101">
        <v>0</v>
      </c>
      <c r="HE31" s="102">
        <v>1</v>
      </c>
      <c r="HF31" s="103">
        <v>1</v>
      </c>
      <c r="HG31" s="413">
        <v>0</v>
      </c>
      <c r="HH31" s="102">
        <v>1</v>
      </c>
      <c r="HI31" s="102">
        <v>1</v>
      </c>
      <c r="HJ31" s="102">
        <v>0</v>
      </c>
      <c r="HK31" s="102">
        <v>0</v>
      </c>
      <c r="HL31" s="102">
        <v>0</v>
      </c>
      <c r="HM31" s="103">
        <v>2</v>
      </c>
      <c r="HN31" s="104">
        <v>3</v>
      </c>
      <c r="HO31" s="101">
        <v>0</v>
      </c>
      <c r="HP31" s="102">
        <v>1</v>
      </c>
      <c r="HQ31" s="103">
        <v>1</v>
      </c>
      <c r="HR31" s="413">
        <v>0</v>
      </c>
      <c r="HS31" s="102">
        <v>2</v>
      </c>
      <c r="HT31" s="102">
        <v>0</v>
      </c>
      <c r="HU31" s="102">
        <v>2</v>
      </c>
      <c r="HV31" s="102">
        <v>0</v>
      </c>
      <c r="HW31" s="102">
        <v>0</v>
      </c>
      <c r="HX31" s="103">
        <v>4</v>
      </c>
      <c r="HY31" s="104">
        <v>5</v>
      </c>
      <c r="HZ31" s="101">
        <v>0</v>
      </c>
      <c r="IA31" s="102">
        <v>0</v>
      </c>
      <c r="IB31" s="103">
        <v>0</v>
      </c>
      <c r="IC31" s="413">
        <v>0</v>
      </c>
      <c r="ID31" s="102">
        <v>1</v>
      </c>
      <c r="IE31" s="102">
        <v>1</v>
      </c>
      <c r="IF31" s="102">
        <v>0</v>
      </c>
      <c r="IG31" s="102">
        <v>0</v>
      </c>
      <c r="IH31" s="102">
        <v>0</v>
      </c>
      <c r="II31" s="103">
        <v>2</v>
      </c>
      <c r="IJ31" s="104">
        <v>2</v>
      </c>
      <c r="IK31" s="101">
        <v>0</v>
      </c>
      <c r="IL31" s="102">
        <v>0</v>
      </c>
      <c r="IM31" s="103">
        <v>0</v>
      </c>
      <c r="IN31" s="413">
        <v>0</v>
      </c>
      <c r="IO31" s="102">
        <v>1</v>
      </c>
      <c r="IP31" s="102">
        <v>2</v>
      </c>
      <c r="IQ31" s="102">
        <v>1</v>
      </c>
      <c r="IR31" s="102">
        <v>0</v>
      </c>
      <c r="IS31" s="102">
        <v>0</v>
      </c>
      <c r="IT31" s="103">
        <v>4</v>
      </c>
      <c r="IU31" s="104">
        <v>4</v>
      </c>
      <c r="IV31" s="101">
        <v>0</v>
      </c>
      <c r="IW31" s="102">
        <v>1</v>
      </c>
      <c r="IX31" s="103">
        <v>1</v>
      </c>
      <c r="IY31" s="413">
        <v>0</v>
      </c>
      <c r="IZ31" s="102">
        <v>2</v>
      </c>
      <c r="JA31" s="102">
        <v>1</v>
      </c>
      <c r="JB31" s="102">
        <v>2</v>
      </c>
      <c r="JC31" s="102">
        <v>1</v>
      </c>
      <c r="JD31" s="102">
        <v>1</v>
      </c>
      <c r="JE31" s="103">
        <v>7</v>
      </c>
      <c r="JF31" s="104">
        <v>8</v>
      </c>
      <c r="JG31" s="101">
        <v>0</v>
      </c>
      <c r="JH31" s="102">
        <v>0</v>
      </c>
      <c r="JI31" s="103">
        <v>0</v>
      </c>
      <c r="JJ31" s="413">
        <v>0</v>
      </c>
      <c r="JK31" s="102">
        <v>1</v>
      </c>
      <c r="JL31" s="102">
        <v>2</v>
      </c>
      <c r="JM31" s="102">
        <v>1</v>
      </c>
      <c r="JN31" s="102">
        <v>1</v>
      </c>
      <c r="JO31" s="102">
        <v>1</v>
      </c>
      <c r="JP31" s="103">
        <v>6</v>
      </c>
      <c r="JQ31" s="104">
        <v>6</v>
      </c>
      <c r="JR31" s="101">
        <v>0</v>
      </c>
      <c r="JS31" s="102">
        <v>0</v>
      </c>
      <c r="JT31" s="103">
        <v>0</v>
      </c>
      <c r="JU31" s="413">
        <v>0</v>
      </c>
      <c r="JV31" s="102">
        <v>0</v>
      </c>
      <c r="JW31" s="102">
        <v>0</v>
      </c>
      <c r="JX31" s="102">
        <v>0</v>
      </c>
      <c r="JY31" s="102">
        <v>0</v>
      </c>
      <c r="JZ31" s="102">
        <v>0</v>
      </c>
      <c r="KA31" s="103">
        <v>0</v>
      </c>
      <c r="KB31" s="104">
        <v>0</v>
      </c>
      <c r="KC31" s="101">
        <v>0</v>
      </c>
      <c r="KD31" s="102">
        <v>3</v>
      </c>
      <c r="KE31" s="103">
        <v>3</v>
      </c>
      <c r="KF31" s="413">
        <v>0</v>
      </c>
      <c r="KG31" s="102">
        <v>8</v>
      </c>
      <c r="KH31" s="102">
        <v>7</v>
      </c>
      <c r="KI31" s="102">
        <v>6</v>
      </c>
      <c r="KJ31" s="102">
        <v>2</v>
      </c>
      <c r="KK31" s="102">
        <v>2</v>
      </c>
      <c r="KL31" s="103">
        <v>25</v>
      </c>
      <c r="KM31" s="104">
        <v>28</v>
      </c>
    </row>
    <row r="32" spans="2:299" s="70" customFormat="1" ht="21" customHeight="1" x14ac:dyDescent="0.2">
      <c r="B32" s="106" t="s">
        <v>29</v>
      </c>
      <c r="C32" s="96">
        <v>5</v>
      </c>
      <c r="D32" s="97">
        <v>3</v>
      </c>
      <c r="E32" s="98">
        <v>8</v>
      </c>
      <c r="F32" s="413">
        <v>0</v>
      </c>
      <c r="G32" s="97">
        <v>4</v>
      </c>
      <c r="H32" s="97">
        <v>6</v>
      </c>
      <c r="I32" s="97">
        <v>3</v>
      </c>
      <c r="J32" s="97">
        <v>2</v>
      </c>
      <c r="K32" s="97">
        <v>3</v>
      </c>
      <c r="L32" s="99">
        <v>18</v>
      </c>
      <c r="M32" s="100">
        <v>26</v>
      </c>
      <c r="N32" s="101">
        <v>0</v>
      </c>
      <c r="O32" s="102">
        <v>0</v>
      </c>
      <c r="P32" s="103">
        <v>0</v>
      </c>
      <c r="Q32" s="413">
        <v>0</v>
      </c>
      <c r="R32" s="102">
        <v>0</v>
      </c>
      <c r="S32" s="102">
        <v>1</v>
      </c>
      <c r="T32" s="102">
        <v>0</v>
      </c>
      <c r="U32" s="102">
        <v>0</v>
      </c>
      <c r="V32" s="102">
        <v>0</v>
      </c>
      <c r="W32" s="103">
        <v>1</v>
      </c>
      <c r="X32" s="104">
        <v>1</v>
      </c>
      <c r="Y32" s="101">
        <v>1</v>
      </c>
      <c r="Z32" s="102">
        <v>0</v>
      </c>
      <c r="AA32" s="103">
        <v>1</v>
      </c>
      <c r="AB32" s="413">
        <v>0</v>
      </c>
      <c r="AC32" s="102">
        <v>0</v>
      </c>
      <c r="AD32" s="102">
        <v>0</v>
      </c>
      <c r="AE32" s="102">
        <v>2</v>
      </c>
      <c r="AF32" s="102">
        <v>0</v>
      </c>
      <c r="AG32" s="102">
        <v>0</v>
      </c>
      <c r="AH32" s="103">
        <v>2</v>
      </c>
      <c r="AI32" s="104">
        <v>3</v>
      </c>
      <c r="AJ32" s="101">
        <v>0</v>
      </c>
      <c r="AK32" s="102">
        <v>0</v>
      </c>
      <c r="AL32" s="103">
        <v>0</v>
      </c>
      <c r="AM32" s="413">
        <v>0</v>
      </c>
      <c r="AN32" s="102">
        <v>0</v>
      </c>
      <c r="AO32" s="102">
        <v>1</v>
      </c>
      <c r="AP32" s="102">
        <v>0</v>
      </c>
      <c r="AQ32" s="102">
        <v>1</v>
      </c>
      <c r="AR32" s="102">
        <v>0</v>
      </c>
      <c r="AS32" s="103">
        <v>2</v>
      </c>
      <c r="AT32" s="104">
        <v>2</v>
      </c>
      <c r="AU32" s="101">
        <v>1</v>
      </c>
      <c r="AV32" s="102">
        <v>2</v>
      </c>
      <c r="AW32" s="103">
        <v>3</v>
      </c>
      <c r="AX32" s="413">
        <v>0</v>
      </c>
      <c r="AY32" s="102">
        <v>2</v>
      </c>
      <c r="AZ32" s="102">
        <v>0</v>
      </c>
      <c r="BA32" s="102">
        <v>0</v>
      </c>
      <c r="BB32" s="102">
        <v>1</v>
      </c>
      <c r="BC32" s="102">
        <v>0</v>
      </c>
      <c r="BD32" s="103">
        <v>3</v>
      </c>
      <c r="BE32" s="104">
        <v>6</v>
      </c>
      <c r="BF32" s="101">
        <v>3</v>
      </c>
      <c r="BG32" s="102">
        <v>0</v>
      </c>
      <c r="BH32" s="103">
        <v>3</v>
      </c>
      <c r="BI32" s="413">
        <v>0</v>
      </c>
      <c r="BJ32" s="102">
        <v>1</v>
      </c>
      <c r="BK32" s="102">
        <v>0</v>
      </c>
      <c r="BL32" s="102">
        <v>1</v>
      </c>
      <c r="BM32" s="102">
        <v>0</v>
      </c>
      <c r="BN32" s="102">
        <v>0</v>
      </c>
      <c r="BO32" s="103">
        <v>2</v>
      </c>
      <c r="BP32" s="104">
        <v>5</v>
      </c>
      <c r="BQ32" s="101">
        <v>0</v>
      </c>
      <c r="BR32" s="102">
        <v>1</v>
      </c>
      <c r="BS32" s="103">
        <v>1</v>
      </c>
      <c r="BT32" s="413">
        <v>0</v>
      </c>
      <c r="BU32" s="102">
        <v>1</v>
      </c>
      <c r="BV32" s="102">
        <v>4</v>
      </c>
      <c r="BW32" s="102">
        <v>0</v>
      </c>
      <c r="BX32" s="102">
        <v>0</v>
      </c>
      <c r="BY32" s="102">
        <v>3</v>
      </c>
      <c r="BZ32" s="103">
        <v>8</v>
      </c>
      <c r="CA32" s="104">
        <v>9</v>
      </c>
      <c r="CB32" s="101">
        <v>0</v>
      </c>
      <c r="CC32" s="102">
        <v>0</v>
      </c>
      <c r="CD32" s="103">
        <v>0</v>
      </c>
      <c r="CE32" s="413">
        <v>0</v>
      </c>
      <c r="CF32" s="102">
        <v>0</v>
      </c>
      <c r="CG32" s="102">
        <v>0</v>
      </c>
      <c r="CH32" s="102">
        <v>0</v>
      </c>
      <c r="CI32" s="102">
        <v>0</v>
      </c>
      <c r="CJ32" s="102">
        <v>0</v>
      </c>
      <c r="CK32" s="103">
        <v>0</v>
      </c>
      <c r="CL32" s="104">
        <v>0</v>
      </c>
      <c r="CM32" s="101">
        <v>5</v>
      </c>
      <c r="CN32" s="102">
        <v>3</v>
      </c>
      <c r="CO32" s="103">
        <v>8</v>
      </c>
      <c r="CP32" s="413">
        <v>0</v>
      </c>
      <c r="CQ32" s="102">
        <v>4</v>
      </c>
      <c r="CR32" s="102">
        <v>6</v>
      </c>
      <c r="CS32" s="102">
        <v>3</v>
      </c>
      <c r="CT32" s="102">
        <v>2</v>
      </c>
      <c r="CU32" s="102">
        <v>3</v>
      </c>
      <c r="CV32" s="103">
        <v>18</v>
      </c>
      <c r="CW32" s="104">
        <v>26</v>
      </c>
      <c r="CX32" s="105">
        <v>1</v>
      </c>
      <c r="CY32" s="97">
        <v>2</v>
      </c>
      <c r="CZ32" s="98">
        <v>3</v>
      </c>
      <c r="DA32" s="413">
        <v>0</v>
      </c>
      <c r="DB32" s="97">
        <v>4</v>
      </c>
      <c r="DC32" s="97">
        <v>4</v>
      </c>
      <c r="DD32" s="97">
        <v>0</v>
      </c>
      <c r="DE32" s="97">
        <v>2</v>
      </c>
      <c r="DF32" s="97">
        <v>0</v>
      </c>
      <c r="DG32" s="99">
        <v>10</v>
      </c>
      <c r="DH32" s="100">
        <v>13</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0</v>
      </c>
      <c r="DZ32" s="102">
        <v>0</v>
      </c>
      <c r="EA32" s="102">
        <v>0</v>
      </c>
      <c r="EB32" s="102">
        <v>0</v>
      </c>
      <c r="EC32" s="103">
        <v>0</v>
      </c>
      <c r="ED32" s="104">
        <v>0</v>
      </c>
      <c r="EE32" s="101">
        <v>0</v>
      </c>
      <c r="EF32" s="102">
        <v>0</v>
      </c>
      <c r="EG32" s="103">
        <v>0</v>
      </c>
      <c r="EH32" s="413">
        <v>0</v>
      </c>
      <c r="EI32" s="102">
        <v>0</v>
      </c>
      <c r="EJ32" s="102">
        <v>2</v>
      </c>
      <c r="EK32" s="102">
        <v>0</v>
      </c>
      <c r="EL32" s="102">
        <v>0</v>
      </c>
      <c r="EM32" s="102">
        <v>0</v>
      </c>
      <c r="EN32" s="103">
        <v>2</v>
      </c>
      <c r="EO32" s="104">
        <v>2</v>
      </c>
      <c r="EP32" s="101">
        <v>1</v>
      </c>
      <c r="EQ32" s="102">
        <v>0</v>
      </c>
      <c r="ER32" s="103">
        <v>1</v>
      </c>
      <c r="ES32" s="413">
        <v>0</v>
      </c>
      <c r="ET32" s="102">
        <v>3</v>
      </c>
      <c r="EU32" s="102">
        <v>1</v>
      </c>
      <c r="EV32" s="102">
        <v>0</v>
      </c>
      <c r="EW32" s="102">
        <v>0</v>
      </c>
      <c r="EX32" s="102">
        <v>0</v>
      </c>
      <c r="EY32" s="103">
        <v>4</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0</v>
      </c>
      <c r="FQ32" s="102">
        <v>1</v>
      </c>
      <c r="FR32" s="102">
        <v>0</v>
      </c>
      <c r="FS32" s="102">
        <v>2</v>
      </c>
      <c r="FT32" s="102">
        <v>0</v>
      </c>
      <c r="FU32" s="103">
        <v>3</v>
      </c>
      <c r="FV32" s="104">
        <v>4</v>
      </c>
      <c r="FW32" s="101">
        <v>0</v>
      </c>
      <c r="FX32" s="102">
        <v>0</v>
      </c>
      <c r="FY32" s="103">
        <v>0</v>
      </c>
      <c r="FZ32" s="413">
        <v>0</v>
      </c>
      <c r="GA32" s="102">
        <v>0</v>
      </c>
      <c r="GB32" s="102">
        <v>0</v>
      </c>
      <c r="GC32" s="102">
        <v>0</v>
      </c>
      <c r="GD32" s="102">
        <v>0</v>
      </c>
      <c r="GE32" s="102">
        <v>0</v>
      </c>
      <c r="GF32" s="103">
        <v>0</v>
      </c>
      <c r="GG32" s="104">
        <v>0</v>
      </c>
      <c r="GH32" s="101">
        <v>1</v>
      </c>
      <c r="GI32" s="102">
        <v>2</v>
      </c>
      <c r="GJ32" s="103">
        <v>3</v>
      </c>
      <c r="GK32" s="413">
        <v>0</v>
      </c>
      <c r="GL32" s="102">
        <v>4</v>
      </c>
      <c r="GM32" s="102">
        <v>4</v>
      </c>
      <c r="GN32" s="102">
        <v>0</v>
      </c>
      <c r="GO32" s="102">
        <v>2</v>
      </c>
      <c r="GP32" s="102">
        <v>0</v>
      </c>
      <c r="GQ32" s="103">
        <v>10</v>
      </c>
      <c r="GR32" s="104">
        <v>13</v>
      </c>
      <c r="GS32" s="105">
        <v>6</v>
      </c>
      <c r="GT32" s="97">
        <v>5</v>
      </c>
      <c r="GU32" s="98">
        <v>11</v>
      </c>
      <c r="GV32" s="413">
        <v>0</v>
      </c>
      <c r="GW32" s="97">
        <v>8</v>
      </c>
      <c r="GX32" s="97">
        <v>10</v>
      </c>
      <c r="GY32" s="97">
        <v>3</v>
      </c>
      <c r="GZ32" s="97">
        <v>4</v>
      </c>
      <c r="HA32" s="97">
        <v>3</v>
      </c>
      <c r="HB32" s="99">
        <v>28</v>
      </c>
      <c r="HC32" s="100">
        <v>39</v>
      </c>
      <c r="HD32" s="101">
        <v>0</v>
      </c>
      <c r="HE32" s="102">
        <v>0</v>
      </c>
      <c r="HF32" s="103">
        <v>0</v>
      </c>
      <c r="HG32" s="413">
        <v>0</v>
      </c>
      <c r="HH32" s="102">
        <v>0</v>
      </c>
      <c r="HI32" s="102">
        <v>1</v>
      </c>
      <c r="HJ32" s="102">
        <v>0</v>
      </c>
      <c r="HK32" s="102">
        <v>0</v>
      </c>
      <c r="HL32" s="102">
        <v>0</v>
      </c>
      <c r="HM32" s="103">
        <v>1</v>
      </c>
      <c r="HN32" s="104">
        <v>1</v>
      </c>
      <c r="HO32" s="101">
        <v>1</v>
      </c>
      <c r="HP32" s="102">
        <v>0</v>
      </c>
      <c r="HQ32" s="103">
        <v>1</v>
      </c>
      <c r="HR32" s="413">
        <v>0</v>
      </c>
      <c r="HS32" s="102">
        <v>0</v>
      </c>
      <c r="HT32" s="102">
        <v>0</v>
      </c>
      <c r="HU32" s="102">
        <v>2</v>
      </c>
      <c r="HV32" s="102">
        <v>0</v>
      </c>
      <c r="HW32" s="102">
        <v>0</v>
      </c>
      <c r="HX32" s="103">
        <v>2</v>
      </c>
      <c r="HY32" s="104">
        <v>3</v>
      </c>
      <c r="HZ32" s="101">
        <v>0</v>
      </c>
      <c r="IA32" s="102">
        <v>0</v>
      </c>
      <c r="IB32" s="103">
        <v>0</v>
      </c>
      <c r="IC32" s="413">
        <v>0</v>
      </c>
      <c r="ID32" s="102">
        <v>0</v>
      </c>
      <c r="IE32" s="102">
        <v>3</v>
      </c>
      <c r="IF32" s="102">
        <v>0</v>
      </c>
      <c r="IG32" s="102">
        <v>1</v>
      </c>
      <c r="IH32" s="102">
        <v>0</v>
      </c>
      <c r="II32" s="103">
        <v>4</v>
      </c>
      <c r="IJ32" s="104">
        <v>4</v>
      </c>
      <c r="IK32" s="101">
        <v>2</v>
      </c>
      <c r="IL32" s="102">
        <v>2</v>
      </c>
      <c r="IM32" s="103">
        <v>4</v>
      </c>
      <c r="IN32" s="413">
        <v>0</v>
      </c>
      <c r="IO32" s="102">
        <v>5</v>
      </c>
      <c r="IP32" s="102">
        <v>1</v>
      </c>
      <c r="IQ32" s="102">
        <v>0</v>
      </c>
      <c r="IR32" s="102">
        <v>1</v>
      </c>
      <c r="IS32" s="102">
        <v>0</v>
      </c>
      <c r="IT32" s="103">
        <v>7</v>
      </c>
      <c r="IU32" s="104">
        <v>11</v>
      </c>
      <c r="IV32" s="101">
        <v>3</v>
      </c>
      <c r="IW32" s="102">
        <v>1</v>
      </c>
      <c r="IX32" s="103">
        <v>4</v>
      </c>
      <c r="IY32" s="413">
        <v>0</v>
      </c>
      <c r="IZ32" s="102">
        <v>2</v>
      </c>
      <c r="JA32" s="102">
        <v>0</v>
      </c>
      <c r="JB32" s="102">
        <v>1</v>
      </c>
      <c r="JC32" s="102">
        <v>0</v>
      </c>
      <c r="JD32" s="102">
        <v>0</v>
      </c>
      <c r="JE32" s="103">
        <v>3</v>
      </c>
      <c r="JF32" s="104">
        <v>7</v>
      </c>
      <c r="JG32" s="101">
        <v>0</v>
      </c>
      <c r="JH32" s="102">
        <v>2</v>
      </c>
      <c r="JI32" s="103">
        <v>2</v>
      </c>
      <c r="JJ32" s="413">
        <v>0</v>
      </c>
      <c r="JK32" s="102">
        <v>1</v>
      </c>
      <c r="JL32" s="102">
        <v>5</v>
      </c>
      <c r="JM32" s="102">
        <v>0</v>
      </c>
      <c r="JN32" s="102">
        <v>2</v>
      </c>
      <c r="JO32" s="102">
        <v>3</v>
      </c>
      <c r="JP32" s="103">
        <v>11</v>
      </c>
      <c r="JQ32" s="104">
        <v>13</v>
      </c>
      <c r="JR32" s="101">
        <v>0</v>
      </c>
      <c r="JS32" s="102">
        <v>0</v>
      </c>
      <c r="JT32" s="103">
        <v>0</v>
      </c>
      <c r="JU32" s="413">
        <v>0</v>
      </c>
      <c r="JV32" s="102">
        <v>0</v>
      </c>
      <c r="JW32" s="102">
        <v>0</v>
      </c>
      <c r="JX32" s="102">
        <v>0</v>
      </c>
      <c r="JY32" s="102">
        <v>0</v>
      </c>
      <c r="JZ32" s="102">
        <v>0</v>
      </c>
      <c r="KA32" s="103">
        <v>0</v>
      </c>
      <c r="KB32" s="104">
        <v>0</v>
      </c>
      <c r="KC32" s="101">
        <v>6</v>
      </c>
      <c r="KD32" s="102">
        <v>5</v>
      </c>
      <c r="KE32" s="103">
        <v>11</v>
      </c>
      <c r="KF32" s="413">
        <v>0</v>
      </c>
      <c r="KG32" s="102">
        <v>8</v>
      </c>
      <c r="KH32" s="102">
        <v>10</v>
      </c>
      <c r="KI32" s="102">
        <v>3</v>
      </c>
      <c r="KJ32" s="102">
        <v>4</v>
      </c>
      <c r="KK32" s="102">
        <v>3</v>
      </c>
      <c r="KL32" s="103">
        <v>28</v>
      </c>
      <c r="KM32" s="104">
        <v>39</v>
      </c>
    </row>
    <row r="33" spans="2:299" s="70" customFormat="1" ht="21" customHeight="1" x14ac:dyDescent="0.2">
      <c r="B33" s="106" t="s">
        <v>30</v>
      </c>
      <c r="C33" s="96">
        <v>5</v>
      </c>
      <c r="D33" s="97">
        <v>1</v>
      </c>
      <c r="E33" s="98">
        <v>6</v>
      </c>
      <c r="F33" s="413">
        <v>0</v>
      </c>
      <c r="G33" s="97">
        <v>4</v>
      </c>
      <c r="H33" s="97">
        <v>2</v>
      </c>
      <c r="I33" s="97">
        <v>2</v>
      </c>
      <c r="J33" s="97">
        <v>4</v>
      </c>
      <c r="K33" s="97">
        <v>2</v>
      </c>
      <c r="L33" s="99">
        <v>14</v>
      </c>
      <c r="M33" s="100">
        <v>20</v>
      </c>
      <c r="N33" s="101">
        <v>0</v>
      </c>
      <c r="O33" s="102">
        <v>0</v>
      </c>
      <c r="P33" s="103">
        <v>0</v>
      </c>
      <c r="Q33" s="413">
        <v>0</v>
      </c>
      <c r="R33" s="102">
        <v>0</v>
      </c>
      <c r="S33" s="102">
        <v>0</v>
      </c>
      <c r="T33" s="102">
        <v>0</v>
      </c>
      <c r="U33" s="102">
        <v>1</v>
      </c>
      <c r="V33" s="102">
        <v>0</v>
      </c>
      <c r="W33" s="103">
        <v>1</v>
      </c>
      <c r="X33" s="104">
        <v>1</v>
      </c>
      <c r="Y33" s="101">
        <v>1</v>
      </c>
      <c r="Z33" s="102">
        <v>0</v>
      </c>
      <c r="AA33" s="103">
        <v>1</v>
      </c>
      <c r="AB33" s="413">
        <v>0</v>
      </c>
      <c r="AC33" s="102">
        <v>0</v>
      </c>
      <c r="AD33" s="102">
        <v>0</v>
      </c>
      <c r="AE33" s="102">
        <v>1</v>
      </c>
      <c r="AF33" s="102">
        <v>0</v>
      </c>
      <c r="AG33" s="102">
        <v>0</v>
      </c>
      <c r="AH33" s="103">
        <v>1</v>
      </c>
      <c r="AI33" s="104">
        <v>2</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3</v>
      </c>
      <c r="AZ33" s="102">
        <v>1</v>
      </c>
      <c r="BA33" s="102">
        <v>0</v>
      </c>
      <c r="BB33" s="102">
        <v>0</v>
      </c>
      <c r="BC33" s="102">
        <v>0</v>
      </c>
      <c r="BD33" s="103">
        <v>4</v>
      </c>
      <c r="BE33" s="104">
        <v>5</v>
      </c>
      <c r="BF33" s="101">
        <v>0</v>
      </c>
      <c r="BG33" s="102">
        <v>0</v>
      </c>
      <c r="BH33" s="103">
        <v>0</v>
      </c>
      <c r="BI33" s="413">
        <v>0</v>
      </c>
      <c r="BJ33" s="102">
        <v>0</v>
      </c>
      <c r="BK33" s="102">
        <v>1</v>
      </c>
      <c r="BL33" s="102">
        <v>1</v>
      </c>
      <c r="BM33" s="102">
        <v>1</v>
      </c>
      <c r="BN33" s="102">
        <v>1</v>
      </c>
      <c r="BO33" s="103">
        <v>4</v>
      </c>
      <c r="BP33" s="104">
        <v>4</v>
      </c>
      <c r="BQ33" s="101">
        <v>3</v>
      </c>
      <c r="BR33" s="102">
        <v>1</v>
      </c>
      <c r="BS33" s="103">
        <v>4</v>
      </c>
      <c r="BT33" s="413">
        <v>0</v>
      </c>
      <c r="BU33" s="102">
        <v>1</v>
      </c>
      <c r="BV33" s="102">
        <v>0</v>
      </c>
      <c r="BW33" s="102">
        <v>0</v>
      </c>
      <c r="BX33" s="102">
        <v>2</v>
      </c>
      <c r="BY33" s="102">
        <v>1</v>
      </c>
      <c r="BZ33" s="103">
        <v>4</v>
      </c>
      <c r="CA33" s="104">
        <v>8</v>
      </c>
      <c r="CB33" s="101">
        <v>0</v>
      </c>
      <c r="CC33" s="102">
        <v>0</v>
      </c>
      <c r="CD33" s="103">
        <v>0</v>
      </c>
      <c r="CE33" s="413">
        <v>0</v>
      </c>
      <c r="CF33" s="102">
        <v>0</v>
      </c>
      <c r="CG33" s="102">
        <v>0</v>
      </c>
      <c r="CH33" s="102">
        <v>0</v>
      </c>
      <c r="CI33" s="102">
        <v>0</v>
      </c>
      <c r="CJ33" s="102">
        <v>0</v>
      </c>
      <c r="CK33" s="103">
        <v>0</v>
      </c>
      <c r="CL33" s="104">
        <v>0</v>
      </c>
      <c r="CM33" s="101">
        <v>5</v>
      </c>
      <c r="CN33" s="102">
        <v>1</v>
      </c>
      <c r="CO33" s="103">
        <v>6</v>
      </c>
      <c r="CP33" s="413">
        <v>0</v>
      </c>
      <c r="CQ33" s="102">
        <v>4</v>
      </c>
      <c r="CR33" s="102">
        <v>2</v>
      </c>
      <c r="CS33" s="102">
        <v>2</v>
      </c>
      <c r="CT33" s="102">
        <v>4</v>
      </c>
      <c r="CU33" s="102">
        <v>2</v>
      </c>
      <c r="CV33" s="103">
        <v>14</v>
      </c>
      <c r="CW33" s="104">
        <v>20</v>
      </c>
      <c r="CX33" s="105">
        <v>1</v>
      </c>
      <c r="CY33" s="97">
        <v>1</v>
      </c>
      <c r="CZ33" s="98">
        <v>2</v>
      </c>
      <c r="DA33" s="413">
        <v>0</v>
      </c>
      <c r="DB33" s="97">
        <v>6</v>
      </c>
      <c r="DC33" s="97">
        <v>1</v>
      </c>
      <c r="DD33" s="97">
        <v>2</v>
      </c>
      <c r="DE33" s="97">
        <v>1</v>
      </c>
      <c r="DF33" s="97">
        <v>0</v>
      </c>
      <c r="DG33" s="99">
        <v>10</v>
      </c>
      <c r="DH33" s="100">
        <v>12</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0</v>
      </c>
      <c r="FC33" s="103">
        <v>0</v>
      </c>
      <c r="FD33" s="413">
        <v>0</v>
      </c>
      <c r="FE33" s="102">
        <v>3</v>
      </c>
      <c r="FF33" s="102">
        <v>0</v>
      </c>
      <c r="FG33" s="102">
        <v>0</v>
      </c>
      <c r="FH33" s="102">
        <v>0</v>
      </c>
      <c r="FI33" s="102">
        <v>0</v>
      </c>
      <c r="FJ33" s="103">
        <v>3</v>
      </c>
      <c r="FK33" s="104">
        <v>3</v>
      </c>
      <c r="FL33" s="101">
        <v>0</v>
      </c>
      <c r="FM33" s="102">
        <v>1</v>
      </c>
      <c r="FN33" s="103">
        <v>1</v>
      </c>
      <c r="FO33" s="413">
        <v>0</v>
      </c>
      <c r="FP33" s="102">
        <v>2</v>
      </c>
      <c r="FQ33" s="102">
        <v>1</v>
      </c>
      <c r="FR33" s="102">
        <v>2</v>
      </c>
      <c r="FS33" s="102">
        <v>1</v>
      </c>
      <c r="FT33" s="102">
        <v>0</v>
      </c>
      <c r="FU33" s="103">
        <v>6</v>
      </c>
      <c r="FV33" s="104">
        <v>7</v>
      </c>
      <c r="FW33" s="101">
        <v>0</v>
      </c>
      <c r="FX33" s="102">
        <v>0</v>
      </c>
      <c r="FY33" s="103">
        <v>0</v>
      </c>
      <c r="FZ33" s="413">
        <v>0</v>
      </c>
      <c r="GA33" s="102">
        <v>0</v>
      </c>
      <c r="GB33" s="102">
        <v>0</v>
      </c>
      <c r="GC33" s="102">
        <v>0</v>
      </c>
      <c r="GD33" s="102">
        <v>0</v>
      </c>
      <c r="GE33" s="102">
        <v>0</v>
      </c>
      <c r="GF33" s="103">
        <v>0</v>
      </c>
      <c r="GG33" s="104">
        <v>0</v>
      </c>
      <c r="GH33" s="101">
        <v>1</v>
      </c>
      <c r="GI33" s="102">
        <v>1</v>
      </c>
      <c r="GJ33" s="103">
        <v>2</v>
      </c>
      <c r="GK33" s="413">
        <v>0</v>
      </c>
      <c r="GL33" s="102">
        <v>6</v>
      </c>
      <c r="GM33" s="102">
        <v>1</v>
      </c>
      <c r="GN33" s="102">
        <v>2</v>
      </c>
      <c r="GO33" s="102">
        <v>1</v>
      </c>
      <c r="GP33" s="102">
        <v>0</v>
      </c>
      <c r="GQ33" s="103">
        <v>10</v>
      </c>
      <c r="GR33" s="104">
        <v>12</v>
      </c>
      <c r="GS33" s="105">
        <v>6</v>
      </c>
      <c r="GT33" s="97">
        <v>2</v>
      </c>
      <c r="GU33" s="98">
        <v>8</v>
      </c>
      <c r="GV33" s="413">
        <v>0</v>
      </c>
      <c r="GW33" s="97">
        <v>10</v>
      </c>
      <c r="GX33" s="97">
        <v>3</v>
      </c>
      <c r="GY33" s="97">
        <v>4</v>
      </c>
      <c r="GZ33" s="97">
        <v>5</v>
      </c>
      <c r="HA33" s="97">
        <v>2</v>
      </c>
      <c r="HB33" s="99">
        <v>24</v>
      </c>
      <c r="HC33" s="100">
        <v>32</v>
      </c>
      <c r="HD33" s="101">
        <v>0</v>
      </c>
      <c r="HE33" s="102">
        <v>0</v>
      </c>
      <c r="HF33" s="103">
        <v>0</v>
      </c>
      <c r="HG33" s="413">
        <v>0</v>
      </c>
      <c r="HH33" s="102">
        <v>0</v>
      </c>
      <c r="HI33" s="102">
        <v>0</v>
      </c>
      <c r="HJ33" s="102">
        <v>0</v>
      </c>
      <c r="HK33" s="102">
        <v>1</v>
      </c>
      <c r="HL33" s="102">
        <v>0</v>
      </c>
      <c r="HM33" s="103">
        <v>1</v>
      </c>
      <c r="HN33" s="104">
        <v>1</v>
      </c>
      <c r="HO33" s="101">
        <v>1</v>
      </c>
      <c r="HP33" s="102">
        <v>0</v>
      </c>
      <c r="HQ33" s="103">
        <v>1</v>
      </c>
      <c r="HR33" s="413">
        <v>0</v>
      </c>
      <c r="HS33" s="102">
        <v>1</v>
      </c>
      <c r="HT33" s="102">
        <v>0</v>
      </c>
      <c r="HU33" s="102">
        <v>1</v>
      </c>
      <c r="HV33" s="102">
        <v>0</v>
      </c>
      <c r="HW33" s="102">
        <v>0</v>
      </c>
      <c r="HX33" s="103">
        <v>2</v>
      </c>
      <c r="HY33" s="104">
        <v>3</v>
      </c>
      <c r="HZ33" s="101">
        <v>1</v>
      </c>
      <c r="IA33" s="102">
        <v>0</v>
      </c>
      <c r="IB33" s="103">
        <v>1</v>
      </c>
      <c r="IC33" s="413">
        <v>0</v>
      </c>
      <c r="ID33" s="102">
        <v>0</v>
      </c>
      <c r="IE33" s="102">
        <v>0</v>
      </c>
      <c r="IF33" s="102">
        <v>0</v>
      </c>
      <c r="IG33" s="102">
        <v>0</v>
      </c>
      <c r="IH33" s="102">
        <v>0</v>
      </c>
      <c r="II33" s="103">
        <v>0</v>
      </c>
      <c r="IJ33" s="104">
        <v>1</v>
      </c>
      <c r="IK33" s="101">
        <v>1</v>
      </c>
      <c r="IL33" s="102">
        <v>0</v>
      </c>
      <c r="IM33" s="103">
        <v>1</v>
      </c>
      <c r="IN33" s="413">
        <v>0</v>
      </c>
      <c r="IO33" s="102">
        <v>3</v>
      </c>
      <c r="IP33" s="102">
        <v>1</v>
      </c>
      <c r="IQ33" s="102">
        <v>0</v>
      </c>
      <c r="IR33" s="102">
        <v>0</v>
      </c>
      <c r="IS33" s="102">
        <v>0</v>
      </c>
      <c r="IT33" s="103">
        <v>4</v>
      </c>
      <c r="IU33" s="104">
        <v>5</v>
      </c>
      <c r="IV33" s="101">
        <v>0</v>
      </c>
      <c r="IW33" s="102">
        <v>0</v>
      </c>
      <c r="IX33" s="103">
        <v>0</v>
      </c>
      <c r="IY33" s="413">
        <v>0</v>
      </c>
      <c r="IZ33" s="102">
        <v>3</v>
      </c>
      <c r="JA33" s="102">
        <v>1</v>
      </c>
      <c r="JB33" s="102">
        <v>1</v>
      </c>
      <c r="JC33" s="102">
        <v>1</v>
      </c>
      <c r="JD33" s="102">
        <v>1</v>
      </c>
      <c r="JE33" s="103">
        <v>7</v>
      </c>
      <c r="JF33" s="104">
        <v>7</v>
      </c>
      <c r="JG33" s="101">
        <v>3</v>
      </c>
      <c r="JH33" s="102">
        <v>2</v>
      </c>
      <c r="JI33" s="103">
        <v>5</v>
      </c>
      <c r="JJ33" s="413">
        <v>0</v>
      </c>
      <c r="JK33" s="102">
        <v>3</v>
      </c>
      <c r="JL33" s="102">
        <v>1</v>
      </c>
      <c r="JM33" s="102">
        <v>2</v>
      </c>
      <c r="JN33" s="102">
        <v>3</v>
      </c>
      <c r="JO33" s="102">
        <v>1</v>
      </c>
      <c r="JP33" s="103">
        <v>10</v>
      </c>
      <c r="JQ33" s="104">
        <v>15</v>
      </c>
      <c r="JR33" s="101">
        <v>0</v>
      </c>
      <c r="JS33" s="102">
        <v>0</v>
      </c>
      <c r="JT33" s="103">
        <v>0</v>
      </c>
      <c r="JU33" s="413">
        <v>0</v>
      </c>
      <c r="JV33" s="102">
        <v>0</v>
      </c>
      <c r="JW33" s="102">
        <v>0</v>
      </c>
      <c r="JX33" s="102">
        <v>0</v>
      </c>
      <c r="JY33" s="102">
        <v>0</v>
      </c>
      <c r="JZ33" s="102">
        <v>0</v>
      </c>
      <c r="KA33" s="103">
        <v>0</v>
      </c>
      <c r="KB33" s="104">
        <v>0</v>
      </c>
      <c r="KC33" s="101">
        <v>6</v>
      </c>
      <c r="KD33" s="102">
        <v>2</v>
      </c>
      <c r="KE33" s="103">
        <v>8</v>
      </c>
      <c r="KF33" s="413">
        <v>0</v>
      </c>
      <c r="KG33" s="102">
        <v>10</v>
      </c>
      <c r="KH33" s="102">
        <v>3</v>
      </c>
      <c r="KI33" s="102">
        <v>4</v>
      </c>
      <c r="KJ33" s="102">
        <v>5</v>
      </c>
      <c r="KK33" s="102">
        <v>2</v>
      </c>
      <c r="KL33" s="103">
        <v>24</v>
      </c>
      <c r="KM33" s="104">
        <v>32</v>
      </c>
    </row>
    <row r="34" spans="2:299" s="70" customFormat="1" ht="21" customHeight="1" x14ac:dyDescent="0.2">
      <c r="B34" s="106" t="s">
        <v>31</v>
      </c>
      <c r="C34" s="96">
        <v>3</v>
      </c>
      <c r="D34" s="97">
        <v>5</v>
      </c>
      <c r="E34" s="98">
        <v>8</v>
      </c>
      <c r="F34" s="413">
        <v>0</v>
      </c>
      <c r="G34" s="97">
        <v>7</v>
      </c>
      <c r="H34" s="97">
        <v>2</v>
      </c>
      <c r="I34" s="97">
        <v>7</v>
      </c>
      <c r="J34" s="97">
        <v>3</v>
      </c>
      <c r="K34" s="97">
        <v>2</v>
      </c>
      <c r="L34" s="99">
        <v>21</v>
      </c>
      <c r="M34" s="100">
        <v>29</v>
      </c>
      <c r="N34" s="101">
        <v>0</v>
      </c>
      <c r="O34" s="102">
        <v>0</v>
      </c>
      <c r="P34" s="103">
        <v>0</v>
      </c>
      <c r="Q34" s="413">
        <v>0</v>
      </c>
      <c r="R34" s="102">
        <v>0</v>
      </c>
      <c r="S34" s="102">
        <v>1</v>
      </c>
      <c r="T34" s="102">
        <v>0</v>
      </c>
      <c r="U34" s="102">
        <v>0</v>
      </c>
      <c r="V34" s="102">
        <v>0</v>
      </c>
      <c r="W34" s="103">
        <v>1</v>
      </c>
      <c r="X34" s="104">
        <v>1</v>
      </c>
      <c r="Y34" s="101">
        <v>1</v>
      </c>
      <c r="Z34" s="102">
        <v>1</v>
      </c>
      <c r="AA34" s="103">
        <v>2</v>
      </c>
      <c r="AB34" s="413">
        <v>0</v>
      </c>
      <c r="AC34" s="102">
        <v>1</v>
      </c>
      <c r="AD34" s="102">
        <v>0</v>
      </c>
      <c r="AE34" s="102">
        <v>2</v>
      </c>
      <c r="AF34" s="102">
        <v>0</v>
      </c>
      <c r="AG34" s="102">
        <v>1</v>
      </c>
      <c r="AH34" s="103">
        <v>4</v>
      </c>
      <c r="AI34" s="104">
        <v>6</v>
      </c>
      <c r="AJ34" s="101">
        <v>0</v>
      </c>
      <c r="AK34" s="102">
        <v>1</v>
      </c>
      <c r="AL34" s="103">
        <v>1</v>
      </c>
      <c r="AM34" s="413">
        <v>0</v>
      </c>
      <c r="AN34" s="102">
        <v>2</v>
      </c>
      <c r="AO34" s="102">
        <v>0</v>
      </c>
      <c r="AP34" s="102">
        <v>1</v>
      </c>
      <c r="AQ34" s="102">
        <v>1</v>
      </c>
      <c r="AR34" s="102">
        <v>0</v>
      </c>
      <c r="AS34" s="103">
        <v>4</v>
      </c>
      <c r="AT34" s="104">
        <v>5</v>
      </c>
      <c r="AU34" s="101">
        <v>1</v>
      </c>
      <c r="AV34" s="102">
        <v>1</v>
      </c>
      <c r="AW34" s="103">
        <v>2</v>
      </c>
      <c r="AX34" s="413">
        <v>0</v>
      </c>
      <c r="AY34" s="102">
        <v>0</v>
      </c>
      <c r="AZ34" s="102">
        <v>0</v>
      </c>
      <c r="BA34" s="102">
        <v>0</v>
      </c>
      <c r="BB34" s="102">
        <v>0</v>
      </c>
      <c r="BC34" s="102">
        <v>0</v>
      </c>
      <c r="BD34" s="103">
        <v>0</v>
      </c>
      <c r="BE34" s="104">
        <v>2</v>
      </c>
      <c r="BF34" s="101">
        <v>0</v>
      </c>
      <c r="BG34" s="102">
        <v>1</v>
      </c>
      <c r="BH34" s="103">
        <v>1</v>
      </c>
      <c r="BI34" s="413">
        <v>0</v>
      </c>
      <c r="BJ34" s="102">
        <v>2</v>
      </c>
      <c r="BK34" s="102">
        <v>0</v>
      </c>
      <c r="BL34" s="102">
        <v>2</v>
      </c>
      <c r="BM34" s="102">
        <v>2</v>
      </c>
      <c r="BN34" s="102">
        <v>0</v>
      </c>
      <c r="BO34" s="103">
        <v>6</v>
      </c>
      <c r="BP34" s="104">
        <v>7</v>
      </c>
      <c r="BQ34" s="101">
        <v>1</v>
      </c>
      <c r="BR34" s="102">
        <v>1</v>
      </c>
      <c r="BS34" s="103">
        <v>2</v>
      </c>
      <c r="BT34" s="413">
        <v>0</v>
      </c>
      <c r="BU34" s="102">
        <v>2</v>
      </c>
      <c r="BV34" s="102">
        <v>1</v>
      </c>
      <c r="BW34" s="102">
        <v>2</v>
      </c>
      <c r="BX34" s="102">
        <v>0</v>
      </c>
      <c r="BY34" s="102">
        <v>1</v>
      </c>
      <c r="BZ34" s="103">
        <v>6</v>
      </c>
      <c r="CA34" s="104">
        <v>8</v>
      </c>
      <c r="CB34" s="101">
        <v>0</v>
      </c>
      <c r="CC34" s="102">
        <v>0</v>
      </c>
      <c r="CD34" s="103">
        <v>0</v>
      </c>
      <c r="CE34" s="413">
        <v>0</v>
      </c>
      <c r="CF34" s="102">
        <v>0</v>
      </c>
      <c r="CG34" s="102">
        <v>0</v>
      </c>
      <c r="CH34" s="102">
        <v>0</v>
      </c>
      <c r="CI34" s="102">
        <v>0</v>
      </c>
      <c r="CJ34" s="102">
        <v>0</v>
      </c>
      <c r="CK34" s="103">
        <v>0</v>
      </c>
      <c r="CL34" s="104">
        <v>0</v>
      </c>
      <c r="CM34" s="101">
        <v>3</v>
      </c>
      <c r="CN34" s="102">
        <v>5</v>
      </c>
      <c r="CO34" s="103">
        <v>8</v>
      </c>
      <c r="CP34" s="413">
        <v>0</v>
      </c>
      <c r="CQ34" s="102">
        <v>7</v>
      </c>
      <c r="CR34" s="102">
        <v>2</v>
      </c>
      <c r="CS34" s="102">
        <v>7</v>
      </c>
      <c r="CT34" s="102">
        <v>3</v>
      </c>
      <c r="CU34" s="102">
        <v>2</v>
      </c>
      <c r="CV34" s="103">
        <v>21</v>
      </c>
      <c r="CW34" s="104">
        <v>29</v>
      </c>
      <c r="CX34" s="105">
        <v>1</v>
      </c>
      <c r="CY34" s="97">
        <v>0</v>
      </c>
      <c r="CZ34" s="98">
        <v>1</v>
      </c>
      <c r="DA34" s="413">
        <v>0</v>
      </c>
      <c r="DB34" s="97">
        <v>1</v>
      </c>
      <c r="DC34" s="97">
        <v>1</v>
      </c>
      <c r="DD34" s="97">
        <v>3</v>
      </c>
      <c r="DE34" s="97">
        <v>1</v>
      </c>
      <c r="DF34" s="97">
        <v>0</v>
      </c>
      <c r="DG34" s="99">
        <v>6</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1</v>
      </c>
      <c r="DZ34" s="102">
        <v>0</v>
      </c>
      <c r="EA34" s="102">
        <v>0</v>
      </c>
      <c r="EB34" s="102">
        <v>0</v>
      </c>
      <c r="EC34" s="103">
        <v>1</v>
      </c>
      <c r="ED34" s="104">
        <v>1</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2</v>
      </c>
      <c r="EW34" s="102">
        <v>0</v>
      </c>
      <c r="EX34" s="102">
        <v>0</v>
      </c>
      <c r="EY34" s="103">
        <v>3</v>
      </c>
      <c r="EZ34" s="104">
        <v>3</v>
      </c>
      <c r="FA34" s="101">
        <v>1</v>
      </c>
      <c r="FB34" s="102">
        <v>0</v>
      </c>
      <c r="FC34" s="103">
        <v>1</v>
      </c>
      <c r="FD34" s="413">
        <v>0</v>
      </c>
      <c r="FE34" s="102">
        <v>0</v>
      </c>
      <c r="FF34" s="102">
        <v>0</v>
      </c>
      <c r="FG34" s="102">
        <v>0</v>
      </c>
      <c r="FH34" s="102">
        <v>0</v>
      </c>
      <c r="FI34" s="102">
        <v>0</v>
      </c>
      <c r="FJ34" s="103">
        <v>0</v>
      </c>
      <c r="FK34" s="104">
        <v>1</v>
      </c>
      <c r="FL34" s="101">
        <v>0</v>
      </c>
      <c r="FM34" s="102">
        <v>0</v>
      </c>
      <c r="FN34" s="103">
        <v>0</v>
      </c>
      <c r="FO34" s="413">
        <v>0</v>
      </c>
      <c r="FP34" s="102">
        <v>0</v>
      </c>
      <c r="FQ34" s="102">
        <v>0</v>
      </c>
      <c r="FR34" s="102">
        <v>1</v>
      </c>
      <c r="FS34" s="102">
        <v>0</v>
      </c>
      <c r="FT34" s="102">
        <v>0</v>
      </c>
      <c r="FU34" s="103">
        <v>1</v>
      </c>
      <c r="FV34" s="104">
        <v>1</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1</v>
      </c>
      <c r="GM34" s="102">
        <v>1</v>
      </c>
      <c r="GN34" s="102">
        <v>3</v>
      </c>
      <c r="GO34" s="102">
        <v>1</v>
      </c>
      <c r="GP34" s="102">
        <v>0</v>
      </c>
      <c r="GQ34" s="103">
        <v>6</v>
      </c>
      <c r="GR34" s="104">
        <v>7</v>
      </c>
      <c r="GS34" s="105">
        <v>4</v>
      </c>
      <c r="GT34" s="97">
        <v>5</v>
      </c>
      <c r="GU34" s="98">
        <v>9</v>
      </c>
      <c r="GV34" s="413">
        <v>0</v>
      </c>
      <c r="GW34" s="97">
        <v>8</v>
      </c>
      <c r="GX34" s="97">
        <v>3</v>
      </c>
      <c r="GY34" s="97">
        <v>10</v>
      </c>
      <c r="GZ34" s="97">
        <v>4</v>
      </c>
      <c r="HA34" s="97">
        <v>2</v>
      </c>
      <c r="HB34" s="99">
        <v>27</v>
      </c>
      <c r="HC34" s="100">
        <v>36</v>
      </c>
      <c r="HD34" s="101">
        <v>0</v>
      </c>
      <c r="HE34" s="102">
        <v>0</v>
      </c>
      <c r="HF34" s="103">
        <v>0</v>
      </c>
      <c r="HG34" s="413">
        <v>0</v>
      </c>
      <c r="HH34" s="102">
        <v>0</v>
      </c>
      <c r="HI34" s="102">
        <v>1</v>
      </c>
      <c r="HJ34" s="102">
        <v>0</v>
      </c>
      <c r="HK34" s="102">
        <v>0</v>
      </c>
      <c r="HL34" s="102">
        <v>0</v>
      </c>
      <c r="HM34" s="103">
        <v>1</v>
      </c>
      <c r="HN34" s="104">
        <v>1</v>
      </c>
      <c r="HO34" s="101">
        <v>1</v>
      </c>
      <c r="HP34" s="102">
        <v>1</v>
      </c>
      <c r="HQ34" s="103">
        <v>2</v>
      </c>
      <c r="HR34" s="413">
        <v>0</v>
      </c>
      <c r="HS34" s="102">
        <v>1</v>
      </c>
      <c r="HT34" s="102">
        <v>1</v>
      </c>
      <c r="HU34" s="102">
        <v>2</v>
      </c>
      <c r="HV34" s="102">
        <v>0</v>
      </c>
      <c r="HW34" s="102">
        <v>1</v>
      </c>
      <c r="HX34" s="103">
        <v>5</v>
      </c>
      <c r="HY34" s="104">
        <v>7</v>
      </c>
      <c r="HZ34" s="101">
        <v>0</v>
      </c>
      <c r="IA34" s="102">
        <v>1</v>
      </c>
      <c r="IB34" s="103">
        <v>1</v>
      </c>
      <c r="IC34" s="413">
        <v>0</v>
      </c>
      <c r="ID34" s="102">
        <v>2</v>
      </c>
      <c r="IE34" s="102">
        <v>0</v>
      </c>
      <c r="IF34" s="102">
        <v>1</v>
      </c>
      <c r="IG34" s="102">
        <v>2</v>
      </c>
      <c r="IH34" s="102">
        <v>0</v>
      </c>
      <c r="II34" s="103">
        <v>5</v>
      </c>
      <c r="IJ34" s="104">
        <v>6</v>
      </c>
      <c r="IK34" s="101">
        <v>1</v>
      </c>
      <c r="IL34" s="102">
        <v>1</v>
      </c>
      <c r="IM34" s="103">
        <v>2</v>
      </c>
      <c r="IN34" s="413">
        <v>0</v>
      </c>
      <c r="IO34" s="102">
        <v>1</v>
      </c>
      <c r="IP34" s="102">
        <v>0</v>
      </c>
      <c r="IQ34" s="102">
        <v>2</v>
      </c>
      <c r="IR34" s="102">
        <v>0</v>
      </c>
      <c r="IS34" s="102">
        <v>0</v>
      </c>
      <c r="IT34" s="103">
        <v>3</v>
      </c>
      <c r="IU34" s="104">
        <v>5</v>
      </c>
      <c r="IV34" s="101">
        <v>1</v>
      </c>
      <c r="IW34" s="102">
        <v>1</v>
      </c>
      <c r="IX34" s="103">
        <v>2</v>
      </c>
      <c r="IY34" s="413">
        <v>0</v>
      </c>
      <c r="IZ34" s="102">
        <v>2</v>
      </c>
      <c r="JA34" s="102">
        <v>0</v>
      </c>
      <c r="JB34" s="102">
        <v>2</v>
      </c>
      <c r="JC34" s="102">
        <v>2</v>
      </c>
      <c r="JD34" s="102">
        <v>0</v>
      </c>
      <c r="JE34" s="103">
        <v>6</v>
      </c>
      <c r="JF34" s="104">
        <v>8</v>
      </c>
      <c r="JG34" s="101">
        <v>1</v>
      </c>
      <c r="JH34" s="102">
        <v>1</v>
      </c>
      <c r="JI34" s="103">
        <v>2</v>
      </c>
      <c r="JJ34" s="413">
        <v>0</v>
      </c>
      <c r="JK34" s="102">
        <v>2</v>
      </c>
      <c r="JL34" s="102">
        <v>1</v>
      </c>
      <c r="JM34" s="102">
        <v>3</v>
      </c>
      <c r="JN34" s="102">
        <v>0</v>
      </c>
      <c r="JO34" s="102">
        <v>1</v>
      </c>
      <c r="JP34" s="103">
        <v>7</v>
      </c>
      <c r="JQ34" s="104">
        <v>9</v>
      </c>
      <c r="JR34" s="101">
        <v>0</v>
      </c>
      <c r="JS34" s="102">
        <v>0</v>
      </c>
      <c r="JT34" s="103">
        <v>0</v>
      </c>
      <c r="JU34" s="413">
        <v>0</v>
      </c>
      <c r="JV34" s="102">
        <v>0</v>
      </c>
      <c r="JW34" s="102">
        <v>0</v>
      </c>
      <c r="JX34" s="102">
        <v>0</v>
      </c>
      <c r="JY34" s="102">
        <v>0</v>
      </c>
      <c r="JZ34" s="102">
        <v>0</v>
      </c>
      <c r="KA34" s="103">
        <v>0</v>
      </c>
      <c r="KB34" s="104">
        <v>0</v>
      </c>
      <c r="KC34" s="101">
        <v>4</v>
      </c>
      <c r="KD34" s="102">
        <v>5</v>
      </c>
      <c r="KE34" s="103">
        <v>9</v>
      </c>
      <c r="KF34" s="413">
        <v>0</v>
      </c>
      <c r="KG34" s="102">
        <v>8</v>
      </c>
      <c r="KH34" s="102">
        <v>3</v>
      </c>
      <c r="KI34" s="102">
        <v>10</v>
      </c>
      <c r="KJ34" s="102">
        <v>4</v>
      </c>
      <c r="KK34" s="102">
        <v>2</v>
      </c>
      <c r="KL34" s="103">
        <v>27</v>
      </c>
      <c r="KM34" s="104">
        <v>36</v>
      </c>
    </row>
    <row r="35" spans="2:299" s="70" customFormat="1" ht="21" customHeight="1" x14ac:dyDescent="0.2">
      <c r="B35" s="106" t="s">
        <v>32</v>
      </c>
      <c r="C35" s="96">
        <v>3</v>
      </c>
      <c r="D35" s="97">
        <v>5</v>
      </c>
      <c r="E35" s="98">
        <v>8</v>
      </c>
      <c r="F35" s="413">
        <v>0</v>
      </c>
      <c r="G35" s="97">
        <v>13</v>
      </c>
      <c r="H35" s="97">
        <v>6</v>
      </c>
      <c r="I35" s="97">
        <v>1</v>
      </c>
      <c r="J35" s="97">
        <v>4</v>
      </c>
      <c r="K35" s="97">
        <v>4</v>
      </c>
      <c r="L35" s="99">
        <v>28</v>
      </c>
      <c r="M35" s="100">
        <v>36</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0</v>
      </c>
      <c r="AD35" s="102">
        <v>1</v>
      </c>
      <c r="AE35" s="102">
        <v>0</v>
      </c>
      <c r="AF35" s="102">
        <v>1</v>
      </c>
      <c r="AG35" s="102">
        <v>0</v>
      </c>
      <c r="AH35" s="103">
        <v>2</v>
      </c>
      <c r="AI35" s="104">
        <v>2</v>
      </c>
      <c r="AJ35" s="101">
        <v>1</v>
      </c>
      <c r="AK35" s="102">
        <v>0</v>
      </c>
      <c r="AL35" s="103">
        <v>1</v>
      </c>
      <c r="AM35" s="413">
        <v>0</v>
      </c>
      <c r="AN35" s="102">
        <v>3</v>
      </c>
      <c r="AO35" s="102">
        <v>0</v>
      </c>
      <c r="AP35" s="102">
        <v>0</v>
      </c>
      <c r="AQ35" s="102">
        <v>1</v>
      </c>
      <c r="AR35" s="102">
        <v>2</v>
      </c>
      <c r="AS35" s="103">
        <v>6</v>
      </c>
      <c r="AT35" s="104">
        <v>7</v>
      </c>
      <c r="AU35" s="101">
        <v>1</v>
      </c>
      <c r="AV35" s="102">
        <v>2</v>
      </c>
      <c r="AW35" s="103">
        <v>3</v>
      </c>
      <c r="AX35" s="413">
        <v>0</v>
      </c>
      <c r="AY35" s="102">
        <v>5</v>
      </c>
      <c r="AZ35" s="102">
        <v>1</v>
      </c>
      <c r="BA35" s="102">
        <v>0</v>
      </c>
      <c r="BB35" s="102">
        <v>0</v>
      </c>
      <c r="BC35" s="102">
        <v>1</v>
      </c>
      <c r="BD35" s="103">
        <v>7</v>
      </c>
      <c r="BE35" s="104">
        <v>10</v>
      </c>
      <c r="BF35" s="101">
        <v>0</v>
      </c>
      <c r="BG35" s="102">
        <v>2</v>
      </c>
      <c r="BH35" s="103">
        <v>2</v>
      </c>
      <c r="BI35" s="413">
        <v>0</v>
      </c>
      <c r="BJ35" s="102">
        <v>2</v>
      </c>
      <c r="BK35" s="102">
        <v>2</v>
      </c>
      <c r="BL35" s="102">
        <v>1</v>
      </c>
      <c r="BM35" s="102">
        <v>0</v>
      </c>
      <c r="BN35" s="102">
        <v>0</v>
      </c>
      <c r="BO35" s="103">
        <v>5</v>
      </c>
      <c r="BP35" s="104">
        <v>7</v>
      </c>
      <c r="BQ35" s="101">
        <v>1</v>
      </c>
      <c r="BR35" s="102">
        <v>1</v>
      </c>
      <c r="BS35" s="103">
        <v>2</v>
      </c>
      <c r="BT35" s="413">
        <v>0</v>
      </c>
      <c r="BU35" s="102">
        <v>3</v>
      </c>
      <c r="BV35" s="102">
        <v>2</v>
      </c>
      <c r="BW35" s="102">
        <v>0</v>
      </c>
      <c r="BX35" s="102">
        <v>2</v>
      </c>
      <c r="BY35" s="102">
        <v>1</v>
      </c>
      <c r="BZ35" s="103">
        <v>8</v>
      </c>
      <c r="CA35" s="104">
        <v>10</v>
      </c>
      <c r="CB35" s="101">
        <v>0</v>
      </c>
      <c r="CC35" s="102">
        <v>0</v>
      </c>
      <c r="CD35" s="103">
        <v>0</v>
      </c>
      <c r="CE35" s="413">
        <v>0</v>
      </c>
      <c r="CF35" s="102">
        <v>0</v>
      </c>
      <c r="CG35" s="102">
        <v>0</v>
      </c>
      <c r="CH35" s="102">
        <v>0</v>
      </c>
      <c r="CI35" s="102">
        <v>0</v>
      </c>
      <c r="CJ35" s="102">
        <v>0</v>
      </c>
      <c r="CK35" s="103">
        <v>0</v>
      </c>
      <c r="CL35" s="104">
        <v>0</v>
      </c>
      <c r="CM35" s="101">
        <v>3</v>
      </c>
      <c r="CN35" s="102">
        <v>5</v>
      </c>
      <c r="CO35" s="103">
        <v>8</v>
      </c>
      <c r="CP35" s="413">
        <v>0</v>
      </c>
      <c r="CQ35" s="102">
        <v>13</v>
      </c>
      <c r="CR35" s="102">
        <v>6</v>
      </c>
      <c r="CS35" s="102">
        <v>1</v>
      </c>
      <c r="CT35" s="102">
        <v>4</v>
      </c>
      <c r="CU35" s="102">
        <v>4</v>
      </c>
      <c r="CV35" s="103">
        <v>28</v>
      </c>
      <c r="CW35" s="104">
        <v>36</v>
      </c>
      <c r="CX35" s="105">
        <v>2</v>
      </c>
      <c r="CY35" s="97">
        <v>1</v>
      </c>
      <c r="CZ35" s="98">
        <v>3</v>
      </c>
      <c r="DA35" s="413">
        <v>0</v>
      </c>
      <c r="DB35" s="97">
        <v>5</v>
      </c>
      <c r="DC35" s="97">
        <v>3</v>
      </c>
      <c r="DD35" s="97">
        <v>2</v>
      </c>
      <c r="DE35" s="97">
        <v>2</v>
      </c>
      <c r="DF35" s="97">
        <v>1</v>
      </c>
      <c r="DG35" s="99">
        <v>13</v>
      </c>
      <c r="DH35" s="100">
        <v>16</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1</v>
      </c>
      <c r="EJ35" s="102">
        <v>0</v>
      </c>
      <c r="EK35" s="102">
        <v>1</v>
      </c>
      <c r="EL35" s="102">
        <v>0</v>
      </c>
      <c r="EM35" s="102">
        <v>0</v>
      </c>
      <c r="EN35" s="103">
        <v>2</v>
      </c>
      <c r="EO35" s="104">
        <v>2</v>
      </c>
      <c r="EP35" s="101">
        <v>1</v>
      </c>
      <c r="EQ35" s="102">
        <v>0</v>
      </c>
      <c r="ER35" s="103">
        <v>1</v>
      </c>
      <c r="ES35" s="413">
        <v>0</v>
      </c>
      <c r="ET35" s="102">
        <v>1</v>
      </c>
      <c r="EU35" s="102">
        <v>0</v>
      </c>
      <c r="EV35" s="102">
        <v>0</v>
      </c>
      <c r="EW35" s="102">
        <v>1</v>
      </c>
      <c r="EX35" s="102">
        <v>0</v>
      </c>
      <c r="EY35" s="103">
        <v>2</v>
      </c>
      <c r="EZ35" s="104">
        <v>3</v>
      </c>
      <c r="FA35" s="101">
        <v>0</v>
      </c>
      <c r="FB35" s="102">
        <v>0</v>
      </c>
      <c r="FC35" s="103">
        <v>0</v>
      </c>
      <c r="FD35" s="413">
        <v>0</v>
      </c>
      <c r="FE35" s="102">
        <v>1</v>
      </c>
      <c r="FF35" s="102">
        <v>1</v>
      </c>
      <c r="FG35" s="102">
        <v>1</v>
      </c>
      <c r="FH35" s="102">
        <v>0</v>
      </c>
      <c r="FI35" s="102">
        <v>1</v>
      </c>
      <c r="FJ35" s="103">
        <v>4</v>
      </c>
      <c r="FK35" s="104">
        <v>4</v>
      </c>
      <c r="FL35" s="101">
        <v>0</v>
      </c>
      <c r="FM35" s="102">
        <v>1</v>
      </c>
      <c r="FN35" s="103">
        <v>1</v>
      </c>
      <c r="FO35" s="413">
        <v>0</v>
      </c>
      <c r="FP35" s="102">
        <v>2</v>
      </c>
      <c r="FQ35" s="102">
        <v>2</v>
      </c>
      <c r="FR35" s="102">
        <v>0</v>
      </c>
      <c r="FS35" s="102">
        <v>1</v>
      </c>
      <c r="FT35" s="102">
        <v>0</v>
      </c>
      <c r="FU35" s="103">
        <v>5</v>
      </c>
      <c r="FV35" s="104">
        <v>6</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5</v>
      </c>
      <c r="GM35" s="102">
        <v>3</v>
      </c>
      <c r="GN35" s="102">
        <v>2</v>
      </c>
      <c r="GO35" s="102">
        <v>2</v>
      </c>
      <c r="GP35" s="102">
        <v>1</v>
      </c>
      <c r="GQ35" s="103">
        <v>13</v>
      </c>
      <c r="GR35" s="104">
        <v>16</v>
      </c>
      <c r="GS35" s="105">
        <v>5</v>
      </c>
      <c r="GT35" s="97">
        <v>6</v>
      </c>
      <c r="GU35" s="98">
        <v>11</v>
      </c>
      <c r="GV35" s="413">
        <v>0</v>
      </c>
      <c r="GW35" s="97">
        <v>18</v>
      </c>
      <c r="GX35" s="97">
        <v>9</v>
      </c>
      <c r="GY35" s="97">
        <v>3</v>
      </c>
      <c r="GZ35" s="97">
        <v>6</v>
      </c>
      <c r="HA35" s="97">
        <v>5</v>
      </c>
      <c r="HB35" s="99">
        <v>41</v>
      </c>
      <c r="HC35" s="100">
        <v>52</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1</v>
      </c>
      <c r="HU35" s="102">
        <v>0</v>
      </c>
      <c r="HV35" s="102">
        <v>1</v>
      </c>
      <c r="HW35" s="102">
        <v>0</v>
      </c>
      <c r="HX35" s="103">
        <v>2</v>
      </c>
      <c r="HY35" s="104">
        <v>3</v>
      </c>
      <c r="HZ35" s="101">
        <v>1</v>
      </c>
      <c r="IA35" s="102">
        <v>0</v>
      </c>
      <c r="IB35" s="103">
        <v>1</v>
      </c>
      <c r="IC35" s="413">
        <v>0</v>
      </c>
      <c r="ID35" s="102">
        <v>4</v>
      </c>
      <c r="IE35" s="102">
        <v>0</v>
      </c>
      <c r="IF35" s="102">
        <v>1</v>
      </c>
      <c r="IG35" s="102">
        <v>1</v>
      </c>
      <c r="IH35" s="102">
        <v>2</v>
      </c>
      <c r="II35" s="103">
        <v>8</v>
      </c>
      <c r="IJ35" s="104">
        <v>9</v>
      </c>
      <c r="IK35" s="101">
        <v>2</v>
      </c>
      <c r="IL35" s="102">
        <v>2</v>
      </c>
      <c r="IM35" s="103">
        <v>4</v>
      </c>
      <c r="IN35" s="413">
        <v>0</v>
      </c>
      <c r="IO35" s="102">
        <v>6</v>
      </c>
      <c r="IP35" s="102">
        <v>1</v>
      </c>
      <c r="IQ35" s="102">
        <v>0</v>
      </c>
      <c r="IR35" s="102">
        <v>1</v>
      </c>
      <c r="IS35" s="102">
        <v>1</v>
      </c>
      <c r="IT35" s="103">
        <v>9</v>
      </c>
      <c r="IU35" s="104">
        <v>13</v>
      </c>
      <c r="IV35" s="101">
        <v>0</v>
      </c>
      <c r="IW35" s="102">
        <v>2</v>
      </c>
      <c r="IX35" s="103">
        <v>2</v>
      </c>
      <c r="IY35" s="413">
        <v>0</v>
      </c>
      <c r="IZ35" s="102">
        <v>3</v>
      </c>
      <c r="JA35" s="102">
        <v>3</v>
      </c>
      <c r="JB35" s="102">
        <v>2</v>
      </c>
      <c r="JC35" s="102">
        <v>0</v>
      </c>
      <c r="JD35" s="102">
        <v>1</v>
      </c>
      <c r="JE35" s="103">
        <v>9</v>
      </c>
      <c r="JF35" s="104">
        <v>11</v>
      </c>
      <c r="JG35" s="101">
        <v>1</v>
      </c>
      <c r="JH35" s="102">
        <v>2</v>
      </c>
      <c r="JI35" s="103">
        <v>3</v>
      </c>
      <c r="JJ35" s="413">
        <v>0</v>
      </c>
      <c r="JK35" s="102">
        <v>5</v>
      </c>
      <c r="JL35" s="102">
        <v>4</v>
      </c>
      <c r="JM35" s="102">
        <v>0</v>
      </c>
      <c r="JN35" s="102">
        <v>3</v>
      </c>
      <c r="JO35" s="102">
        <v>1</v>
      </c>
      <c r="JP35" s="103">
        <v>13</v>
      </c>
      <c r="JQ35" s="104">
        <v>16</v>
      </c>
      <c r="JR35" s="101">
        <v>0</v>
      </c>
      <c r="JS35" s="102">
        <v>0</v>
      </c>
      <c r="JT35" s="103">
        <v>0</v>
      </c>
      <c r="JU35" s="413">
        <v>0</v>
      </c>
      <c r="JV35" s="102">
        <v>0</v>
      </c>
      <c r="JW35" s="102">
        <v>0</v>
      </c>
      <c r="JX35" s="102">
        <v>0</v>
      </c>
      <c r="JY35" s="102">
        <v>0</v>
      </c>
      <c r="JZ35" s="102">
        <v>0</v>
      </c>
      <c r="KA35" s="103">
        <v>0</v>
      </c>
      <c r="KB35" s="104">
        <v>0</v>
      </c>
      <c r="KC35" s="101">
        <v>5</v>
      </c>
      <c r="KD35" s="102">
        <v>6</v>
      </c>
      <c r="KE35" s="103">
        <v>11</v>
      </c>
      <c r="KF35" s="413">
        <v>0</v>
      </c>
      <c r="KG35" s="102">
        <v>18</v>
      </c>
      <c r="KH35" s="102">
        <v>9</v>
      </c>
      <c r="KI35" s="102">
        <v>3</v>
      </c>
      <c r="KJ35" s="102">
        <v>6</v>
      </c>
      <c r="KK35" s="102">
        <v>5</v>
      </c>
      <c r="KL35" s="103">
        <v>41</v>
      </c>
      <c r="KM35" s="104">
        <v>52</v>
      </c>
    </row>
    <row r="36" spans="2:299" s="70" customFormat="1" ht="21" customHeight="1" x14ac:dyDescent="0.2">
      <c r="B36" s="106" t="s">
        <v>33</v>
      </c>
      <c r="C36" s="96">
        <v>2</v>
      </c>
      <c r="D36" s="97">
        <v>3</v>
      </c>
      <c r="E36" s="98">
        <v>5</v>
      </c>
      <c r="F36" s="413">
        <v>0</v>
      </c>
      <c r="G36" s="97">
        <v>10</v>
      </c>
      <c r="H36" s="97">
        <v>3</v>
      </c>
      <c r="I36" s="97">
        <v>3</v>
      </c>
      <c r="J36" s="97">
        <v>2</v>
      </c>
      <c r="K36" s="97">
        <v>3</v>
      </c>
      <c r="L36" s="99">
        <v>21</v>
      </c>
      <c r="M36" s="100">
        <v>26</v>
      </c>
      <c r="N36" s="101">
        <v>0</v>
      </c>
      <c r="O36" s="102">
        <v>0</v>
      </c>
      <c r="P36" s="103">
        <v>0</v>
      </c>
      <c r="Q36" s="413">
        <v>0</v>
      </c>
      <c r="R36" s="102">
        <v>3</v>
      </c>
      <c r="S36" s="102">
        <v>0</v>
      </c>
      <c r="T36" s="102">
        <v>0</v>
      </c>
      <c r="U36" s="102">
        <v>1</v>
      </c>
      <c r="V36" s="102">
        <v>0</v>
      </c>
      <c r="W36" s="103">
        <v>4</v>
      </c>
      <c r="X36" s="104">
        <v>4</v>
      </c>
      <c r="Y36" s="101">
        <v>0</v>
      </c>
      <c r="Z36" s="102">
        <v>0</v>
      </c>
      <c r="AA36" s="103">
        <v>0</v>
      </c>
      <c r="AB36" s="413">
        <v>0</v>
      </c>
      <c r="AC36" s="102">
        <v>0</v>
      </c>
      <c r="AD36" s="102">
        <v>0</v>
      </c>
      <c r="AE36" s="102">
        <v>0</v>
      </c>
      <c r="AF36" s="102">
        <v>0</v>
      </c>
      <c r="AG36" s="102">
        <v>1</v>
      </c>
      <c r="AH36" s="103">
        <v>1</v>
      </c>
      <c r="AI36" s="104">
        <v>1</v>
      </c>
      <c r="AJ36" s="101">
        <v>0</v>
      </c>
      <c r="AK36" s="102">
        <v>1</v>
      </c>
      <c r="AL36" s="103">
        <v>1</v>
      </c>
      <c r="AM36" s="413">
        <v>0</v>
      </c>
      <c r="AN36" s="102">
        <v>2</v>
      </c>
      <c r="AO36" s="102">
        <v>1</v>
      </c>
      <c r="AP36" s="102">
        <v>1</v>
      </c>
      <c r="AQ36" s="102">
        <v>0</v>
      </c>
      <c r="AR36" s="102">
        <v>1</v>
      </c>
      <c r="AS36" s="103">
        <v>5</v>
      </c>
      <c r="AT36" s="104">
        <v>6</v>
      </c>
      <c r="AU36" s="101">
        <v>2</v>
      </c>
      <c r="AV36" s="102">
        <v>1</v>
      </c>
      <c r="AW36" s="103">
        <v>3</v>
      </c>
      <c r="AX36" s="413">
        <v>0</v>
      </c>
      <c r="AY36" s="102">
        <v>0</v>
      </c>
      <c r="AZ36" s="102">
        <v>1</v>
      </c>
      <c r="BA36" s="102">
        <v>1</v>
      </c>
      <c r="BB36" s="102">
        <v>0</v>
      </c>
      <c r="BC36" s="102">
        <v>0</v>
      </c>
      <c r="BD36" s="103">
        <v>2</v>
      </c>
      <c r="BE36" s="104">
        <v>5</v>
      </c>
      <c r="BF36" s="101">
        <v>0</v>
      </c>
      <c r="BG36" s="102">
        <v>1</v>
      </c>
      <c r="BH36" s="103">
        <v>1</v>
      </c>
      <c r="BI36" s="413">
        <v>0</v>
      </c>
      <c r="BJ36" s="102">
        <v>2</v>
      </c>
      <c r="BK36" s="102">
        <v>1</v>
      </c>
      <c r="BL36" s="102">
        <v>0</v>
      </c>
      <c r="BM36" s="102">
        <v>0</v>
      </c>
      <c r="BN36" s="102">
        <v>1</v>
      </c>
      <c r="BO36" s="103">
        <v>4</v>
      </c>
      <c r="BP36" s="104">
        <v>5</v>
      </c>
      <c r="BQ36" s="101">
        <v>0</v>
      </c>
      <c r="BR36" s="102">
        <v>0</v>
      </c>
      <c r="BS36" s="103">
        <v>0</v>
      </c>
      <c r="BT36" s="413">
        <v>0</v>
      </c>
      <c r="BU36" s="102">
        <v>3</v>
      </c>
      <c r="BV36" s="102">
        <v>0</v>
      </c>
      <c r="BW36" s="102">
        <v>1</v>
      </c>
      <c r="BX36" s="102">
        <v>1</v>
      </c>
      <c r="BY36" s="102">
        <v>0</v>
      </c>
      <c r="BZ36" s="103">
        <v>5</v>
      </c>
      <c r="CA36" s="104">
        <v>5</v>
      </c>
      <c r="CB36" s="101">
        <v>0</v>
      </c>
      <c r="CC36" s="102">
        <v>0</v>
      </c>
      <c r="CD36" s="103">
        <v>0</v>
      </c>
      <c r="CE36" s="413">
        <v>0</v>
      </c>
      <c r="CF36" s="102">
        <v>0</v>
      </c>
      <c r="CG36" s="102">
        <v>0</v>
      </c>
      <c r="CH36" s="102">
        <v>0</v>
      </c>
      <c r="CI36" s="102">
        <v>0</v>
      </c>
      <c r="CJ36" s="102">
        <v>0</v>
      </c>
      <c r="CK36" s="103">
        <v>0</v>
      </c>
      <c r="CL36" s="104">
        <v>0</v>
      </c>
      <c r="CM36" s="101">
        <v>2</v>
      </c>
      <c r="CN36" s="102">
        <v>3</v>
      </c>
      <c r="CO36" s="103">
        <v>5</v>
      </c>
      <c r="CP36" s="413">
        <v>0</v>
      </c>
      <c r="CQ36" s="102">
        <v>10</v>
      </c>
      <c r="CR36" s="102">
        <v>3</v>
      </c>
      <c r="CS36" s="102">
        <v>3</v>
      </c>
      <c r="CT36" s="102">
        <v>2</v>
      </c>
      <c r="CU36" s="102">
        <v>3</v>
      </c>
      <c r="CV36" s="103">
        <v>21</v>
      </c>
      <c r="CW36" s="104">
        <v>26</v>
      </c>
      <c r="CX36" s="105">
        <v>0</v>
      </c>
      <c r="CY36" s="97">
        <v>1</v>
      </c>
      <c r="CZ36" s="98">
        <v>1</v>
      </c>
      <c r="DA36" s="413">
        <v>0</v>
      </c>
      <c r="DB36" s="97">
        <v>4</v>
      </c>
      <c r="DC36" s="97">
        <v>3</v>
      </c>
      <c r="DD36" s="97">
        <v>3</v>
      </c>
      <c r="DE36" s="97">
        <v>2</v>
      </c>
      <c r="DF36" s="97">
        <v>2</v>
      </c>
      <c r="DG36" s="99">
        <v>14</v>
      </c>
      <c r="DH36" s="100">
        <v>15</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1</v>
      </c>
      <c r="FF36" s="102">
        <v>1</v>
      </c>
      <c r="FG36" s="102">
        <v>0</v>
      </c>
      <c r="FH36" s="102">
        <v>1</v>
      </c>
      <c r="FI36" s="102">
        <v>0</v>
      </c>
      <c r="FJ36" s="103">
        <v>3</v>
      </c>
      <c r="FK36" s="104">
        <v>3</v>
      </c>
      <c r="FL36" s="101">
        <v>0</v>
      </c>
      <c r="FM36" s="102">
        <v>0</v>
      </c>
      <c r="FN36" s="103">
        <v>0</v>
      </c>
      <c r="FO36" s="413">
        <v>0</v>
      </c>
      <c r="FP36" s="102">
        <v>3</v>
      </c>
      <c r="FQ36" s="102">
        <v>2</v>
      </c>
      <c r="FR36" s="102">
        <v>3</v>
      </c>
      <c r="FS36" s="102">
        <v>1</v>
      </c>
      <c r="FT36" s="102">
        <v>2</v>
      </c>
      <c r="FU36" s="103">
        <v>11</v>
      </c>
      <c r="FV36" s="104">
        <v>11</v>
      </c>
      <c r="FW36" s="101">
        <v>0</v>
      </c>
      <c r="FX36" s="102">
        <v>0</v>
      </c>
      <c r="FY36" s="103">
        <v>0</v>
      </c>
      <c r="FZ36" s="413">
        <v>0</v>
      </c>
      <c r="GA36" s="102">
        <v>0</v>
      </c>
      <c r="GB36" s="102">
        <v>0</v>
      </c>
      <c r="GC36" s="102">
        <v>0</v>
      </c>
      <c r="GD36" s="102">
        <v>0</v>
      </c>
      <c r="GE36" s="102">
        <v>0</v>
      </c>
      <c r="GF36" s="103">
        <v>0</v>
      </c>
      <c r="GG36" s="104">
        <v>0</v>
      </c>
      <c r="GH36" s="101">
        <v>0</v>
      </c>
      <c r="GI36" s="102">
        <v>1</v>
      </c>
      <c r="GJ36" s="103">
        <v>1</v>
      </c>
      <c r="GK36" s="413">
        <v>0</v>
      </c>
      <c r="GL36" s="102">
        <v>4</v>
      </c>
      <c r="GM36" s="102">
        <v>3</v>
      </c>
      <c r="GN36" s="102">
        <v>3</v>
      </c>
      <c r="GO36" s="102">
        <v>2</v>
      </c>
      <c r="GP36" s="102">
        <v>2</v>
      </c>
      <c r="GQ36" s="103">
        <v>14</v>
      </c>
      <c r="GR36" s="104">
        <v>15</v>
      </c>
      <c r="GS36" s="105">
        <v>2</v>
      </c>
      <c r="GT36" s="97">
        <v>4</v>
      </c>
      <c r="GU36" s="98">
        <v>6</v>
      </c>
      <c r="GV36" s="413">
        <v>0</v>
      </c>
      <c r="GW36" s="97">
        <v>14</v>
      </c>
      <c r="GX36" s="97">
        <v>6</v>
      </c>
      <c r="GY36" s="97">
        <v>6</v>
      </c>
      <c r="GZ36" s="97">
        <v>4</v>
      </c>
      <c r="HA36" s="97">
        <v>5</v>
      </c>
      <c r="HB36" s="99">
        <v>35</v>
      </c>
      <c r="HC36" s="100">
        <v>41</v>
      </c>
      <c r="HD36" s="101">
        <v>0</v>
      </c>
      <c r="HE36" s="102">
        <v>0</v>
      </c>
      <c r="HF36" s="103">
        <v>0</v>
      </c>
      <c r="HG36" s="413">
        <v>0</v>
      </c>
      <c r="HH36" s="102">
        <v>3</v>
      </c>
      <c r="HI36" s="102">
        <v>0</v>
      </c>
      <c r="HJ36" s="102">
        <v>0</v>
      </c>
      <c r="HK36" s="102">
        <v>1</v>
      </c>
      <c r="HL36" s="102">
        <v>0</v>
      </c>
      <c r="HM36" s="103">
        <v>4</v>
      </c>
      <c r="HN36" s="104">
        <v>4</v>
      </c>
      <c r="HO36" s="101">
        <v>0</v>
      </c>
      <c r="HP36" s="102">
        <v>0</v>
      </c>
      <c r="HQ36" s="103">
        <v>0</v>
      </c>
      <c r="HR36" s="413">
        <v>0</v>
      </c>
      <c r="HS36" s="102">
        <v>0</v>
      </c>
      <c r="HT36" s="102">
        <v>0</v>
      </c>
      <c r="HU36" s="102">
        <v>0</v>
      </c>
      <c r="HV36" s="102">
        <v>0</v>
      </c>
      <c r="HW36" s="102">
        <v>1</v>
      </c>
      <c r="HX36" s="103">
        <v>1</v>
      </c>
      <c r="HY36" s="104">
        <v>1</v>
      </c>
      <c r="HZ36" s="101">
        <v>0</v>
      </c>
      <c r="IA36" s="102">
        <v>1</v>
      </c>
      <c r="IB36" s="103">
        <v>1</v>
      </c>
      <c r="IC36" s="413">
        <v>0</v>
      </c>
      <c r="ID36" s="102">
        <v>2</v>
      </c>
      <c r="IE36" s="102">
        <v>1</v>
      </c>
      <c r="IF36" s="102">
        <v>1</v>
      </c>
      <c r="IG36" s="102">
        <v>0</v>
      </c>
      <c r="IH36" s="102">
        <v>1</v>
      </c>
      <c r="II36" s="103">
        <v>5</v>
      </c>
      <c r="IJ36" s="104">
        <v>6</v>
      </c>
      <c r="IK36" s="101">
        <v>2</v>
      </c>
      <c r="IL36" s="102">
        <v>2</v>
      </c>
      <c r="IM36" s="103">
        <v>4</v>
      </c>
      <c r="IN36" s="413">
        <v>0</v>
      </c>
      <c r="IO36" s="102">
        <v>0</v>
      </c>
      <c r="IP36" s="102">
        <v>1</v>
      </c>
      <c r="IQ36" s="102">
        <v>1</v>
      </c>
      <c r="IR36" s="102">
        <v>0</v>
      </c>
      <c r="IS36" s="102">
        <v>0</v>
      </c>
      <c r="IT36" s="103">
        <v>2</v>
      </c>
      <c r="IU36" s="104">
        <v>6</v>
      </c>
      <c r="IV36" s="101">
        <v>0</v>
      </c>
      <c r="IW36" s="102">
        <v>1</v>
      </c>
      <c r="IX36" s="103">
        <v>1</v>
      </c>
      <c r="IY36" s="413">
        <v>0</v>
      </c>
      <c r="IZ36" s="102">
        <v>3</v>
      </c>
      <c r="JA36" s="102">
        <v>2</v>
      </c>
      <c r="JB36" s="102">
        <v>0</v>
      </c>
      <c r="JC36" s="102">
        <v>1</v>
      </c>
      <c r="JD36" s="102">
        <v>1</v>
      </c>
      <c r="JE36" s="103">
        <v>7</v>
      </c>
      <c r="JF36" s="104">
        <v>8</v>
      </c>
      <c r="JG36" s="101">
        <v>0</v>
      </c>
      <c r="JH36" s="102">
        <v>0</v>
      </c>
      <c r="JI36" s="103">
        <v>0</v>
      </c>
      <c r="JJ36" s="413">
        <v>0</v>
      </c>
      <c r="JK36" s="102">
        <v>6</v>
      </c>
      <c r="JL36" s="102">
        <v>2</v>
      </c>
      <c r="JM36" s="102">
        <v>4</v>
      </c>
      <c r="JN36" s="102">
        <v>2</v>
      </c>
      <c r="JO36" s="102">
        <v>2</v>
      </c>
      <c r="JP36" s="103">
        <v>16</v>
      </c>
      <c r="JQ36" s="104">
        <v>16</v>
      </c>
      <c r="JR36" s="101">
        <v>0</v>
      </c>
      <c r="JS36" s="102">
        <v>0</v>
      </c>
      <c r="JT36" s="103">
        <v>0</v>
      </c>
      <c r="JU36" s="413">
        <v>0</v>
      </c>
      <c r="JV36" s="102">
        <v>0</v>
      </c>
      <c r="JW36" s="102">
        <v>0</v>
      </c>
      <c r="JX36" s="102">
        <v>0</v>
      </c>
      <c r="JY36" s="102">
        <v>0</v>
      </c>
      <c r="JZ36" s="102">
        <v>0</v>
      </c>
      <c r="KA36" s="103">
        <v>0</v>
      </c>
      <c r="KB36" s="104">
        <v>0</v>
      </c>
      <c r="KC36" s="101">
        <v>2</v>
      </c>
      <c r="KD36" s="102">
        <v>4</v>
      </c>
      <c r="KE36" s="103">
        <v>6</v>
      </c>
      <c r="KF36" s="413">
        <v>0</v>
      </c>
      <c r="KG36" s="102">
        <v>14</v>
      </c>
      <c r="KH36" s="102">
        <v>6</v>
      </c>
      <c r="KI36" s="102">
        <v>6</v>
      </c>
      <c r="KJ36" s="102">
        <v>4</v>
      </c>
      <c r="KK36" s="102">
        <v>5</v>
      </c>
      <c r="KL36" s="103">
        <v>35</v>
      </c>
      <c r="KM36" s="104">
        <v>41</v>
      </c>
    </row>
    <row r="37" spans="2:299" s="70" customFormat="1" ht="21" customHeight="1" x14ac:dyDescent="0.2">
      <c r="B37" s="106" t="s">
        <v>34</v>
      </c>
      <c r="C37" s="96">
        <v>3</v>
      </c>
      <c r="D37" s="97">
        <v>0</v>
      </c>
      <c r="E37" s="98">
        <v>3</v>
      </c>
      <c r="F37" s="413">
        <v>0</v>
      </c>
      <c r="G37" s="97">
        <v>3</v>
      </c>
      <c r="H37" s="97">
        <v>2</v>
      </c>
      <c r="I37" s="97">
        <v>3</v>
      </c>
      <c r="J37" s="97">
        <v>1</v>
      </c>
      <c r="K37" s="97">
        <v>0</v>
      </c>
      <c r="L37" s="99">
        <v>9</v>
      </c>
      <c r="M37" s="100">
        <v>12</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2</v>
      </c>
      <c r="AK37" s="102">
        <v>0</v>
      </c>
      <c r="AL37" s="103">
        <v>2</v>
      </c>
      <c r="AM37" s="413">
        <v>0</v>
      </c>
      <c r="AN37" s="102">
        <v>0</v>
      </c>
      <c r="AO37" s="102">
        <v>0</v>
      </c>
      <c r="AP37" s="102">
        <v>0</v>
      </c>
      <c r="AQ37" s="102">
        <v>0</v>
      </c>
      <c r="AR37" s="102">
        <v>0</v>
      </c>
      <c r="AS37" s="103">
        <v>0</v>
      </c>
      <c r="AT37" s="104">
        <v>2</v>
      </c>
      <c r="AU37" s="101">
        <v>1</v>
      </c>
      <c r="AV37" s="102">
        <v>0</v>
      </c>
      <c r="AW37" s="103">
        <v>1</v>
      </c>
      <c r="AX37" s="413">
        <v>0</v>
      </c>
      <c r="AY37" s="102">
        <v>1</v>
      </c>
      <c r="AZ37" s="102">
        <v>1</v>
      </c>
      <c r="BA37" s="102">
        <v>0</v>
      </c>
      <c r="BB37" s="102">
        <v>1</v>
      </c>
      <c r="BC37" s="102">
        <v>0</v>
      </c>
      <c r="BD37" s="103">
        <v>3</v>
      </c>
      <c r="BE37" s="104">
        <v>4</v>
      </c>
      <c r="BF37" s="101">
        <v>0</v>
      </c>
      <c r="BG37" s="102">
        <v>0</v>
      </c>
      <c r="BH37" s="103">
        <v>0</v>
      </c>
      <c r="BI37" s="413">
        <v>0</v>
      </c>
      <c r="BJ37" s="102">
        <v>1</v>
      </c>
      <c r="BK37" s="102">
        <v>0</v>
      </c>
      <c r="BL37" s="102">
        <v>0</v>
      </c>
      <c r="BM37" s="102">
        <v>0</v>
      </c>
      <c r="BN37" s="102">
        <v>0</v>
      </c>
      <c r="BO37" s="103">
        <v>1</v>
      </c>
      <c r="BP37" s="104">
        <v>1</v>
      </c>
      <c r="BQ37" s="101">
        <v>0</v>
      </c>
      <c r="BR37" s="102">
        <v>0</v>
      </c>
      <c r="BS37" s="103">
        <v>0</v>
      </c>
      <c r="BT37" s="413">
        <v>0</v>
      </c>
      <c r="BU37" s="102">
        <v>1</v>
      </c>
      <c r="BV37" s="102">
        <v>0</v>
      </c>
      <c r="BW37" s="102">
        <v>3</v>
      </c>
      <c r="BX37" s="102">
        <v>0</v>
      </c>
      <c r="BY37" s="102">
        <v>0</v>
      </c>
      <c r="BZ37" s="103">
        <v>4</v>
      </c>
      <c r="CA37" s="104">
        <v>4</v>
      </c>
      <c r="CB37" s="101">
        <v>0</v>
      </c>
      <c r="CC37" s="102">
        <v>0</v>
      </c>
      <c r="CD37" s="103">
        <v>0</v>
      </c>
      <c r="CE37" s="413">
        <v>0</v>
      </c>
      <c r="CF37" s="102">
        <v>0</v>
      </c>
      <c r="CG37" s="102">
        <v>0</v>
      </c>
      <c r="CH37" s="102">
        <v>0</v>
      </c>
      <c r="CI37" s="102">
        <v>0</v>
      </c>
      <c r="CJ37" s="102">
        <v>0</v>
      </c>
      <c r="CK37" s="103">
        <v>0</v>
      </c>
      <c r="CL37" s="104">
        <v>0</v>
      </c>
      <c r="CM37" s="101">
        <v>3</v>
      </c>
      <c r="CN37" s="102">
        <v>0</v>
      </c>
      <c r="CO37" s="103">
        <v>3</v>
      </c>
      <c r="CP37" s="413">
        <v>0</v>
      </c>
      <c r="CQ37" s="102">
        <v>3</v>
      </c>
      <c r="CR37" s="102">
        <v>2</v>
      </c>
      <c r="CS37" s="102">
        <v>3</v>
      </c>
      <c r="CT37" s="102">
        <v>1</v>
      </c>
      <c r="CU37" s="102">
        <v>0</v>
      </c>
      <c r="CV37" s="103">
        <v>9</v>
      </c>
      <c r="CW37" s="104">
        <v>12</v>
      </c>
      <c r="CX37" s="105">
        <v>2</v>
      </c>
      <c r="CY37" s="97">
        <v>1</v>
      </c>
      <c r="CZ37" s="98">
        <v>3</v>
      </c>
      <c r="DA37" s="413">
        <v>0</v>
      </c>
      <c r="DB37" s="97">
        <v>1</v>
      </c>
      <c r="DC37" s="97">
        <v>2</v>
      </c>
      <c r="DD37" s="97">
        <v>1</v>
      </c>
      <c r="DE37" s="97">
        <v>1</v>
      </c>
      <c r="DF37" s="97">
        <v>0</v>
      </c>
      <c r="DG37" s="99">
        <v>5</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1</v>
      </c>
      <c r="EL37" s="102">
        <v>0</v>
      </c>
      <c r="EM37" s="102">
        <v>0</v>
      </c>
      <c r="EN37" s="103">
        <v>1</v>
      </c>
      <c r="EO37" s="104">
        <v>1</v>
      </c>
      <c r="EP37" s="101">
        <v>0</v>
      </c>
      <c r="EQ37" s="102">
        <v>1</v>
      </c>
      <c r="ER37" s="103">
        <v>1</v>
      </c>
      <c r="ES37" s="413">
        <v>0</v>
      </c>
      <c r="ET37" s="102">
        <v>0</v>
      </c>
      <c r="EU37" s="102">
        <v>0</v>
      </c>
      <c r="EV37" s="102">
        <v>0</v>
      </c>
      <c r="EW37" s="102">
        <v>0</v>
      </c>
      <c r="EX37" s="102">
        <v>0</v>
      </c>
      <c r="EY37" s="103">
        <v>0</v>
      </c>
      <c r="EZ37" s="104">
        <v>1</v>
      </c>
      <c r="FA37" s="101">
        <v>2</v>
      </c>
      <c r="FB37" s="102">
        <v>0</v>
      </c>
      <c r="FC37" s="103">
        <v>2</v>
      </c>
      <c r="FD37" s="413">
        <v>0</v>
      </c>
      <c r="FE37" s="102">
        <v>1</v>
      </c>
      <c r="FF37" s="102">
        <v>0</v>
      </c>
      <c r="FG37" s="102">
        <v>0</v>
      </c>
      <c r="FH37" s="102">
        <v>1</v>
      </c>
      <c r="FI37" s="102">
        <v>0</v>
      </c>
      <c r="FJ37" s="103">
        <v>2</v>
      </c>
      <c r="FK37" s="104">
        <v>4</v>
      </c>
      <c r="FL37" s="101">
        <v>0</v>
      </c>
      <c r="FM37" s="102">
        <v>0</v>
      </c>
      <c r="FN37" s="103">
        <v>0</v>
      </c>
      <c r="FO37" s="413">
        <v>0</v>
      </c>
      <c r="FP37" s="102">
        <v>0</v>
      </c>
      <c r="FQ37" s="102">
        <v>2</v>
      </c>
      <c r="FR37" s="102">
        <v>0</v>
      </c>
      <c r="FS37" s="102">
        <v>0</v>
      </c>
      <c r="FT37" s="102">
        <v>0</v>
      </c>
      <c r="FU37" s="103">
        <v>2</v>
      </c>
      <c r="FV37" s="104">
        <v>2</v>
      </c>
      <c r="FW37" s="101">
        <v>0</v>
      </c>
      <c r="FX37" s="102">
        <v>0</v>
      </c>
      <c r="FY37" s="103">
        <v>0</v>
      </c>
      <c r="FZ37" s="413">
        <v>0</v>
      </c>
      <c r="GA37" s="102">
        <v>0</v>
      </c>
      <c r="GB37" s="102">
        <v>0</v>
      </c>
      <c r="GC37" s="102">
        <v>0</v>
      </c>
      <c r="GD37" s="102">
        <v>0</v>
      </c>
      <c r="GE37" s="102">
        <v>0</v>
      </c>
      <c r="GF37" s="103">
        <v>0</v>
      </c>
      <c r="GG37" s="104">
        <v>0</v>
      </c>
      <c r="GH37" s="101">
        <v>2</v>
      </c>
      <c r="GI37" s="102">
        <v>1</v>
      </c>
      <c r="GJ37" s="103">
        <v>3</v>
      </c>
      <c r="GK37" s="413">
        <v>0</v>
      </c>
      <c r="GL37" s="102">
        <v>1</v>
      </c>
      <c r="GM37" s="102">
        <v>2</v>
      </c>
      <c r="GN37" s="102">
        <v>1</v>
      </c>
      <c r="GO37" s="102">
        <v>1</v>
      </c>
      <c r="GP37" s="102">
        <v>0</v>
      </c>
      <c r="GQ37" s="103">
        <v>5</v>
      </c>
      <c r="GR37" s="104">
        <v>8</v>
      </c>
      <c r="GS37" s="105">
        <v>5</v>
      </c>
      <c r="GT37" s="97">
        <v>1</v>
      </c>
      <c r="GU37" s="98">
        <v>6</v>
      </c>
      <c r="GV37" s="413">
        <v>0</v>
      </c>
      <c r="GW37" s="97">
        <v>4</v>
      </c>
      <c r="GX37" s="97">
        <v>4</v>
      </c>
      <c r="GY37" s="97">
        <v>4</v>
      </c>
      <c r="GZ37" s="97">
        <v>2</v>
      </c>
      <c r="HA37" s="97">
        <v>0</v>
      </c>
      <c r="HB37" s="99">
        <v>14</v>
      </c>
      <c r="HC37" s="100">
        <v>20</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2</v>
      </c>
      <c r="IA37" s="102">
        <v>0</v>
      </c>
      <c r="IB37" s="103">
        <v>2</v>
      </c>
      <c r="IC37" s="413">
        <v>0</v>
      </c>
      <c r="ID37" s="102">
        <v>0</v>
      </c>
      <c r="IE37" s="102">
        <v>0</v>
      </c>
      <c r="IF37" s="102">
        <v>1</v>
      </c>
      <c r="IG37" s="102">
        <v>0</v>
      </c>
      <c r="IH37" s="102">
        <v>0</v>
      </c>
      <c r="II37" s="103">
        <v>1</v>
      </c>
      <c r="IJ37" s="104">
        <v>3</v>
      </c>
      <c r="IK37" s="101">
        <v>1</v>
      </c>
      <c r="IL37" s="102">
        <v>1</v>
      </c>
      <c r="IM37" s="103">
        <v>2</v>
      </c>
      <c r="IN37" s="413">
        <v>0</v>
      </c>
      <c r="IO37" s="102">
        <v>1</v>
      </c>
      <c r="IP37" s="102">
        <v>1</v>
      </c>
      <c r="IQ37" s="102">
        <v>0</v>
      </c>
      <c r="IR37" s="102">
        <v>1</v>
      </c>
      <c r="IS37" s="102">
        <v>0</v>
      </c>
      <c r="IT37" s="103">
        <v>3</v>
      </c>
      <c r="IU37" s="104">
        <v>5</v>
      </c>
      <c r="IV37" s="101">
        <v>2</v>
      </c>
      <c r="IW37" s="102">
        <v>0</v>
      </c>
      <c r="IX37" s="103">
        <v>2</v>
      </c>
      <c r="IY37" s="413">
        <v>0</v>
      </c>
      <c r="IZ37" s="102">
        <v>2</v>
      </c>
      <c r="JA37" s="102">
        <v>0</v>
      </c>
      <c r="JB37" s="102">
        <v>0</v>
      </c>
      <c r="JC37" s="102">
        <v>1</v>
      </c>
      <c r="JD37" s="102">
        <v>0</v>
      </c>
      <c r="JE37" s="103">
        <v>3</v>
      </c>
      <c r="JF37" s="104">
        <v>5</v>
      </c>
      <c r="JG37" s="101">
        <v>0</v>
      </c>
      <c r="JH37" s="102">
        <v>0</v>
      </c>
      <c r="JI37" s="103">
        <v>0</v>
      </c>
      <c r="JJ37" s="413">
        <v>0</v>
      </c>
      <c r="JK37" s="102">
        <v>1</v>
      </c>
      <c r="JL37" s="102">
        <v>2</v>
      </c>
      <c r="JM37" s="102">
        <v>3</v>
      </c>
      <c r="JN37" s="102">
        <v>0</v>
      </c>
      <c r="JO37" s="102">
        <v>0</v>
      </c>
      <c r="JP37" s="103">
        <v>6</v>
      </c>
      <c r="JQ37" s="104">
        <v>6</v>
      </c>
      <c r="JR37" s="101">
        <v>0</v>
      </c>
      <c r="JS37" s="102">
        <v>0</v>
      </c>
      <c r="JT37" s="103">
        <v>0</v>
      </c>
      <c r="JU37" s="413">
        <v>0</v>
      </c>
      <c r="JV37" s="102">
        <v>0</v>
      </c>
      <c r="JW37" s="102">
        <v>0</v>
      </c>
      <c r="JX37" s="102">
        <v>0</v>
      </c>
      <c r="JY37" s="102">
        <v>0</v>
      </c>
      <c r="JZ37" s="102">
        <v>0</v>
      </c>
      <c r="KA37" s="103">
        <v>0</v>
      </c>
      <c r="KB37" s="104">
        <v>0</v>
      </c>
      <c r="KC37" s="101">
        <v>5</v>
      </c>
      <c r="KD37" s="102">
        <v>1</v>
      </c>
      <c r="KE37" s="103">
        <v>6</v>
      </c>
      <c r="KF37" s="413">
        <v>0</v>
      </c>
      <c r="KG37" s="102">
        <v>4</v>
      </c>
      <c r="KH37" s="102">
        <v>4</v>
      </c>
      <c r="KI37" s="102">
        <v>4</v>
      </c>
      <c r="KJ37" s="102">
        <v>2</v>
      </c>
      <c r="KK37" s="102">
        <v>0</v>
      </c>
      <c r="KL37" s="103">
        <v>14</v>
      </c>
      <c r="KM37" s="104">
        <v>20</v>
      </c>
    </row>
    <row r="38" spans="2:299" s="70" customFormat="1" ht="21" customHeight="1" x14ac:dyDescent="0.2">
      <c r="B38" s="106" t="s">
        <v>35</v>
      </c>
      <c r="C38" s="96">
        <v>8</v>
      </c>
      <c r="D38" s="97">
        <v>10</v>
      </c>
      <c r="E38" s="98">
        <v>18</v>
      </c>
      <c r="F38" s="413">
        <v>0</v>
      </c>
      <c r="G38" s="97">
        <v>11</v>
      </c>
      <c r="H38" s="97">
        <v>11</v>
      </c>
      <c r="I38" s="97">
        <v>7</v>
      </c>
      <c r="J38" s="97">
        <v>1</v>
      </c>
      <c r="K38" s="97">
        <v>0</v>
      </c>
      <c r="L38" s="99">
        <v>30</v>
      </c>
      <c r="M38" s="100">
        <v>48</v>
      </c>
      <c r="N38" s="101">
        <v>1</v>
      </c>
      <c r="O38" s="102">
        <v>0</v>
      </c>
      <c r="P38" s="103">
        <v>1</v>
      </c>
      <c r="Q38" s="413">
        <v>0</v>
      </c>
      <c r="R38" s="102">
        <v>0</v>
      </c>
      <c r="S38" s="102">
        <v>0</v>
      </c>
      <c r="T38" s="102">
        <v>0</v>
      </c>
      <c r="U38" s="102">
        <v>0</v>
      </c>
      <c r="V38" s="102">
        <v>0</v>
      </c>
      <c r="W38" s="103">
        <v>0</v>
      </c>
      <c r="X38" s="104">
        <v>1</v>
      </c>
      <c r="Y38" s="101">
        <v>0</v>
      </c>
      <c r="Z38" s="102">
        <v>0</v>
      </c>
      <c r="AA38" s="103">
        <v>0</v>
      </c>
      <c r="AB38" s="413">
        <v>0</v>
      </c>
      <c r="AC38" s="102">
        <v>0</v>
      </c>
      <c r="AD38" s="102">
        <v>0</v>
      </c>
      <c r="AE38" s="102">
        <v>2</v>
      </c>
      <c r="AF38" s="102">
        <v>0</v>
      </c>
      <c r="AG38" s="102">
        <v>0</v>
      </c>
      <c r="AH38" s="103">
        <v>2</v>
      </c>
      <c r="AI38" s="104">
        <v>2</v>
      </c>
      <c r="AJ38" s="101">
        <v>0</v>
      </c>
      <c r="AK38" s="102">
        <v>2</v>
      </c>
      <c r="AL38" s="103">
        <v>2</v>
      </c>
      <c r="AM38" s="413">
        <v>0</v>
      </c>
      <c r="AN38" s="102">
        <v>4</v>
      </c>
      <c r="AO38" s="102">
        <v>1</v>
      </c>
      <c r="AP38" s="102">
        <v>4</v>
      </c>
      <c r="AQ38" s="102">
        <v>0</v>
      </c>
      <c r="AR38" s="102">
        <v>0</v>
      </c>
      <c r="AS38" s="103">
        <v>9</v>
      </c>
      <c r="AT38" s="104">
        <v>11</v>
      </c>
      <c r="AU38" s="101">
        <v>1</v>
      </c>
      <c r="AV38" s="102">
        <v>3</v>
      </c>
      <c r="AW38" s="103">
        <v>4</v>
      </c>
      <c r="AX38" s="413">
        <v>0</v>
      </c>
      <c r="AY38" s="102">
        <v>1</v>
      </c>
      <c r="AZ38" s="102">
        <v>4</v>
      </c>
      <c r="BA38" s="102">
        <v>0</v>
      </c>
      <c r="BB38" s="102">
        <v>0</v>
      </c>
      <c r="BC38" s="102">
        <v>0</v>
      </c>
      <c r="BD38" s="103">
        <v>5</v>
      </c>
      <c r="BE38" s="104">
        <v>9</v>
      </c>
      <c r="BF38" s="101">
        <v>2</v>
      </c>
      <c r="BG38" s="102">
        <v>4</v>
      </c>
      <c r="BH38" s="103">
        <v>6</v>
      </c>
      <c r="BI38" s="413">
        <v>0</v>
      </c>
      <c r="BJ38" s="102">
        <v>5</v>
      </c>
      <c r="BK38" s="102">
        <v>4</v>
      </c>
      <c r="BL38" s="102">
        <v>1</v>
      </c>
      <c r="BM38" s="102">
        <v>0</v>
      </c>
      <c r="BN38" s="102">
        <v>0</v>
      </c>
      <c r="BO38" s="103">
        <v>10</v>
      </c>
      <c r="BP38" s="104">
        <v>16</v>
      </c>
      <c r="BQ38" s="101">
        <v>4</v>
      </c>
      <c r="BR38" s="102">
        <v>1</v>
      </c>
      <c r="BS38" s="103">
        <v>5</v>
      </c>
      <c r="BT38" s="413">
        <v>0</v>
      </c>
      <c r="BU38" s="102">
        <v>1</v>
      </c>
      <c r="BV38" s="102">
        <v>2</v>
      </c>
      <c r="BW38" s="102">
        <v>0</v>
      </c>
      <c r="BX38" s="102">
        <v>1</v>
      </c>
      <c r="BY38" s="102">
        <v>0</v>
      </c>
      <c r="BZ38" s="103">
        <v>4</v>
      </c>
      <c r="CA38" s="104">
        <v>9</v>
      </c>
      <c r="CB38" s="101">
        <v>0</v>
      </c>
      <c r="CC38" s="102">
        <v>0</v>
      </c>
      <c r="CD38" s="103">
        <v>0</v>
      </c>
      <c r="CE38" s="413">
        <v>0</v>
      </c>
      <c r="CF38" s="102">
        <v>0</v>
      </c>
      <c r="CG38" s="102">
        <v>0</v>
      </c>
      <c r="CH38" s="102">
        <v>0</v>
      </c>
      <c r="CI38" s="102">
        <v>0</v>
      </c>
      <c r="CJ38" s="102">
        <v>0</v>
      </c>
      <c r="CK38" s="103">
        <v>0</v>
      </c>
      <c r="CL38" s="104">
        <v>0</v>
      </c>
      <c r="CM38" s="101">
        <v>8</v>
      </c>
      <c r="CN38" s="102">
        <v>10</v>
      </c>
      <c r="CO38" s="103">
        <v>18</v>
      </c>
      <c r="CP38" s="413">
        <v>0</v>
      </c>
      <c r="CQ38" s="102">
        <v>11</v>
      </c>
      <c r="CR38" s="102">
        <v>11</v>
      </c>
      <c r="CS38" s="102">
        <v>7</v>
      </c>
      <c r="CT38" s="102">
        <v>1</v>
      </c>
      <c r="CU38" s="102">
        <v>0</v>
      </c>
      <c r="CV38" s="103">
        <v>30</v>
      </c>
      <c r="CW38" s="104">
        <v>48</v>
      </c>
      <c r="CX38" s="105">
        <v>4</v>
      </c>
      <c r="CY38" s="97">
        <v>4</v>
      </c>
      <c r="CZ38" s="98">
        <v>8</v>
      </c>
      <c r="DA38" s="413">
        <v>0</v>
      </c>
      <c r="DB38" s="97">
        <v>8</v>
      </c>
      <c r="DC38" s="97">
        <v>6</v>
      </c>
      <c r="DD38" s="97">
        <v>2</v>
      </c>
      <c r="DE38" s="97">
        <v>2</v>
      </c>
      <c r="DF38" s="97">
        <v>5</v>
      </c>
      <c r="DG38" s="99">
        <v>23</v>
      </c>
      <c r="DH38" s="100">
        <v>31</v>
      </c>
      <c r="DI38" s="101">
        <v>0</v>
      </c>
      <c r="DJ38" s="102">
        <v>0</v>
      </c>
      <c r="DK38" s="103">
        <v>0</v>
      </c>
      <c r="DL38" s="413">
        <v>0</v>
      </c>
      <c r="DM38" s="102">
        <v>0</v>
      </c>
      <c r="DN38" s="102">
        <v>1</v>
      </c>
      <c r="DO38" s="102">
        <v>0</v>
      </c>
      <c r="DP38" s="102">
        <v>0</v>
      </c>
      <c r="DQ38" s="102">
        <v>0</v>
      </c>
      <c r="DR38" s="103">
        <v>1</v>
      </c>
      <c r="DS38" s="104">
        <v>1</v>
      </c>
      <c r="DT38" s="101">
        <v>1</v>
      </c>
      <c r="DU38" s="102">
        <v>0</v>
      </c>
      <c r="DV38" s="103">
        <v>1</v>
      </c>
      <c r="DW38" s="413">
        <v>0</v>
      </c>
      <c r="DX38" s="102">
        <v>1</v>
      </c>
      <c r="DY38" s="102">
        <v>1</v>
      </c>
      <c r="DZ38" s="102">
        <v>0</v>
      </c>
      <c r="EA38" s="102">
        <v>0</v>
      </c>
      <c r="EB38" s="102">
        <v>0</v>
      </c>
      <c r="EC38" s="103">
        <v>2</v>
      </c>
      <c r="ED38" s="104">
        <v>3</v>
      </c>
      <c r="EE38" s="101">
        <v>1</v>
      </c>
      <c r="EF38" s="102">
        <v>0</v>
      </c>
      <c r="EG38" s="103">
        <v>1</v>
      </c>
      <c r="EH38" s="413">
        <v>0</v>
      </c>
      <c r="EI38" s="102">
        <v>0</v>
      </c>
      <c r="EJ38" s="102">
        <v>1</v>
      </c>
      <c r="EK38" s="102">
        <v>1</v>
      </c>
      <c r="EL38" s="102">
        <v>0</v>
      </c>
      <c r="EM38" s="102">
        <v>1</v>
      </c>
      <c r="EN38" s="103">
        <v>3</v>
      </c>
      <c r="EO38" s="104">
        <v>4</v>
      </c>
      <c r="EP38" s="101">
        <v>1</v>
      </c>
      <c r="EQ38" s="102">
        <v>1</v>
      </c>
      <c r="ER38" s="103">
        <v>2</v>
      </c>
      <c r="ES38" s="413">
        <v>0</v>
      </c>
      <c r="ET38" s="102">
        <v>1</v>
      </c>
      <c r="EU38" s="102">
        <v>0</v>
      </c>
      <c r="EV38" s="102">
        <v>0</v>
      </c>
      <c r="EW38" s="102">
        <v>1</v>
      </c>
      <c r="EX38" s="102">
        <v>0</v>
      </c>
      <c r="EY38" s="103">
        <v>2</v>
      </c>
      <c r="EZ38" s="104">
        <v>4</v>
      </c>
      <c r="FA38" s="101">
        <v>0</v>
      </c>
      <c r="FB38" s="102">
        <v>2</v>
      </c>
      <c r="FC38" s="103">
        <v>2</v>
      </c>
      <c r="FD38" s="413">
        <v>0</v>
      </c>
      <c r="FE38" s="102">
        <v>3</v>
      </c>
      <c r="FF38" s="102">
        <v>1</v>
      </c>
      <c r="FG38" s="102">
        <v>0</v>
      </c>
      <c r="FH38" s="102">
        <v>0</v>
      </c>
      <c r="FI38" s="102">
        <v>1</v>
      </c>
      <c r="FJ38" s="103">
        <v>5</v>
      </c>
      <c r="FK38" s="104">
        <v>7</v>
      </c>
      <c r="FL38" s="101">
        <v>1</v>
      </c>
      <c r="FM38" s="102">
        <v>1</v>
      </c>
      <c r="FN38" s="103">
        <v>2</v>
      </c>
      <c r="FO38" s="413">
        <v>0</v>
      </c>
      <c r="FP38" s="102">
        <v>3</v>
      </c>
      <c r="FQ38" s="102">
        <v>2</v>
      </c>
      <c r="FR38" s="102">
        <v>1</v>
      </c>
      <c r="FS38" s="102">
        <v>1</v>
      </c>
      <c r="FT38" s="102">
        <v>3</v>
      </c>
      <c r="FU38" s="103">
        <v>10</v>
      </c>
      <c r="FV38" s="104">
        <v>12</v>
      </c>
      <c r="FW38" s="101">
        <v>0</v>
      </c>
      <c r="FX38" s="102">
        <v>0</v>
      </c>
      <c r="FY38" s="103">
        <v>0</v>
      </c>
      <c r="FZ38" s="413">
        <v>0</v>
      </c>
      <c r="GA38" s="102">
        <v>0</v>
      </c>
      <c r="GB38" s="102">
        <v>0</v>
      </c>
      <c r="GC38" s="102">
        <v>0</v>
      </c>
      <c r="GD38" s="102">
        <v>0</v>
      </c>
      <c r="GE38" s="102">
        <v>0</v>
      </c>
      <c r="GF38" s="103">
        <v>0</v>
      </c>
      <c r="GG38" s="104">
        <v>0</v>
      </c>
      <c r="GH38" s="101">
        <v>4</v>
      </c>
      <c r="GI38" s="102">
        <v>4</v>
      </c>
      <c r="GJ38" s="103">
        <v>8</v>
      </c>
      <c r="GK38" s="413">
        <v>0</v>
      </c>
      <c r="GL38" s="102">
        <v>8</v>
      </c>
      <c r="GM38" s="102">
        <v>6</v>
      </c>
      <c r="GN38" s="102">
        <v>2</v>
      </c>
      <c r="GO38" s="102">
        <v>2</v>
      </c>
      <c r="GP38" s="102">
        <v>5</v>
      </c>
      <c r="GQ38" s="103">
        <v>23</v>
      </c>
      <c r="GR38" s="104">
        <v>31</v>
      </c>
      <c r="GS38" s="105">
        <v>12</v>
      </c>
      <c r="GT38" s="97">
        <v>14</v>
      </c>
      <c r="GU38" s="98">
        <v>26</v>
      </c>
      <c r="GV38" s="413">
        <v>0</v>
      </c>
      <c r="GW38" s="97">
        <v>19</v>
      </c>
      <c r="GX38" s="97">
        <v>17</v>
      </c>
      <c r="GY38" s="97">
        <v>9</v>
      </c>
      <c r="GZ38" s="97">
        <v>3</v>
      </c>
      <c r="HA38" s="97">
        <v>5</v>
      </c>
      <c r="HB38" s="99">
        <v>53</v>
      </c>
      <c r="HC38" s="100">
        <v>79</v>
      </c>
      <c r="HD38" s="101">
        <v>1</v>
      </c>
      <c r="HE38" s="102">
        <v>0</v>
      </c>
      <c r="HF38" s="103">
        <v>1</v>
      </c>
      <c r="HG38" s="413">
        <v>0</v>
      </c>
      <c r="HH38" s="102">
        <v>0</v>
      </c>
      <c r="HI38" s="102">
        <v>1</v>
      </c>
      <c r="HJ38" s="102">
        <v>0</v>
      </c>
      <c r="HK38" s="102">
        <v>0</v>
      </c>
      <c r="HL38" s="102">
        <v>0</v>
      </c>
      <c r="HM38" s="103">
        <v>1</v>
      </c>
      <c r="HN38" s="104">
        <v>2</v>
      </c>
      <c r="HO38" s="101">
        <v>1</v>
      </c>
      <c r="HP38" s="102">
        <v>0</v>
      </c>
      <c r="HQ38" s="103">
        <v>1</v>
      </c>
      <c r="HR38" s="413">
        <v>0</v>
      </c>
      <c r="HS38" s="102">
        <v>1</v>
      </c>
      <c r="HT38" s="102">
        <v>1</v>
      </c>
      <c r="HU38" s="102">
        <v>2</v>
      </c>
      <c r="HV38" s="102">
        <v>0</v>
      </c>
      <c r="HW38" s="102">
        <v>0</v>
      </c>
      <c r="HX38" s="103">
        <v>4</v>
      </c>
      <c r="HY38" s="104">
        <v>5</v>
      </c>
      <c r="HZ38" s="101">
        <v>1</v>
      </c>
      <c r="IA38" s="102">
        <v>2</v>
      </c>
      <c r="IB38" s="103">
        <v>3</v>
      </c>
      <c r="IC38" s="413">
        <v>0</v>
      </c>
      <c r="ID38" s="102">
        <v>4</v>
      </c>
      <c r="IE38" s="102">
        <v>2</v>
      </c>
      <c r="IF38" s="102">
        <v>5</v>
      </c>
      <c r="IG38" s="102">
        <v>0</v>
      </c>
      <c r="IH38" s="102">
        <v>1</v>
      </c>
      <c r="II38" s="103">
        <v>12</v>
      </c>
      <c r="IJ38" s="104">
        <v>15</v>
      </c>
      <c r="IK38" s="101">
        <v>2</v>
      </c>
      <c r="IL38" s="102">
        <v>4</v>
      </c>
      <c r="IM38" s="103">
        <v>6</v>
      </c>
      <c r="IN38" s="413">
        <v>0</v>
      </c>
      <c r="IO38" s="102">
        <v>2</v>
      </c>
      <c r="IP38" s="102">
        <v>4</v>
      </c>
      <c r="IQ38" s="102">
        <v>0</v>
      </c>
      <c r="IR38" s="102">
        <v>1</v>
      </c>
      <c r="IS38" s="102">
        <v>0</v>
      </c>
      <c r="IT38" s="103">
        <v>7</v>
      </c>
      <c r="IU38" s="104">
        <v>13</v>
      </c>
      <c r="IV38" s="101">
        <v>2</v>
      </c>
      <c r="IW38" s="102">
        <v>6</v>
      </c>
      <c r="IX38" s="103">
        <v>8</v>
      </c>
      <c r="IY38" s="413">
        <v>0</v>
      </c>
      <c r="IZ38" s="102">
        <v>8</v>
      </c>
      <c r="JA38" s="102">
        <v>5</v>
      </c>
      <c r="JB38" s="102">
        <v>1</v>
      </c>
      <c r="JC38" s="102">
        <v>0</v>
      </c>
      <c r="JD38" s="102">
        <v>1</v>
      </c>
      <c r="JE38" s="103">
        <v>15</v>
      </c>
      <c r="JF38" s="104">
        <v>23</v>
      </c>
      <c r="JG38" s="101">
        <v>5</v>
      </c>
      <c r="JH38" s="102">
        <v>2</v>
      </c>
      <c r="JI38" s="103">
        <v>7</v>
      </c>
      <c r="JJ38" s="413">
        <v>0</v>
      </c>
      <c r="JK38" s="102">
        <v>4</v>
      </c>
      <c r="JL38" s="102">
        <v>4</v>
      </c>
      <c r="JM38" s="102">
        <v>1</v>
      </c>
      <c r="JN38" s="102">
        <v>2</v>
      </c>
      <c r="JO38" s="102">
        <v>3</v>
      </c>
      <c r="JP38" s="103">
        <v>14</v>
      </c>
      <c r="JQ38" s="104">
        <v>21</v>
      </c>
      <c r="JR38" s="101">
        <v>0</v>
      </c>
      <c r="JS38" s="102">
        <v>0</v>
      </c>
      <c r="JT38" s="103">
        <v>0</v>
      </c>
      <c r="JU38" s="413">
        <v>0</v>
      </c>
      <c r="JV38" s="102">
        <v>0</v>
      </c>
      <c r="JW38" s="102">
        <v>0</v>
      </c>
      <c r="JX38" s="102">
        <v>0</v>
      </c>
      <c r="JY38" s="102">
        <v>0</v>
      </c>
      <c r="JZ38" s="102">
        <v>0</v>
      </c>
      <c r="KA38" s="103">
        <v>0</v>
      </c>
      <c r="KB38" s="104">
        <v>0</v>
      </c>
      <c r="KC38" s="101">
        <v>12</v>
      </c>
      <c r="KD38" s="102">
        <v>14</v>
      </c>
      <c r="KE38" s="103">
        <v>26</v>
      </c>
      <c r="KF38" s="413">
        <v>0</v>
      </c>
      <c r="KG38" s="102">
        <v>19</v>
      </c>
      <c r="KH38" s="102">
        <v>17</v>
      </c>
      <c r="KI38" s="102">
        <v>9</v>
      </c>
      <c r="KJ38" s="102">
        <v>3</v>
      </c>
      <c r="KK38" s="102">
        <v>5</v>
      </c>
      <c r="KL38" s="103">
        <v>53</v>
      </c>
      <c r="KM38" s="104">
        <v>79</v>
      </c>
    </row>
    <row r="39" spans="2:299" s="70" customFormat="1" ht="21" customHeight="1" x14ac:dyDescent="0.2">
      <c r="B39" s="106" t="s">
        <v>36</v>
      </c>
      <c r="C39" s="96">
        <v>4</v>
      </c>
      <c r="D39" s="97">
        <v>6</v>
      </c>
      <c r="E39" s="98">
        <v>10</v>
      </c>
      <c r="F39" s="413">
        <v>0</v>
      </c>
      <c r="G39" s="97">
        <v>11</v>
      </c>
      <c r="H39" s="97">
        <v>11</v>
      </c>
      <c r="I39" s="97">
        <v>7</v>
      </c>
      <c r="J39" s="97">
        <v>1</v>
      </c>
      <c r="K39" s="97">
        <v>0</v>
      </c>
      <c r="L39" s="99">
        <v>30</v>
      </c>
      <c r="M39" s="100">
        <v>40</v>
      </c>
      <c r="N39" s="101">
        <v>0</v>
      </c>
      <c r="O39" s="102">
        <v>1</v>
      </c>
      <c r="P39" s="103">
        <v>1</v>
      </c>
      <c r="Q39" s="413">
        <v>0</v>
      </c>
      <c r="R39" s="102">
        <v>0</v>
      </c>
      <c r="S39" s="102">
        <v>0</v>
      </c>
      <c r="T39" s="102">
        <v>1</v>
      </c>
      <c r="U39" s="102">
        <v>0</v>
      </c>
      <c r="V39" s="102">
        <v>0</v>
      </c>
      <c r="W39" s="103">
        <v>1</v>
      </c>
      <c r="X39" s="104">
        <v>2</v>
      </c>
      <c r="Y39" s="101">
        <v>1</v>
      </c>
      <c r="Z39" s="102">
        <v>0</v>
      </c>
      <c r="AA39" s="103">
        <v>1</v>
      </c>
      <c r="AB39" s="413">
        <v>0</v>
      </c>
      <c r="AC39" s="102">
        <v>0</v>
      </c>
      <c r="AD39" s="102">
        <v>3</v>
      </c>
      <c r="AE39" s="102">
        <v>0</v>
      </c>
      <c r="AF39" s="102">
        <v>0</v>
      </c>
      <c r="AG39" s="102">
        <v>0</v>
      </c>
      <c r="AH39" s="103">
        <v>3</v>
      </c>
      <c r="AI39" s="104">
        <v>4</v>
      </c>
      <c r="AJ39" s="101">
        <v>0</v>
      </c>
      <c r="AK39" s="102">
        <v>0</v>
      </c>
      <c r="AL39" s="103">
        <v>0</v>
      </c>
      <c r="AM39" s="413">
        <v>0</v>
      </c>
      <c r="AN39" s="102">
        <v>2</v>
      </c>
      <c r="AO39" s="102">
        <v>2</v>
      </c>
      <c r="AP39" s="102">
        <v>0</v>
      </c>
      <c r="AQ39" s="102">
        <v>0</v>
      </c>
      <c r="AR39" s="102">
        <v>0</v>
      </c>
      <c r="AS39" s="103">
        <v>4</v>
      </c>
      <c r="AT39" s="104">
        <v>4</v>
      </c>
      <c r="AU39" s="101">
        <v>2</v>
      </c>
      <c r="AV39" s="102">
        <v>1</v>
      </c>
      <c r="AW39" s="103">
        <v>3</v>
      </c>
      <c r="AX39" s="413">
        <v>0</v>
      </c>
      <c r="AY39" s="102">
        <v>5</v>
      </c>
      <c r="AZ39" s="102">
        <v>1</v>
      </c>
      <c r="BA39" s="102">
        <v>2</v>
      </c>
      <c r="BB39" s="102">
        <v>0</v>
      </c>
      <c r="BC39" s="102">
        <v>0</v>
      </c>
      <c r="BD39" s="103">
        <v>8</v>
      </c>
      <c r="BE39" s="104">
        <v>11</v>
      </c>
      <c r="BF39" s="101">
        <v>1</v>
      </c>
      <c r="BG39" s="102">
        <v>2</v>
      </c>
      <c r="BH39" s="103">
        <v>3</v>
      </c>
      <c r="BI39" s="413">
        <v>0</v>
      </c>
      <c r="BJ39" s="102">
        <v>2</v>
      </c>
      <c r="BK39" s="102">
        <v>2</v>
      </c>
      <c r="BL39" s="102">
        <v>1</v>
      </c>
      <c r="BM39" s="102">
        <v>0</v>
      </c>
      <c r="BN39" s="102">
        <v>0</v>
      </c>
      <c r="BO39" s="103">
        <v>5</v>
      </c>
      <c r="BP39" s="104">
        <v>8</v>
      </c>
      <c r="BQ39" s="101">
        <v>0</v>
      </c>
      <c r="BR39" s="102">
        <v>2</v>
      </c>
      <c r="BS39" s="103">
        <v>2</v>
      </c>
      <c r="BT39" s="413">
        <v>0</v>
      </c>
      <c r="BU39" s="102">
        <v>2</v>
      </c>
      <c r="BV39" s="102">
        <v>3</v>
      </c>
      <c r="BW39" s="102">
        <v>3</v>
      </c>
      <c r="BX39" s="102">
        <v>1</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4</v>
      </c>
      <c r="CN39" s="102">
        <v>6</v>
      </c>
      <c r="CO39" s="103">
        <v>10</v>
      </c>
      <c r="CP39" s="413">
        <v>0</v>
      </c>
      <c r="CQ39" s="102">
        <v>11</v>
      </c>
      <c r="CR39" s="102">
        <v>11</v>
      </c>
      <c r="CS39" s="102">
        <v>7</v>
      </c>
      <c r="CT39" s="102">
        <v>1</v>
      </c>
      <c r="CU39" s="102">
        <v>0</v>
      </c>
      <c r="CV39" s="103">
        <v>30</v>
      </c>
      <c r="CW39" s="104">
        <v>40</v>
      </c>
      <c r="CX39" s="105">
        <v>2</v>
      </c>
      <c r="CY39" s="97">
        <v>5</v>
      </c>
      <c r="CZ39" s="98">
        <v>7</v>
      </c>
      <c r="DA39" s="413">
        <v>0</v>
      </c>
      <c r="DB39" s="97">
        <v>4</v>
      </c>
      <c r="DC39" s="97">
        <v>7</v>
      </c>
      <c r="DD39" s="97">
        <v>1</v>
      </c>
      <c r="DE39" s="97">
        <v>3</v>
      </c>
      <c r="DF39" s="97">
        <v>2</v>
      </c>
      <c r="DG39" s="99">
        <v>17</v>
      </c>
      <c r="DH39" s="100">
        <v>24</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0</v>
      </c>
      <c r="DY39" s="102">
        <v>0</v>
      </c>
      <c r="DZ39" s="102">
        <v>0</v>
      </c>
      <c r="EA39" s="102">
        <v>0</v>
      </c>
      <c r="EB39" s="102">
        <v>0</v>
      </c>
      <c r="EC39" s="103">
        <v>0</v>
      </c>
      <c r="ED39" s="104">
        <v>0</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1</v>
      </c>
      <c r="FB39" s="102">
        <v>4</v>
      </c>
      <c r="FC39" s="103">
        <v>5</v>
      </c>
      <c r="FD39" s="413">
        <v>0</v>
      </c>
      <c r="FE39" s="102">
        <v>2</v>
      </c>
      <c r="FF39" s="102">
        <v>3</v>
      </c>
      <c r="FG39" s="102">
        <v>1</v>
      </c>
      <c r="FH39" s="102">
        <v>1</v>
      </c>
      <c r="FI39" s="102">
        <v>0</v>
      </c>
      <c r="FJ39" s="103">
        <v>7</v>
      </c>
      <c r="FK39" s="104">
        <v>12</v>
      </c>
      <c r="FL39" s="101">
        <v>1</v>
      </c>
      <c r="FM39" s="102">
        <v>0</v>
      </c>
      <c r="FN39" s="103">
        <v>1</v>
      </c>
      <c r="FO39" s="413">
        <v>0</v>
      </c>
      <c r="FP39" s="102">
        <v>1</v>
      </c>
      <c r="FQ39" s="102">
        <v>4</v>
      </c>
      <c r="FR39" s="102">
        <v>0</v>
      </c>
      <c r="FS39" s="102">
        <v>2</v>
      </c>
      <c r="FT39" s="102">
        <v>2</v>
      </c>
      <c r="FU39" s="103">
        <v>9</v>
      </c>
      <c r="FV39" s="104">
        <v>10</v>
      </c>
      <c r="FW39" s="101">
        <v>0</v>
      </c>
      <c r="FX39" s="102">
        <v>0</v>
      </c>
      <c r="FY39" s="103">
        <v>0</v>
      </c>
      <c r="FZ39" s="413">
        <v>0</v>
      </c>
      <c r="GA39" s="102">
        <v>0</v>
      </c>
      <c r="GB39" s="102">
        <v>0</v>
      </c>
      <c r="GC39" s="102">
        <v>0</v>
      </c>
      <c r="GD39" s="102">
        <v>0</v>
      </c>
      <c r="GE39" s="102">
        <v>0</v>
      </c>
      <c r="GF39" s="103">
        <v>0</v>
      </c>
      <c r="GG39" s="104">
        <v>0</v>
      </c>
      <c r="GH39" s="101">
        <v>2</v>
      </c>
      <c r="GI39" s="102">
        <v>5</v>
      </c>
      <c r="GJ39" s="103">
        <v>7</v>
      </c>
      <c r="GK39" s="413">
        <v>0</v>
      </c>
      <c r="GL39" s="102">
        <v>4</v>
      </c>
      <c r="GM39" s="102">
        <v>7</v>
      </c>
      <c r="GN39" s="102">
        <v>1</v>
      </c>
      <c r="GO39" s="102">
        <v>3</v>
      </c>
      <c r="GP39" s="102">
        <v>2</v>
      </c>
      <c r="GQ39" s="103">
        <v>17</v>
      </c>
      <c r="GR39" s="104">
        <v>24</v>
      </c>
      <c r="GS39" s="105">
        <v>6</v>
      </c>
      <c r="GT39" s="97">
        <v>11</v>
      </c>
      <c r="GU39" s="98">
        <v>17</v>
      </c>
      <c r="GV39" s="413">
        <v>0</v>
      </c>
      <c r="GW39" s="97">
        <v>15</v>
      </c>
      <c r="GX39" s="97">
        <v>18</v>
      </c>
      <c r="GY39" s="97">
        <v>8</v>
      </c>
      <c r="GZ39" s="97">
        <v>4</v>
      </c>
      <c r="HA39" s="97">
        <v>2</v>
      </c>
      <c r="HB39" s="99">
        <v>47</v>
      </c>
      <c r="HC39" s="100">
        <v>64</v>
      </c>
      <c r="HD39" s="101">
        <v>0</v>
      </c>
      <c r="HE39" s="102">
        <v>1</v>
      </c>
      <c r="HF39" s="103">
        <v>1</v>
      </c>
      <c r="HG39" s="413">
        <v>0</v>
      </c>
      <c r="HH39" s="102">
        <v>0</v>
      </c>
      <c r="HI39" s="102">
        <v>0</v>
      </c>
      <c r="HJ39" s="102">
        <v>1</v>
      </c>
      <c r="HK39" s="102">
        <v>0</v>
      </c>
      <c r="HL39" s="102">
        <v>0</v>
      </c>
      <c r="HM39" s="103">
        <v>1</v>
      </c>
      <c r="HN39" s="104">
        <v>2</v>
      </c>
      <c r="HO39" s="101">
        <v>1</v>
      </c>
      <c r="HP39" s="102">
        <v>0</v>
      </c>
      <c r="HQ39" s="103">
        <v>1</v>
      </c>
      <c r="HR39" s="413">
        <v>0</v>
      </c>
      <c r="HS39" s="102">
        <v>0</v>
      </c>
      <c r="HT39" s="102">
        <v>3</v>
      </c>
      <c r="HU39" s="102">
        <v>0</v>
      </c>
      <c r="HV39" s="102">
        <v>0</v>
      </c>
      <c r="HW39" s="102">
        <v>0</v>
      </c>
      <c r="HX39" s="103">
        <v>3</v>
      </c>
      <c r="HY39" s="104">
        <v>4</v>
      </c>
      <c r="HZ39" s="101">
        <v>0</v>
      </c>
      <c r="IA39" s="102">
        <v>1</v>
      </c>
      <c r="IB39" s="103">
        <v>1</v>
      </c>
      <c r="IC39" s="413">
        <v>0</v>
      </c>
      <c r="ID39" s="102">
        <v>2</v>
      </c>
      <c r="IE39" s="102">
        <v>2</v>
      </c>
      <c r="IF39" s="102">
        <v>0</v>
      </c>
      <c r="IG39" s="102">
        <v>0</v>
      </c>
      <c r="IH39" s="102">
        <v>0</v>
      </c>
      <c r="II39" s="103">
        <v>4</v>
      </c>
      <c r="IJ39" s="104">
        <v>5</v>
      </c>
      <c r="IK39" s="101">
        <v>2</v>
      </c>
      <c r="IL39" s="102">
        <v>1</v>
      </c>
      <c r="IM39" s="103">
        <v>3</v>
      </c>
      <c r="IN39" s="413">
        <v>0</v>
      </c>
      <c r="IO39" s="102">
        <v>6</v>
      </c>
      <c r="IP39" s="102">
        <v>1</v>
      </c>
      <c r="IQ39" s="102">
        <v>2</v>
      </c>
      <c r="IR39" s="102">
        <v>0</v>
      </c>
      <c r="IS39" s="102">
        <v>0</v>
      </c>
      <c r="IT39" s="103">
        <v>9</v>
      </c>
      <c r="IU39" s="104">
        <v>12</v>
      </c>
      <c r="IV39" s="101">
        <v>2</v>
      </c>
      <c r="IW39" s="102">
        <v>6</v>
      </c>
      <c r="IX39" s="103">
        <v>8</v>
      </c>
      <c r="IY39" s="413">
        <v>0</v>
      </c>
      <c r="IZ39" s="102">
        <v>4</v>
      </c>
      <c r="JA39" s="102">
        <v>5</v>
      </c>
      <c r="JB39" s="102">
        <v>2</v>
      </c>
      <c r="JC39" s="102">
        <v>1</v>
      </c>
      <c r="JD39" s="102">
        <v>0</v>
      </c>
      <c r="JE39" s="103">
        <v>12</v>
      </c>
      <c r="JF39" s="104">
        <v>20</v>
      </c>
      <c r="JG39" s="101">
        <v>1</v>
      </c>
      <c r="JH39" s="102">
        <v>2</v>
      </c>
      <c r="JI39" s="103">
        <v>3</v>
      </c>
      <c r="JJ39" s="413">
        <v>0</v>
      </c>
      <c r="JK39" s="102">
        <v>3</v>
      </c>
      <c r="JL39" s="102">
        <v>7</v>
      </c>
      <c r="JM39" s="102">
        <v>3</v>
      </c>
      <c r="JN39" s="102">
        <v>3</v>
      </c>
      <c r="JO39" s="102">
        <v>2</v>
      </c>
      <c r="JP39" s="103">
        <v>18</v>
      </c>
      <c r="JQ39" s="104">
        <v>21</v>
      </c>
      <c r="JR39" s="101">
        <v>0</v>
      </c>
      <c r="JS39" s="102">
        <v>0</v>
      </c>
      <c r="JT39" s="103">
        <v>0</v>
      </c>
      <c r="JU39" s="413">
        <v>0</v>
      </c>
      <c r="JV39" s="102">
        <v>0</v>
      </c>
      <c r="JW39" s="102">
        <v>0</v>
      </c>
      <c r="JX39" s="102">
        <v>0</v>
      </c>
      <c r="JY39" s="102">
        <v>0</v>
      </c>
      <c r="JZ39" s="102">
        <v>0</v>
      </c>
      <c r="KA39" s="103">
        <v>0</v>
      </c>
      <c r="KB39" s="104">
        <v>0</v>
      </c>
      <c r="KC39" s="101">
        <v>6</v>
      </c>
      <c r="KD39" s="102">
        <v>11</v>
      </c>
      <c r="KE39" s="103">
        <v>17</v>
      </c>
      <c r="KF39" s="413">
        <v>0</v>
      </c>
      <c r="KG39" s="102">
        <v>15</v>
      </c>
      <c r="KH39" s="102">
        <v>18</v>
      </c>
      <c r="KI39" s="102">
        <v>8</v>
      </c>
      <c r="KJ39" s="102">
        <v>4</v>
      </c>
      <c r="KK39" s="102">
        <v>2</v>
      </c>
      <c r="KL39" s="103">
        <v>47</v>
      </c>
      <c r="KM39" s="104">
        <v>64</v>
      </c>
    </row>
    <row r="40" spans="2:299" s="70" customFormat="1" ht="21" customHeight="1" thickBot="1" x14ac:dyDescent="0.25">
      <c r="B40" s="108" t="s">
        <v>37</v>
      </c>
      <c r="C40" s="109">
        <v>0</v>
      </c>
      <c r="D40" s="110">
        <v>0</v>
      </c>
      <c r="E40" s="111">
        <v>0</v>
      </c>
      <c r="F40" s="414">
        <v>0</v>
      </c>
      <c r="G40" s="110">
        <v>0</v>
      </c>
      <c r="H40" s="110">
        <v>1</v>
      </c>
      <c r="I40" s="110">
        <v>0</v>
      </c>
      <c r="J40" s="110">
        <v>0</v>
      </c>
      <c r="K40" s="110">
        <v>0</v>
      </c>
      <c r="L40" s="112">
        <v>1</v>
      </c>
      <c r="M40" s="113">
        <v>1</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1</v>
      </c>
      <c r="AE40" s="115">
        <v>0</v>
      </c>
      <c r="AF40" s="115">
        <v>0</v>
      </c>
      <c r="AG40" s="115">
        <v>0</v>
      </c>
      <c r="AH40" s="116">
        <v>1</v>
      </c>
      <c r="AI40" s="117">
        <v>1</v>
      </c>
      <c r="AJ40" s="114">
        <v>0</v>
      </c>
      <c r="AK40" s="115">
        <v>0</v>
      </c>
      <c r="AL40" s="116">
        <v>0</v>
      </c>
      <c r="AM40" s="414">
        <v>0</v>
      </c>
      <c r="AN40" s="115">
        <v>0</v>
      </c>
      <c r="AO40" s="115">
        <v>0</v>
      </c>
      <c r="AP40" s="115">
        <v>0</v>
      </c>
      <c r="AQ40" s="115">
        <v>0</v>
      </c>
      <c r="AR40" s="115">
        <v>0</v>
      </c>
      <c r="AS40" s="116">
        <v>0</v>
      </c>
      <c r="AT40" s="117">
        <v>0</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1</v>
      </c>
      <c r="CS40" s="115">
        <v>0</v>
      </c>
      <c r="CT40" s="115">
        <v>0</v>
      </c>
      <c r="CU40" s="115">
        <v>0</v>
      </c>
      <c r="CV40" s="116">
        <v>1</v>
      </c>
      <c r="CW40" s="117">
        <v>1</v>
      </c>
      <c r="CX40" s="118">
        <v>0</v>
      </c>
      <c r="CY40" s="110">
        <v>0</v>
      </c>
      <c r="CZ40" s="111">
        <v>0</v>
      </c>
      <c r="DA40" s="414">
        <v>0</v>
      </c>
      <c r="DB40" s="110">
        <v>0</v>
      </c>
      <c r="DC40" s="110">
        <v>0</v>
      </c>
      <c r="DD40" s="110">
        <v>0</v>
      </c>
      <c r="DE40" s="110">
        <v>0</v>
      </c>
      <c r="DF40" s="110">
        <v>1</v>
      </c>
      <c r="DG40" s="112">
        <v>1</v>
      </c>
      <c r="DH40" s="113">
        <v>1</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1</v>
      </c>
      <c r="FU40" s="116">
        <v>1</v>
      </c>
      <c r="FV40" s="117">
        <v>1</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1</v>
      </c>
      <c r="GQ40" s="116">
        <v>1</v>
      </c>
      <c r="GR40" s="117">
        <v>1</v>
      </c>
      <c r="GS40" s="118">
        <v>0</v>
      </c>
      <c r="GT40" s="110">
        <v>0</v>
      </c>
      <c r="GU40" s="111">
        <v>0</v>
      </c>
      <c r="GV40" s="414">
        <v>0</v>
      </c>
      <c r="GW40" s="110">
        <v>0</v>
      </c>
      <c r="GX40" s="110">
        <v>1</v>
      </c>
      <c r="GY40" s="110">
        <v>0</v>
      </c>
      <c r="GZ40" s="110">
        <v>0</v>
      </c>
      <c r="HA40" s="110">
        <v>1</v>
      </c>
      <c r="HB40" s="112">
        <v>2</v>
      </c>
      <c r="HC40" s="113">
        <v>2</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1</v>
      </c>
      <c r="HU40" s="115">
        <v>0</v>
      </c>
      <c r="HV40" s="115">
        <v>0</v>
      </c>
      <c r="HW40" s="115">
        <v>0</v>
      </c>
      <c r="HX40" s="116">
        <v>1</v>
      </c>
      <c r="HY40" s="117">
        <v>1</v>
      </c>
      <c r="HZ40" s="114">
        <v>0</v>
      </c>
      <c r="IA40" s="115">
        <v>0</v>
      </c>
      <c r="IB40" s="116">
        <v>0</v>
      </c>
      <c r="IC40" s="414">
        <v>0</v>
      </c>
      <c r="ID40" s="115">
        <v>0</v>
      </c>
      <c r="IE40" s="115">
        <v>0</v>
      </c>
      <c r="IF40" s="115">
        <v>0</v>
      </c>
      <c r="IG40" s="115">
        <v>0</v>
      </c>
      <c r="IH40" s="115">
        <v>0</v>
      </c>
      <c r="II40" s="116">
        <v>0</v>
      </c>
      <c r="IJ40" s="117">
        <v>0</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1</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0</v>
      </c>
      <c r="KH40" s="115">
        <v>1</v>
      </c>
      <c r="KI40" s="115">
        <v>0</v>
      </c>
      <c r="KJ40" s="115">
        <v>0</v>
      </c>
      <c r="KK40" s="115">
        <v>1</v>
      </c>
      <c r="KL40" s="116">
        <v>2</v>
      </c>
      <c r="KM40" s="117">
        <v>2</v>
      </c>
    </row>
    <row r="41" spans="2:299" ht="32.25" customHeight="1" x14ac:dyDescent="0.2">
      <c r="C41" s="70"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1">
        <f>第１表!F2</f>
        <v>6</v>
      </c>
      <c r="H1" s="441"/>
      <c r="I1" s="18">
        <f>第１表!G2</f>
        <v>8</v>
      </c>
      <c r="J1" s="445">
        <f>IF(I1&lt;3,I1+12-2,I1-2)</f>
        <v>6</v>
      </c>
      <c r="K1" s="445"/>
    </row>
    <row r="2" spans="2:35" ht="24" customHeight="1" thickBot="1" x14ac:dyDescent="0.25">
      <c r="B2" s="71"/>
      <c r="J2" s="14"/>
      <c r="K2" s="14"/>
      <c r="L2" s="14"/>
      <c r="M2" s="14"/>
      <c r="N2" s="14"/>
      <c r="O2" s="14"/>
      <c r="P2" s="15"/>
      <c r="Q2" s="15"/>
      <c r="R2" s="15"/>
    </row>
    <row r="3" spans="2:35" s="71" customFormat="1"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7879</v>
      </c>
      <c r="D5" s="125">
        <v>32311</v>
      </c>
      <c r="E5" s="126">
        <v>50190</v>
      </c>
      <c r="F5" s="127">
        <v>0</v>
      </c>
      <c r="G5" s="125">
        <v>62055</v>
      </c>
      <c r="H5" s="125">
        <v>64512</v>
      </c>
      <c r="I5" s="125">
        <v>36624</v>
      </c>
      <c r="J5" s="125">
        <v>27945</v>
      </c>
      <c r="K5" s="125">
        <v>16700</v>
      </c>
      <c r="L5" s="126">
        <v>207836</v>
      </c>
      <c r="M5" s="128">
        <v>258026</v>
      </c>
      <c r="N5" s="129">
        <v>336</v>
      </c>
      <c r="O5" s="125">
        <v>907</v>
      </c>
      <c r="P5" s="126">
        <v>1243</v>
      </c>
      <c r="Q5" s="127">
        <v>0</v>
      </c>
      <c r="R5" s="125">
        <v>1087</v>
      </c>
      <c r="S5" s="125">
        <v>2005</v>
      </c>
      <c r="T5" s="125">
        <v>1059</v>
      </c>
      <c r="U5" s="125">
        <v>818</v>
      </c>
      <c r="V5" s="125">
        <v>787</v>
      </c>
      <c r="W5" s="126">
        <v>5756</v>
      </c>
      <c r="X5" s="128">
        <v>6999</v>
      </c>
      <c r="Y5" s="124">
        <v>18215</v>
      </c>
      <c r="Z5" s="125">
        <v>33218</v>
      </c>
      <c r="AA5" s="126">
        <v>51433</v>
      </c>
      <c r="AB5" s="127">
        <v>0</v>
      </c>
      <c r="AC5" s="125">
        <v>63142</v>
      </c>
      <c r="AD5" s="125">
        <v>66517</v>
      </c>
      <c r="AE5" s="125">
        <v>37683</v>
      </c>
      <c r="AF5" s="125">
        <v>28763</v>
      </c>
      <c r="AG5" s="125">
        <v>17487</v>
      </c>
      <c r="AH5" s="126">
        <v>213592</v>
      </c>
      <c r="AI5" s="128">
        <v>265025</v>
      </c>
    </row>
    <row r="6" spans="2:35" ht="21" customHeight="1" x14ac:dyDescent="0.2">
      <c r="B6" s="95" t="s">
        <v>5</v>
      </c>
      <c r="C6" s="130">
        <v>6441</v>
      </c>
      <c r="D6" s="131">
        <v>14418</v>
      </c>
      <c r="E6" s="132">
        <v>20859</v>
      </c>
      <c r="F6" s="133">
        <v>0</v>
      </c>
      <c r="G6" s="131">
        <v>16293</v>
      </c>
      <c r="H6" s="131">
        <v>24177</v>
      </c>
      <c r="I6" s="131">
        <v>12109</v>
      </c>
      <c r="J6" s="131">
        <v>9447</v>
      </c>
      <c r="K6" s="131">
        <v>5520</v>
      </c>
      <c r="L6" s="132">
        <v>67546</v>
      </c>
      <c r="M6" s="134">
        <v>88405</v>
      </c>
      <c r="N6" s="135">
        <v>107</v>
      </c>
      <c r="O6" s="131">
        <v>390</v>
      </c>
      <c r="P6" s="132">
        <v>497</v>
      </c>
      <c r="Q6" s="133">
        <v>0</v>
      </c>
      <c r="R6" s="131">
        <v>241</v>
      </c>
      <c r="S6" s="131">
        <v>838</v>
      </c>
      <c r="T6" s="131">
        <v>403</v>
      </c>
      <c r="U6" s="131">
        <v>290</v>
      </c>
      <c r="V6" s="131">
        <v>319</v>
      </c>
      <c r="W6" s="132">
        <v>2091</v>
      </c>
      <c r="X6" s="134">
        <v>2588</v>
      </c>
      <c r="Y6" s="130">
        <v>6548</v>
      </c>
      <c r="Z6" s="131">
        <v>14808</v>
      </c>
      <c r="AA6" s="132">
        <v>21356</v>
      </c>
      <c r="AB6" s="133">
        <v>0</v>
      </c>
      <c r="AC6" s="131">
        <v>16534</v>
      </c>
      <c r="AD6" s="131">
        <v>25015</v>
      </c>
      <c r="AE6" s="131">
        <v>12512</v>
      </c>
      <c r="AF6" s="131">
        <v>9737</v>
      </c>
      <c r="AG6" s="131">
        <v>5839</v>
      </c>
      <c r="AH6" s="132">
        <v>69637</v>
      </c>
      <c r="AI6" s="134">
        <v>90993</v>
      </c>
    </row>
    <row r="7" spans="2:35" ht="21" customHeight="1" x14ac:dyDescent="0.2">
      <c r="B7" s="106" t="s">
        <v>6</v>
      </c>
      <c r="C7" s="130">
        <v>2484</v>
      </c>
      <c r="D7" s="131">
        <v>3771</v>
      </c>
      <c r="E7" s="132">
        <v>6255</v>
      </c>
      <c r="F7" s="133">
        <v>0</v>
      </c>
      <c r="G7" s="131">
        <v>11128</v>
      </c>
      <c r="H7" s="131">
        <v>9706</v>
      </c>
      <c r="I7" s="131">
        <v>5765</v>
      </c>
      <c r="J7" s="131">
        <v>4409</v>
      </c>
      <c r="K7" s="131">
        <v>2895</v>
      </c>
      <c r="L7" s="132">
        <v>33903</v>
      </c>
      <c r="M7" s="134">
        <v>40158</v>
      </c>
      <c r="N7" s="135">
        <v>68</v>
      </c>
      <c r="O7" s="131">
        <v>123</v>
      </c>
      <c r="P7" s="132">
        <v>191</v>
      </c>
      <c r="Q7" s="133">
        <v>0</v>
      </c>
      <c r="R7" s="131">
        <v>234</v>
      </c>
      <c r="S7" s="131">
        <v>268</v>
      </c>
      <c r="T7" s="131">
        <v>165</v>
      </c>
      <c r="U7" s="131">
        <v>144</v>
      </c>
      <c r="V7" s="131">
        <v>130</v>
      </c>
      <c r="W7" s="132">
        <v>941</v>
      </c>
      <c r="X7" s="134">
        <v>1132</v>
      </c>
      <c r="Y7" s="130">
        <v>2552</v>
      </c>
      <c r="Z7" s="131">
        <v>3894</v>
      </c>
      <c r="AA7" s="132">
        <v>6446</v>
      </c>
      <c r="AB7" s="133">
        <v>0</v>
      </c>
      <c r="AC7" s="131">
        <v>11362</v>
      </c>
      <c r="AD7" s="131">
        <v>9974</v>
      </c>
      <c r="AE7" s="131">
        <v>5930</v>
      </c>
      <c r="AF7" s="131">
        <v>4553</v>
      </c>
      <c r="AG7" s="131">
        <v>3025</v>
      </c>
      <c r="AH7" s="132">
        <v>34844</v>
      </c>
      <c r="AI7" s="134">
        <v>41290</v>
      </c>
    </row>
    <row r="8" spans="2:35" ht="21" customHeight="1" x14ac:dyDescent="0.2">
      <c r="B8" s="106" t="s">
        <v>14</v>
      </c>
      <c r="C8" s="130">
        <v>1259</v>
      </c>
      <c r="D8" s="131">
        <v>2922</v>
      </c>
      <c r="E8" s="132">
        <v>4181</v>
      </c>
      <c r="F8" s="133">
        <v>0</v>
      </c>
      <c r="G8" s="131">
        <v>4757</v>
      </c>
      <c r="H8" s="131">
        <v>5906</v>
      </c>
      <c r="I8" s="131">
        <v>3726</v>
      </c>
      <c r="J8" s="131">
        <v>2486</v>
      </c>
      <c r="K8" s="131">
        <v>1361</v>
      </c>
      <c r="L8" s="132">
        <v>18236</v>
      </c>
      <c r="M8" s="134">
        <v>22417</v>
      </c>
      <c r="N8" s="135">
        <v>19</v>
      </c>
      <c r="O8" s="131">
        <v>105</v>
      </c>
      <c r="P8" s="132">
        <v>124</v>
      </c>
      <c r="Q8" s="133">
        <v>0</v>
      </c>
      <c r="R8" s="131">
        <v>66</v>
      </c>
      <c r="S8" s="131">
        <v>192</v>
      </c>
      <c r="T8" s="131">
        <v>93</v>
      </c>
      <c r="U8" s="131">
        <v>72</v>
      </c>
      <c r="V8" s="131">
        <v>63</v>
      </c>
      <c r="W8" s="132">
        <v>486</v>
      </c>
      <c r="X8" s="134">
        <v>610</v>
      </c>
      <c r="Y8" s="130">
        <v>1278</v>
      </c>
      <c r="Z8" s="131">
        <v>3027</v>
      </c>
      <c r="AA8" s="132">
        <v>4305</v>
      </c>
      <c r="AB8" s="133">
        <v>0</v>
      </c>
      <c r="AC8" s="131">
        <v>4823</v>
      </c>
      <c r="AD8" s="131">
        <v>6098</v>
      </c>
      <c r="AE8" s="131">
        <v>3819</v>
      </c>
      <c r="AF8" s="131">
        <v>2558</v>
      </c>
      <c r="AG8" s="131">
        <v>1424</v>
      </c>
      <c r="AH8" s="132">
        <v>18722</v>
      </c>
      <c r="AI8" s="134">
        <v>23027</v>
      </c>
    </row>
    <row r="9" spans="2:35" ht="21" customHeight="1" x14ac:dyDescent="0.2">
      <c r="B9" s="106" t="s">
        <v>7</v>
      </c>
      <c r="C9" s="130">
        <v>690</v>
      </c>
      <c r="D9" s="131">
        <v>1000</v>
      </c>
      <c r="E9" s="132">
        <v>1690</v>
      </c>
      <c r="F9" s="133">
        <v>0</v>
      </c>
      <c r="G9" s="131">
        <v>5174</v>
      </c>
      <c r="H9" s="131">
        <v>3504</v>
      </c>
      <c r="I9" s="131">
        <v>1940</v>
      </c>
      <c r="J9" s="131">
        <v>1554</v>
      </c>
      <c r="K9" s="131">
        <v>905</v>
      </c>
      <c r="L9" s="132">
        <v>13077</v>
      </c>
      <c r="M9" s="134">
        <v>14767</v>
      </c>
      <c r="N9" s="135">
        <v>8</v>
      </c>
      <c r="O9" s="131">
        <v>21</v>
      </c>
      <c r="P9" s="132">
        <v>29</v>
      </c>
      <c r="Q9" s="133">
        <v>0</v>
      </c>
      <c r="R9" s="131">
        <v>107</v>
      </c>
      <c r="S9" s="131">
        <v>100</v>
      </c>
      <c r="T9" s="131">
        <v>42</v>
      </c>
      <c r="U9" s="131">
        <v>35</v>
      </c>
      <c r="V9" s="131">
        <v>27</v>
      </c>
      <c r="W9" s="132">
        <v>311</v>
      </c>
      <c r="X9" s="134">
        <v>340</v>
      </c>
      <c r="Y9" s="130">
        <v>698</v>
      </c>
      <c r="Z9" s="131">
        <v>1021</v>
      </c>
      <c r="AA9" s="132">
        <v>1719</v>
      </c>
      <c r="AB9" s="133">
        <v>0</v>
      </c>
      <c r="AC9" s="131">
        <v>5281</v>
      </c>
      <c r="AD9" s="131">
        <v>3604</v>
      </c>
      <c r="AE9" s="131">
        <v>1982</v>
      </c>
      <c r="AF9" s="131">
        <v>1589</v>
      </c>
      <c r="AG9" s="131">
        <v>932</v>
      </c>
      <c r="AH9" s="132">
        <v>13388</v>
      </c>
      <c r="AI9" s="134">
        <v>15107</v>
      </c>
    </row>
    <row r="10" spans="2:35" ht="21" customHeight="1" x14ac:dyDescent="0.2">
      <c r="B10" s="106" t="s">
        <v>8</v>
      </c>
      <c r="C10" s="130">
        <v>657</v>
      </c>
      <c r="D10" s="131">
        <v>722</v>
      </c>
      <c r="E10" s="132">
        <v>1379</v>
      </c>
      <c r="F10" s="133">
        <v>0</v>
      </c>
      <c r="G10" s="131">
        <v>2198</v>
      </c>
      <c r="H10" s="131">
        <v>2166</v>
      </c>
      <c r="I10" s="131">
        <v>1298</v>
      </c>
      <c r="J10" s="131">
        <v>936</v>
      </c>
      <c r="K10" s="131">
        <v>594</v>
      </c>
      <c r="L10" s="132">
        <v>7192</v>
      </c>
      <c r="M10" s="134">
        <v>8571</v>
      </c>
      <c r="N10" s="135">
        <v>9</v>
      </c>
      <c r="O10" s="131">
        <v>25</v>
      </c>
      <c r="P10" s="132">
        <v>34</v>
      </c>
      <c r="Q10" s="133">
        <v>0</v>
      </c>
      <c r="R10" s="131">
        <v>43</v>
      </c>
      <c r="S10" s="131">
        <v>75</v>
      </c>
      <c r="T10" s="131">
        <v>38</v>
      </c>
      <c r="U10" s="131">
        <v>27</v>
      </c>
      <c r="V10" s="131">
        <v>17</v>
      </c>
      <c r="W10" s="132">
        <v>200</v>
      </c>
      <c r="X10" s="134">
        <v>234</v>
      </c>
      <c r="Y10" s="130">
        <v>666</v>
      </c>
      <c r="Z10" s="131">
        <v>747</v>
      </c>
      <c r="AA10" s="132">
        <v>1413</v>
      </c>
      <c r="AB10" s="133">
        <v>0</v>
      </c>
      <c r="AC10" s="131">
        <v>2241</v>
      </c>
      <c r="AD10" s="131">
        <v>2241</v>
      </c>
      <c r="AE10" s="131">
        <v>1336</v>
      </c>
      <c r="AF10" s="131">
        <v>963</v>
      </c>
      <c r="AG10" s="131">
        <v>611</v>
      </c>
      <c r="AH10" s="132">
        <v>7392</v>
      </c>
      <c r="AI10" s="134">
        <v>8805</v>
      </c>
    </row>
    <row r="11" spans="2:35" ht="21" customHeight="1" x14ac:dyDescent="0.2">
      <c r="B11" s="106" t="s">
        <v>9</v>
      </c>
      <c r="C11" s="130">
        <v>516</v>
      </c>
      <c r="D11" s="131">
        <v>592</v>
      </c>
      <c r="E11" s="132">
        <v>1108</v>
      </c>
      <c r="F11" s="133">
        <v>0</v>
      </c>
      <c r="G11" s="131">
        <v>2010</v>
      </c>
      <c r="H11" s="131">
        <v>1501</v>
      </c>
      <c r="I11" s="131">
        <v>1045</v>
      </c>
      <c r="J11" s="131">
        <v>878</v>
      </c>
      <c r="K11" s="131">
        <v>545</v>
      </c>
      <c r="L11" s="132">
        <v>5979</v>
      </c>
      <c r="M11" s="134">
        <v>7087</v>
      </c>
      <c r="N11" s="135">
        <v>5</v>
      </c>
      <c r="O11" s="131">
        <v>10</v>
      </c>
      <c r="P11" s="132">
        <v>15</v>
      </c>
      <c r="Q11" s="133">
        <v>0</v>
      </c>
      <c r="R11" s="131">
        <v>35</v>
      </c>
      <c r="S11" s="131">
        <v>29</v>
      </c>
      <c r="T11" s="131">
        <v>16</v>
      </c>
      <c r="U11" s="131">
        <v>18</v>
      </c>
      <c r="V11" s="131">
        <v>16</v>
      </c>
      <c r="W11" s="132">
        <v>114</v>
      </c>
      <c r="X11" s="134">
        <v>129</v>
      </c>
      <c r="Y11" s="130">
        <v>521</v>
      </c>
      <c r="Z11" s="131">
        <v>602</v>
      </c>
      <c r="AA11" s="132">
        <v>1123</v>
      </c>
      <c r="AB11" s="133">
        <v>0</v>
      </c>
      <c r="AC11" s="131">
        <v>2045</v>
      </c>
      <c r="AD11" s="131">
        <v>1530</v>
      </c>
      <c r="AE11" s="131">
        <v>1061</v>
      </c>
      <c r="AF11" s="131">
        <v>896</v>
      </c>
      <c r="AG11" s="131">
        <v>561</v>
      </c>
      <c r="AH11" s="132">
        <v>6093</v>
      </c>
      <c r="AI11" s="134">
        <v>7216</v>
      </c>
    </row>
    <row r="12" spans="2:35" ht="21" customHeight="1" x14ac:dyDescent="0.2">
      <c r="B12" s="106" t="s">
        <v>10</v>
      </c>
      <c r="C12" s="130">
        <v>1384</v>
      </c>
      <c r="D12" s="131">
        <v>1687</v>
      </c>
      <c r="E12" s="132">
        <v>3071</v>
      </c>
      <c r="F12" s="133">
        <v>0</v>
      </c>
      <c r="G12" s="131">
        <v>4259</v>
      </c>
      <c r="H12" s="131">
        <v>2519</v>
      </c>
      <c r="I12" s="131">
        <v>1598</v>
      </c>
      <c r="J12" s="131">
        <v>1342</v>
      </c>
      <c r="K12" s="131">
        <v>889</v>
      </c>
      <c r="L12" s="132">
        <v>10607</v>
      </c>
      <c r="M12" s="134">
        <v>13678</v>
      </c>
      <c r="N12" s="135">
        <v>32</v>
      </c>
      <c r="O12" s="131">
        <v>37</v>
      </c>
      <c r="P12" s="132">
        <v>69</v>
      </c>
      <c r="Q12" s="133">
        <v>0</v>
      </c>
      <c r="R12" s="131">
        <v>91</v>
      </c>
      <c r="S12" s="131">
        <v>83</v>
      </c>
      <c r="T12" s="131">
        <v>51</v>
      </c>
      <c r="U12" s="131">
        <v>42</v>
      </c>
      <c r="V12" s="131">
        <v>35</v>
      </c>
      <c r="W12" s="132">
        <v>302</v>
      </c>
      <c r="X12" s="134">
        <v>371</v>
      </c>
      <c r="Y12" s="130">
        <v>1416</v>
      </c>
      <c r="Z12" s="131">
        <v>1724</v>
      </c>
      <c r="AA12" s="132">
        <v>3140</v>
      </c>
      <c r="AB12" s="133">
        <v>0</v>
      </c>
      <c r="AC12" s="131">
        <v>4350</v>
      </c>
      <c r="AD12" s="131">
        <v>2602</v>
      </c>
      <c r="AE12" s="131">
        <v>1649</v>
      </c>
      <c r="AF12" s="131">
        <v>1384</v>
      </c>
      <c r="AG12" s="131">
        <v>924</v>
      </c>
      <c r="AH12" s="132">
        <v>10909</v>
      </c>
      <c r="AI12" s="134">
        <v>14049</v>
      </c>
    </row>
    <row r="13" spans="2:35" ht="21" customHeight="1" x14ac:dyDescent="0.2">
      <c r="B13" s="106" t="s">
        <v>11</v>
      </c>
      <c r="C13" s="130">
        <v>574</v>
      </c>
      <c r="D13" s="131">
        <v>627</v>
      </c>
      <c r="E13" s="132">
        <v>1201</v>
      </c>
      <c r="F13" s="133">
        <v>0</v>
      </c>
      <c r="G13" s="131">
        <v>2116</v>
      </c>
      <c r="H13" s="131">
        <v>1408</v>
      </c>
      <c r="I13" s="131">
        <v>956</v>
      </c>
      <c r="J13" s="131">
        <v>802</v>
      </c>
      <c r="K13" s="131">
        <v>406</v>
      </c>
      <c r="L13" s="132">
        <v>5688</v>
      </c>
      <c r="M13" s="134">
        <v>6889</v>
      </c>
      <c r="N13" s="135">
        <v>10</v>
      </c>
      <c r="O13" s="131">
        <v>12</v>
      </c>
      <c r="P13" s="132">
        <v>22</v>
      </c>
      <c r="Q13" s="133">
        <v>0</v>
      </c>
      <c r="R13" s="131">
        <v>45</v>
      </c>
      <c r="S13" s="131">
        <v>26</v>
      </c>
      <c r="T13" s="131">
        <v>28</v>
      </c>
      <c r="U13" s="131">
        <v>19</v>
      </c>
      <c r="V13" s="131">
        <v>16</v>
      </c>
      <c r="W13" s="132">
        <v>134</v>
      </c>
      <c r="X13" s="134">
        <v>156</v>
      </c>
      <c r="Y13" s="130">
        <v>584</v>
      </c>
      <c r="Z13" s="131">
        <v>639</v>
      </c>
      <c r="AA13" s="132">
        <v>1223</v>
      </c>
      <c r="AB13" s="133">
        <v>0</v>
      </c>
      <c r="AC13" s="131">
        <v>2161</v>
      </c>
      <c r="AD13" s="131">
        <v>1434</v>
      </c>
      <c r="AE13" s="131">
        <v>984</v>
      </c>
      <c r="AF13" s="131">
        <v>821</v>
      </c>
      <c r="AG13" s="131">
        <v>422</v>
      </c>
      <c r="AH13" s="132">
        <v>5822</v>
      </c>
      <c r="AI13" s="134">
        <v>7045</v>
      </c>
    </row>
    <row r="14" spans="2:35" ht="21" customHeight="1" x14ac:dyDescent="0.2">
      <c r="B14" s="106" t="s">
        <v>12</v>
      </c>
      <c r="C14" s="130">
        <v>730</v>
      </c>
      <c r="D14" s="131">
        <v>1216</v>
      </c>
      <c r="E14" s="132">
        <v>1946</v>
      </c>
      <c r="F14" s="133">
        <v>0</v>
      </c>
      <c r="G14" s="131">
        <v>1794</v>
      </c>
      <c r="H14" s="131">
        <v>1552</v>
      </c>
      <c r="I14" s="131">
        <v>1004</v>
      </c>
      <c r="J14" s="131">
        <v>853</v>
      </c>
      <c r="K14" s="131">
        <v>517</v>
      </c>
      <c r="L14" s="132">
        <v>5720</v>
      </c>
      <c r="M14" s="134">
        <v>7666</v>
      </c>
      <c r="N14" s="135">
        <v>12</v>
      </c>
      <c r="O14" s="131">
        <v>38</v>
      </c>
      <c r="P14" s="132">
        <v>50</v>
      </c>
      <c r="Q14" s="133">
        <v>0</v>
      </c>
      <c r="R14" s="131">
        <v>20</v>
      </c>
      <c r="S14" s="131">
        <v>45</v>
      </c>
      <c r="T14" s="131">
        <v>28</v>
      </c>
      <c r="U14" s="131">
        <v>20</v>
      </c>
      <c r="V14" s="131">
        <v>17</v>
      </c>
      <c r="W14" s="132">
        <v>130</v>
      </c>
      <c r="X14" s="134">
        <v>180</v>
      </c>
      <c r="Y14" s="130">
        <v>742</v>
      </c>
      <c r="Z14" s="131">
        <v>1254</v>
      </c>
      <c r="AA14" s="132">
        <v>1996</v>
      </c>
      <c r="AB14" s="133">
        <v>0</v>
      </c>
      <c r="AC14" s="131">
        <v>1814</v>
      </c>
      <c r="AD14" s="131">
        <v>1597</v>
      </c>
      <c r="AE14" s="131">
        <v>1032</v>
      </c>
      <c r="AF14" s="131">
        <v>873</v>
      </c>
      <c r="AG14" s="131">
        <v>534</v>
      </c>
      <c r="AH14" s="132">
        <v>5850</v>
      </c>
      <c r="AI14" s="134">
        <v>7846</v>
      </c>
    </row>
    <row r="15" spans="2:35" ht="21" customHeight="1" x14ac:dyDescent="0.2">
      <c r="B15" s="106" t="s">
        <v>13</v>
      </c>
      <c r="C15" s="130">
        <v>132</v>
      </c>
      <c r="D15" s="131">
        <v>220</v>
      </c>
      <c r="E15" s="132">
        <v>352</v>
      </c>
      <c r="F15" s="133">
        <v>0</v>
      </c>
      <c r="G15" s="131">
        <v>715</v>
      </c>
      <c r="H15" s="131">
        <v>682</v>
      </c>
      <c r="I15" s="131">
        <v>404</v>
      </c>
      <c r="J15" s="131">
        <v>316</v>
      </c>
      <c r="K15" s="131">
        <v>215</v>
      </c>
      <c r="L15" s="132">
        <v>2332</v>
      </c>
      <c r="M15" s="134">
        <v>2684</v>
      </c>
      <c r="N15" s="135">
        <v>0</v>
      </c>
      <c r="O15" s="131">
        <v>2</v>
      </c>
      <c r="P15" s="132">
        <v>2</v>
      </c>
      <c r="Q15" s="133">
        <v>0</v>
      </c>
      <c r="R15" s="131">
        <v>13</v>
      </c>
      <c r="S15" s="131">
        <v>18</v>
      </c>
      <c r="T15" s="131">
        <v>8</v>
      </c>
      <c r="U15" s="131">
        <v>0</v>
      </c>
      <c r="V15" s="131">
        <v>7</v>
      </c>
      <c r="W15" s="132">
        <v>46</v>
      </c>
      <c r="X15" s="134">
        <v>48</v>
      </c>
      <c r="Y15" s="130">
        <v>132</v>
      </c>
      <c r="Z15" s="131">
        <v>222</v>
      </c>
      <c r="AA15" s="132">
        <v>354</v>
      </c>
      <c r="AB15" s="133">
        <v>0</v>
      </c>
      <c r="AC15" s="131">
        <v>728</v>
      </c>
      <c r="AD15" s="131">
        <v>700</v>
      </c>
      <c r="AE15" s="131">
        <v>412</v>
      </c>
      <c r="AF15" s="131">
        <v>316</v>
      </c>
      <c r="AG15" s="131">
        <v>222</v>
      </c>
      <c r="AH15" s="132">
        <v>2378</v>
      </c>
      <c r="AI15" s="134">
        <v>2732</v>
      </c>
    </row>
    <row r="16" spans="2:35" ht="21" customHeight="1" x14ac:dyDescent="0.2">
      <c r="B16" s="106" t="s">
        <v>15</v>
      </c>
      <c r="C16" s="130">
        <v>106</v>
      </c>
      <c r="D16" s="131">
        <v>206</v>
      </c>
      <c r="E16" s="132">
        <v>312</v>
      </c>
      <c r="F16" s="133">
        <v>0</v>
      </c>
      <c r="G16" s="131">
        <v>533</v>
      </c>
      <c r="H16" s="131">
        <v>562</v>
      </c>
      <c r="I16" s="131">
        <v>299</v>
      </c>
      <c r="J16" s="131">
        <v>229</v>
      </c>
      <c r="K16" s="131">
        <v>119</v>
      </c>
      <c r="L16" s="132">
        <v>1742</v>
      </c>
      <c r="M16" s="134">
        <v>2054</v>
      </c>
      <c r="N16" s="135">
        <v>1</v>
      </c>
      <c r="O16" s="131">
        <v>5</v>
      </c>
      <c r="P16" s="132">
        <v>6</v>
      </c>
      <c r="Q16" s="133">
        <v>0</v>
      </c>
      <c r="R16" s="131">
        <v>9</v>
      </c>
      <c r="S16" s="131">
        <v>11</v>
      </c>
      <c r="T16" s="131">
        <v>4</v>
      </c>
      <c r="U16" s="131">
        <v>2</v>
      </c>
      <c r="V16" s="131">
        <v>8</v>
      </c>
      <c r="W16" s="132">
        <v>34</v>
      </c>
      <c r="X16" s="134">
        <v>40</v>
      </c>
      <c r="Y16" s="130">
        <v>107</v>
      </c>
      <c r="Z16" s="131">
        <v>211</v>
      </c>
      <c r="AA16" s="132">
        <v>318</v>
      </c>
      <c r="AB16" s="133">
        <v>0</v>
      </c>
      <c r="AC16" s="131">
        <v>542</v>
      </c>
      <c r="AD16" s="131">
        <v>573</v>
      </c>
      <c r="AE16" s="131">
        <v>303</v>
      </c>
      <c r="AF16" s="131">
        <v>231</v>
      </c>
      <c r="AG16" s="131">
        <v>127</v>
      </c>
      <c r="AH16" s="132">
        <v>1776</v>
      </c>
      <c r="AI16" s="134">
        <v>2094</v>
      </c>
    </row>
    <row r="17" spans="2:35" ht="21" customHeight="1" x14ac:dyDescent="0.2">
      <c r="B17" s="106" t="s">
        <v>16</v>
      </c>
      <c r="C17" s="130">
        <v>270</v>
      </c>
      <c r="D17" s="131">
        <v>523</v>
      </c>
      <c r="E17" s="132">
        <v>793</v>
      </c>
      <c r="F17" s="133">
        <v>0</v>
      </c>
      <c r="G17" s="131">
        <v>980</v>
      </c>
      <c r="H17" s="131">
        <v>1364</v>
      </c>
      <c r="I17" s="131">
        <v>691</v>
      </c>
      <c r="J17" s="131">
        <v>561</v>
      </c>
      <c r="K17" s="131">
        <v>301</v>
      </c>
      <c r="L17" s="132">
        <v>3897</v>
      </c>
      <c r="M17" s="134">
        <v>4690</v>
      </c>
      <c r="N17" s="135">
        <v>2</v>
      </c>
      <c r="O17" s="131">
        <v>18</v>
      </c>
      <c r="P17" s="132">
        <v>20</v>
      </c>
      <c r="Q17" s="133">
        <v>0</v>
      </c>
      <c r="R17" s="131">
        <v>11</v>
      </c>
      <c r="S17" s="131">
        <v>37</v>
      </c>
      <c r="T17" s="131">
        <v>21</v>
      </c>
      <c r="U17" s="131">
        <v>17</v>
      </c>
      <c r="V17" s="131">
        <v>18</v>
      </c>
      <c r="W17" s="132">
        <v>104</v>
      </c>
      <c r="X17" s="134">
        <v>124</v>
      </c>
      <c r="Y17" s="130">
        <v>272</v>
      </c>
      <c r="Z17" s="131">
        <v>541</v>
      </c>
      <c r="AA17" s="132">
        <v>813</v>
      </c>
      <c r="AB17" s="133">
        <v>0</v>
      </c>
      <c r="AC17" s="131">
        <v>991</v>
      </c>
      <c r="AD17" s="131">
        <v>1401</v>
      </c>
      <c r="AE17" s="131">
        <v>712</v>
      </c>
      <c r="AF17" s="131">
        <v>578</v>
      </c>
      <c r="AG17" s="131">
        <v>319</v>
      </c>
      <c r="AH17" s="132">
        <v>4001</v>
      </c>
      <c r="AI17" s="134">
        <v>4814</v>
      </c>
    </row>
    <row r="18" spans="2:35" ht="21" customHeight="1" x14ac:dyDescent="0.2">
      <c r="B18" s="106" t="s">
        <v>17</v>
      </c>
      <c r="C18" s="130">
        <v>322</v>
      </c>
      <c r="D18" s="131">
        <v>665</v>
      </c>
      <c r="E18" s="132">
        <v>987</v>
      </c>
      <c r="F18" s="133">
        <v>0</v>
      </c>
      <c r="G18" s="131">
        <v>1070</v>
      </c>
      <c r="H18" s="131">
        <v>1814</v>
      </c>
      <c r="I18" s="131">
        <v>1097</v>
      </c>
      <c r="J18" s="131">
        <v>786</v>
      </c>
      <c r="K18" s="131">
        <v>436</v>
      </c>
      <c r="L18" s="132">
        <v>5203</v>
      </c>
      <c r="M18" s="134">
        <v>6190</v>
      </c>
      <c r="N18" s="135">
        <v>5</v>
      </c>
      <c r="O18" s="131">
        <v>23</v>
      </c>
      <c r="P18" s="132">
        <v>28</v>
      </c>
      <c r="Q18" s="133">
        <v>0</v>
      </c>
      <c r="R18" s="131">
        <v>24</v>
      </c>
      <c r="S18" s="131">
        <v>59</v>
      </c>
      <c r="T18" s="131">
        <v>34</v>
      </c>
      <c r="U18" s="131">
        <v>25</v>
      </c>
      <c r="V18" s="131">
        <v>24</v>
      </c>
      <c r="W18" s="132">
        <v>166</v>
      </c>
      <c r="X18" s="134">
        <v>194</v>
      </c>
      <c r="Y18" s="130">
        <v>327</v>
      </c>
      <c r="Z18" s="131">
        <v>688</v>
      </c>
      <c r="AA18" s="132">
        <v>1015</v>
      </c>
      <c r="AB18" s="133">
        <v>0</v>
      </c>
      <c r="AC18" s="131">
        <v>1094</v>
      </c>
      <c r="AD18" s="131">
        <v>1873</v>
      </c>
      <c r="AE18" s="131">
        <v>1131</v>
      </c>
      <c r="AF18" s="131">
        <v>811</v>
      </c>
      <c r="AG18" s="131">
        <v>460</v>
      </c>
      <c r="AH18" s="132">
        <v>5369</v>
      </c>
      <c r="AI18" s="134">
        <v>6384</v>
      </c>
    </row>
    <row r="19" spans="2:35" ht="21" customHeight="1" x14ac:dyDescent="0.2">
      <c r="B19" s="106" t="s">
        <v>18</v>
      </c>
      <c r="C19" s="130">
        <v>394</v>
      </c>
      <c r="D19" s="131">
        <v>737</v>
      </c>
      <c r="E19" s="132">
        <v>1131</v>
      </c>
      <c r="F19" s="133">
        <v>0</v>
      </c>
      <c r="G19" s="131">
        <v>1906</v>
      </c>
      <c r="H19" s="131">
        <v>1788</v>
      </c>
      <c r="I19" s="131">
        <v>1121</v>
      </c>
      <c r="J19" s="131">
        <v>801</v>
      </c>
      <c r="K19" s="131">
        <v>486</v>
      </c>
      <c r="L19" s="132">
        <v>6102</v>
      </c>
      <c r="M19" s="134">
        <v>7233</v>
      </c>
      <c r="N19" s="135">
        <v>18</v>
      </c>
      <c r="O19" s="131">
        <v>20</v>
      </c>
      <c r="P19" s="132">
        <v>38</v>
      </c>
      <c r="Q19" s="133">
        <v>0</v>
      </c>
      <c r="R19" s="131">
        <v>39</v>
      </c>
      <c r="S19" s="131">
        <v>60</v>
      </c>
      <c r="T19" s="131">
        <v>29</v>
      </c>
      <c r="U19" s="131">
        <v>27</v>
      </c>
      <c r="V19" s="131">
        <v>28</v>
      </c>
      <c r="W19" s="132">
        <v>183</v>
      </c>
      <c r="X19" s="134">
        <v>221</v>
      </c>
      <c r="Y19" s="130">
        <v>412</v>
      </c>
      <c r="Z19" s="131">
        <v>757</v>
      </c>
      <c r="AA19" s="132">
        <v>1169</v>
      </c>
      <c r="AB19" s="133">
        <v>0</v>
      </c>
      <c r="AC19" s="131">
        <v>1945</v>
      </c>
      <c r="AD19" s="131">
        <v>1848</v>
      </c>
      <c r="AE19" s="131">
        <v>1150</v>
      </c>
      <c r="AF19" s="131">
        <v>828</v>
      </c>
      <c r="AG19" s="131">
        <v>514</v>
      </c>
      <c r="AH19" s="132">
        <v>6285</v>
      </c>
      <c r="AI19" s="134">
        <v>7454</v>
      </c>
    </row>
    <row r="20" spans="2:35" ht="21" customHeight="1" x14ac:dyDescent="0.2">
      <c r="B20" s="106" t="s">
        <v>19</v>
      </c>
      <c r="C20" s="130">
        <v>264</v>
      </c>
      <c r="D20" s="131">
        <v>338</v>
      </c>
      <c r="E20" s="132">
        <v>602</v>
      </c>
      <c r="F20" s="133">
        <v>0</v>
      </c>
      <c r="G20" s="131">
        <v>864</v>
      </c>
      <c r="H20" s="131">
        <v>718</v>
      </c>
      <c r="I20" s="131">
        <v>440</v>
      </c>
      <c r="J20" s="131">
        <v>294</v>
      </c>
      <c r="K20" s="131">
        <v>187</v>
      </c>
      <c r="L20" s="132">
        <v>2503</v>
      </c>
      <c r="M20" s="134">
        <v>3105</v>
      </c>
      <c r="N20" s="135">
        <v>7</v>
      </c>
      <c r="O20" s="131">
        <v>9</v>
      </c>
      <c r="P20" s="132">
        <v>16</v>
      </c>
      <c r="Q20" s="133">
        <v>0</v>
      </c>
      <c r="R20" s="131">
        <v>22</v>
      </c>
      <c r="S20" s="131">
        <v>16</v>
      </c>
      <c r="T20" s="131">
        <v>10</v>
      </c>
      <c r="U20" s="131">
        <v>9</v>
      </c>
      <c r="V20" s="131">
        <v>7</v>
      </c>
      <c r="W20" s="132">
        <v>64</v>
      </c>
      <c r="X20" s="134">
        <v>80</v>
      </c>
      <c r="Y20" s="130">
        <v>271</v>
      </c>
      <c r="Z20" s="131">
        <v>347</v>
      </c>
      <c r="AA20" s="132">
        <v>618</v>
      </c>
      <c r="AB20" s="133">
        <v>0</v>
      </c>
      <c r="AC20" s="131">
        <v>886</v>
      </c>
      <c r="AD20" s="131">
        <v>734</v>
      </c>
      <c r="AE20" s="131">
        <v>450</v>
      </c>
      <c r="AF20" s="131">
        <v>303</v>
      </c>
      <c r="AG20" s="131">
        <v>194</v>
      </c>
      <c r="AH20" s="132">
        <v>2567</v>
      </c>
      <c r="AI20" s="134">
        <v>3185</v>
      </c>
    </row>
    <row r="21" spans="2:35" ht="21" customHeight="1" x14ac:dyDescent="0.2">
      <c r="B21" s="106" t="s">
        <v>20</v>
      </c>
      <c r="C21" s="130">
        <v>244</v>
      </c>
      <c r="D21" s="131">
        <v>441</v>
      </c>
      <c r="E21" s="132">
        <v>685</v>
      </c>
      <c r="F21" s="133">
        <v>0</v>
      </c>
      <c r="G21" s="131">
        <v>1252</v>
      </c>
      <c r="H21" s="131">
        <v>818</v>
      </c>
      <c r="I21" s="131">
        <v>559</v>
      </c>
      <c r="J21" s="131">
        <v>356</v>
      </c>
      <c r="K21" s="131">
        <v>212</v>
      </c>
      <c r="L21" s="132">
        <v>3197</v>
      </c>
      <c r="M21" s="134">
        <v>3882</v>
      </c>
      <c r="N21" s="135">
        <v>6</v>
      </c>
      <c r="O21" s="131">
        <v>18</v>
      </c>
      <c r="P21" s="132">
        <v>24</v>
      </c>
      <c r="Q21" s="133">
        <v>0</v>
      </c>
      <c r="R21" s="131">
        <v>21</v>
      </c>
      <c r="S21" s="131">
        <v>20</v>
      </c>
      <c r="T21" s="131">
        <v>17</v>
      </c>
      <c r="U21" s="131">
        <v>17</v>
      </c>
      <c r="V21" s="131">
        <v>10</v>
      </c>
      <c r="W21" s="132">
        <v>85</v>
      </c>
      <c r="X21" s="134">
        <v>109</v>
      </c>
      <c r="Y21" s="130">
        <v>250</v>
      </c>
      <c r="Z21" s="131">
        <v>459</v>
      </c>
      <c r="AA21" s="132">
        <v>709</v>
      </c>
      <c r="AB21" s="133">
        <v>0</v>
      </c>
      <c r="AC21" s="131">
        <v>1273</v>
      </c>
      <c r="AD21" s="131">
        <v>838</v>
      </c>
      <c r="AE21" s="131">
        <v>576</v>
      </c>
      <c r="AF21" s="131">
        <v>373</v>
      </c>
      <c r="AG21" s="131">
        <v>222</v>
      </c>
      <c r="AH21" s="132">
        <v>3282</v>
      </c>
      <c r="AI21" s="134">
        <v>3991</v>
      </c>
    </row>
    <row r="22" spans="2:35" ht="21" customHeight="1" x14ac:dyDescent="0.2">
      <c r="B22" s="106" t="s">
        <v>21</v>
      </c>
      <c r="C22" s="130">
        <v>331</v>
      </c>
      <c r="D22" s="131">
        <v>463</v>
      </c>
      <c r="E22" s="132">
        <v>794</v>
      </c>
      <c r="F22" s="133">
        <v>0</v>
      </c>
      <c r="G22" s="131">
        <v>1113</v>
      </c>
      <c r="H22" s="131">
        <v>1056</v>
      </c>
      <c r="I22" s="131">
        <v>623</v>
      </c>
      <c r="J22" s="131">
        <v>406</v>
      </c>
      <c r="K22" s="131">
        <v>270</v>
      </c>
      <c r="L22" s="132">
        <v>3468</v>
      </c>
      <c r="M22" s="134">
        <v>4262</v>
      </c>
      <c r="N22" s="135">
        <v>8</v>
      </c>
      <c r="O22" s="131">
        <v>15</v>
      </c>
      <c r="P22" s="132">
        <v>23</v>
      </c>
      <c r="Q22" s="133">
        <v>0</v>
      </c>
      <c r="R22" s="131">
        <v>5</v>
      </c>
      <c r="S22" s="131">
        <v>35</v>
      </c>
      <c r="T22" s="131">
        <v>26</v>
      </c>
      <c r="U22" s="131">
        <v>17</v>
      </c>
      <c r="V22" s="131">
        <v>8</v>
      </c>
      <c r="W22" s="132">
        <v>91</v>
      </c>
      <c r="X22" s="134">
        <v>114</v>
      </c>
      <c r="Y22" s="130">
        <v>339</v>
      </c>
      <c r="Z22" s="131">
        <v>478</v>
      </c>
      <c r="AA22" s="132">
        <v>817</v>
      </c>
      <c r="AB22" s="133">
        <v>0</v>
      </c>
      <c r="AC22" s="131">
        <v>1118</v>
      </c>
      <c r="AD22" s="131">
        <v>1091</v>
      </c>
      <c r="AE22" s="131">
        <v>649</v>
      </c>
      <c r="AF22" s="131">
        <v>423</v>
      </c>
      <c r="AG22" s="131">
        <v>278</v>
      </c>
      <c r="AH22" s="132">
        <v>3559</v>
      </c>
      <c r="AI22" s="134">
        <v>4376</v>
      </c>
    </row>
    <row r="23" spans="2:35" ht="21" customHeight="1" x14ac:dyDescent="0.2">
      <c r="B23" s="106" t="s">
        <v>22</v>
      </c>
      <c r="C23" s="130">
        <v>74</v>
      </c>
      <c r="D23" s="131">
        <v>179</v>
      </c>
      <c r="E23" s="132">
        <v>253</v>
      </c>
      <c r="F23" s="133">
        <v>0</v>
      </c>
      <c r="G23" s="131">
        <v>416</v>
      </c>
      <c r="H23" s="131">
        <v>394</v>
      </c>
      <c r="I23" s="131">
        <v>222</v>
      </c>
      <c r="J23" s="131">
        <v>169</v>
      </c>
      <c r="K23" s="131">
        <v>80</v>
      </c>
      <c r="L23" s="132">
        <v>1281</v>
      </c>
      <c r="M23" s="134">
        <v>1534</v>
      </c>
      <c r="N23" s="135">
        <v>2</v>
      </c>
      <c r="O23" s="131">
        <v>4</v>
      </c>
      <c r="P23" s="132">
        <v>6</v>
      </c>
      <c r="Q23" s="133">
        <v>0</v>
      </c>
      <c r="R23" s="131">
        <v>9</v>
      </c>
      <c r="S23" s="131">
        <v>10</v>
      </c>
      <c r="T23" s="131">
        <v>2</v>
      </c>
      <c r="U23" s="131">
        <v>1</v>
      </c>
      <c r="V23" s="131">
        <v>3</v>
      </c>
      <c r="W23" s="132">
        <v>25</v>
      </c>
      <c r="X23" s="134">
        <v>31</v>
      </c>
      <c r="Y23" s="130">
        <v>76</v>
      </c>
      <c r="Z23" s="131">
        <v>183</v>
      </c>
      <c r="AA23" s="132">
        <v>259</v>
      </c>
      <c r="AB23" s="133">
        <v>0</v>
      </c>
      <c r="AC23" s="131">
        <v>425</v>
      </c>
      <c r="AD23" s="131">
        <v>404</v>
      </c>
      <c r="AE23" s="131">
        <v>224</v>
      </c>
      <c r="AF23" s="131">
        <v>170</v>
      </c>
      <c r="AG23" s="131">
        <v>83</v>
      </c>
      <c r="AH23" s="132">
        <v>1306</v>
      </c>
      <c r="AI23" s="134">
        <v>1565</v>
      </c>
    </row>
    <row r="24" spans="2:35" ht="21" customHeight="1" x14ac:dyDescent="0.2">
      <c r="B24" s="106" t="s">
        <v>23</v>
      </c>
      <c r="C24" s="130">
        <v>161</v>
      </c>
      <c r="D24" s="131">
        <v>305</v>
      </c>
      <c r="E24" s="132">
        <v>466</v>
      </c>
      <c r="F24" s="133">
        <v>0</v>
      </c>
      <c r="G24" s="131">
        <v>634</v>
      </c>
      <c r="H24" s="131">
        <v>601</v>
      </c>
      <c r="I24" s="131">
        <v>326</v>
      </c>
      <c r="J24" s="131">
        <v>284</v>
      </c>
      <c r="K24" s="131">
        <v>145</v>
      </c>
      <c r="L24" s="132">
        <v>1990</v>
      </c>
      <c r="M24" s="134">
        <v>2456</v>
      </c>
      <c r="N24" s="135">
        <v>8</v>
      </c>
      <c r="O24" s="131">
        <v>8</v>
      </c>
      <c r="P24" s="132">
        <v>16</v>
      </c>
      <c r="Q24" s="133">
        <v>0</v>
      </c>
      <c r="R24" s="131">
        <v>10</v>
      </c>
      <c r="S24" s="131">
        <v>24</v>
      </c>
      <c r="T24" s="131">
        <v>9</v>
      </c>
      <c r="U24" s="131">
        <v>8</v>
      </c>
      <c r="V24" s="131">
        <v>3</v>
      </c>
      <c r="W24" s="132">
        <v>54</v>
      </c>
      <c r="X24" s="134">
        <v>70</v>
      </c>
      <c r="Y24" s="130">
        <v>169</v>
      </c>
      <c r="Z24" s="131">
        <v>313</v>
      </c>
      <c r="AA24" s="132">
        <v>482</v>
      </c>
      <c r="AB24" s="133">
        <v>0</v>
      </c>
      <c r="AC24" s="131">
        <v>644</v>
      </c>
      <c r="AD24" s="131">
        <v>625</v>
      </c>
      <c r="AE24" s="131">
        <v>335</v>
      </c>
      <c r="AF24" s="131">
        <v>292</v>
      </c>
      <c r="AG24" s="131">
        <v>148</v>
      </c>
      <c r="AH24" s="132">
        <v>2044</v>
      </c>
      <c r="AI24" s="134">
        <v>2526</v>
      </c>
    </row>
    <row r="25" spans="2:35" ht="21" customHeight="1" x14ac:dyDescent="0.2">
      <c r="B25" s="106" t="s">
        <v>24</v>
      </c>
      <c r="C25" s="130">
        <v>123</v>
      </c>
      <c r="D25" s="131">
        <v>141</v>
      </c>
      <c r="E25" s="132">
        <v>264</v>
      </c>
      <c r="F25" s="133">
        <v>0</v>
      </c>
      <c r="G25" s="131">
        <v>327</v>
      </c>
      <c r="H25" s="131">
        <v>257</v>
      </c>
      <c r="I25" s="131">
        <v>172</v>
      </c>
      <c r="J25" s="131">
        <v>148</v>
      </c>
      <c r="K25" s="131">
        <v>75</v>
      </c>
      <c r="L25" s="132">
        <v>979</v>
      </c>
      <c r="M25" s="134">
        <v>1243</v>
      </c>
      <c r="N25" s="135">
        <v>1</v>
      </c>
      <c r="O25" s="131">
        <v>0</v>
      </c>
      <c r="P25" s="132">
        <v>1</v>
      </c>
      <c r="Q25" s="133">
        <v>0</v>
      </c>
      <c r="R25" s="131">
        <v>5</v>
      </c>
      <c r="S25" s="131">
        <v>6</v>
      </c>
      <c r="T25" s="131">
        <v>4</v>
      </c>
      <c r="U25" s="131">
        <v>4</v>
      </c>
      <c r="V25" s="131">
        <v>4</v>
      </c>
      <c r="W25" s="132">
        <v>23</v>
      </c>
      <c r="X25" s="134">
        <v>24</v>
      </c>
      <c r="Y25" s="130">
        <v>124</v>
      </c>
      <c r="Z25" s="131">
        <v>141</v>
      </c>
      <c r="AA25" s="132">
        <v>265</v>
      </c>
      <c r="AB25" s="133">
        <v>0</v>
      </c>
      <c r="AC25" s="131">
        <v>332</v>
      </c>
      <c r="AD25" s="131">
        <v>263</v>
      </c>
      <c r="AE25" s="131">
        <v>176</v>
      </c>
      <c r="AF25" s="131">
        <v>152</v>
      </c>
      <c r="AG25" s="131">
        <v>79</v>
      </c>
      <c r="AH25" s="132">
        <v>1002</v>
      </c>
      <c r="AI25" s="134">
        <v>1267</v>
      </c>
    </row>
    <row r="26" spans="2:35" ht="21" customHeight="1" x14ac:dyDescent="0.2">
      <c r="B26" s="106" t="s">
        <v>25</v>
      </c>
      <c r="C26" s="130">
        <v>120</v>
      </c>
      <c r="D26" s="131">
        <v>196</v>
      </c>
      <c r="E26" s="132">
        <v>316</v>
      </c>
      <c r="F26" s="133">
        <v>0</v>
      </c>
      <c r="G26" s="131">
        <v>390</v>
      </c>
      <c r="H26" s="131">
        <v>345</v>
      </c>
      <c r="I26" s="131">
        <v>173</v>
      </c>
      <c r="J26" s="131">
        <v>151</v>
      </c>
      <c r="K26" s="131">
        <v>56</v>
      </c>
      <c r="L26" s="132">
        <v>1115</v>
      </c>
      <c r="M26" s="134">
        <v>1431</v>
      </c>
      <c r="N26" s="135">
        <v>0</v>
      </c>
      <c r="O26" s="131">
        <v>5</v>
      </c>
      <c r="P26" s="132">
        <v>5</v>
      </c>
      <c r="Q26" s="133">
        <v>0</v>
      </c>
      <c r="R26" s="131">
        <v>3</v>
      </c>
      <c r="S26" s="131">
        <v>11</v>
      </c>
      <c r="T26" s="131">
        <v>4</v>
      </c>
      <c r="U26" s="131">
        <v>3</v>
      </c>
      <c r="V26" s="131">
        <v>4</v>
      </c>
      <c r="W26" s="132">
        <v>25</v>
      </c>
      <c r="X26" s="134">
        <v>30</v>
      </c>
      <c r="Y26" s="130">
        <v>120</v>
      </c>
      <c r="Z26" s="131">
        <v>201</v>
      </c>
      <c r="AA26" s="132">
        <v>321</v>
      </c>
      <c r="AB26" s="133">
        <v>0</v>
      </c>
      <c r="AC26" s="131">
        <v>393</v>
      </c>
      <c r="AD26" s="131">
        <v>356</v>
      </c>
      <c r="AE26" s="131">
        <v>177</v>
      </c>
      <c r="AF26" s="131">
        <v>154</v>
      </c>
      <c r="AG26" s="131">
        <v>60</v>
      </c>
      <c r="AH26" s="132">
        <v>1140</v>
      </c>
      <c r="AI26" s="134">
        <v>1461</v>
      </c>
    </row>
    <row r="27" spans="2:35" ht="21" customHeight="1" x14ac:dyDescent="0.2">
      <c r="B27" s="106" t="s">
        <v>26</v>
      </c>
      <c r="C27" s="130">
        <v>91</v>
      </c>
      <c r="D27" s="131">
        <v>136</v>
      </c>
      <c r="E27" s="132">
        <v>227</v>
      </c>
      <c r="F27" s="133">
        <v>0</v>
      </c>
      <c r="G27" s="131">
        <v>311</v>
      </c>
      <c r="H27" s="131">
        <v>303</v>
      </c>
      <c r="I27" s="131">
        <v>191</v>
      </c>
      <c r="J27" s="131">
        <v>129</v>
      </c>
      <c r="K27" s="131">
        <v>88</v>
      </c>
      <c r="L27" s="132">
        <v>1022</v>
      </c>
      <c r="M27" s="134">
        <v>1249</v>
      </c>
      <c r="N27" s="135">
        <v>1</v>
      </c>
      <c r="O27" s="131">
        <v>0</v>
      </c>
      <c r="P27" s="132">
        <v>1</v>
      </c>
      <c r="Q27" s="133">
        <v>0</v>
      </c>
      <c r="R27" s="131">
        <v>5</v>
      </c>
      <c r="S27" s="131">
        <v>4</v>
      </c>
      <c r="T27" s="131">
        <v>5</v>
      </c>
      <c r="U27" s="131">
        <v>3</v>
      </c>
      <c r="V27" s="131">
        <v>3</v>
      </c>
      <c r="W27" s="132">
        <v>20</v>
      </c>
      <c r="X27" s="134">
        <v>21</v>
      </c>
      <c r="Y27" s="130">
        <v>92</v>
      </c>
      <c r="Z27" s="131">
        <v>136</v>
      </c>
      <c r="AA27" s="132">
        <v>228</v>
      </c>
      <c r="AB27" s="133">
        <v>0</v>
      </c>
      <c r="AC27" s="131">
        <v>316</v>
      </c>
      <c r="AD27" s="131">
        <v>307</v>
      </c>
      <c r="AE27" s="131">
        <v>196</v>
      </c>
      <c r="AF27" s="131">
        <v>132</v>
      </c>
      <c r="AG27" s="131">
        <v>91</v>
      </c>
      <c r="AH27" s="132">
        <v>1042</v>
      </c>
      <c r="AI27" s="134">
        <v>1270</v>
      </c>
    </row>
    <row r="28" spans="2:35" ht="21" customHeight="1" x14ac:dyDescent="0.2">
      <c r="B28" s="106" t="s">
        <v>27</v>
      </c>
      <c r="C28" s="130">
        <v>151</v>
      </c>
      <c r="D28" s="131">
        <v>206</v>
      </c>
      <c r="E28" s="132">
        <v>357</v>
      </c>
      <c r="F28" s="133">
        <v>0</v>
      </c>
      <c r="G28" s="131">
        <v>273</v>
      </c>
      <c r="H28" s="131">
        <v>195</v>
      </c>
      <c r="I28" s="131">
        <v>140</v>
      </c>
      <c r="J28" s="131">
        <v>106</v>
      </c>
      <c r="K28" s="131">
        <v>68</v>
      </c>
      <c r="L28" s="132">
        <v>782</v>
      </c>
      <c r="M28" s="134">
        <v>1139</v>
      </c>
      <c r="N28" s="135">
        <v>5</v>
      </c>
      <c r="O28" s="131">
        <v>4</v>
      </c>
      <c r="P28" s="132">
        <v>9</v>
      </c>
      <c r="Q28" s="133">
        <v>0</v>
      </c>
      <c r="R28" s="131">
        <v>6</v>
      </c>
      <c r="S28" s="131">
        <v>5</v>
      </c>
      <c r="T28" s="131">
        <v>6</v>
      </c>
      <c r="U28" s="131">
        <v>2</v>
      </c>
      <c r="V28" s="131">
        <v>2</v>
      </c>
      <c r="W28" s="132">
        <v>21</v>
      </c>
      <c r="X28" s="134">
        <v>30</v>
      </c>
      <c r="Y28" s="130">
        <v>156</v>
      </c>
      <c r="Z28" s="131">
        <v>210</v>
      </c>
      <c r="AA28" s="132">
        <v>366</v>
      </c>
      <c r="AB28" s="133">
        <v>0</v>
      </c>
      <c r="AC28" s="131">
        <v>279</v>
      </c>
      <c r="AD28" s="131">
        <v>200</v>
      </c>
      <c r="AE28" s="131">
        <v>146</v>
      </c>
      <c r="AF28" s="131">
        <v>108</v>
      </c>
      <c r="AG28" s="131">
        <v>70</v>
      </c>
      <c r="AH28" s="132">
        <v>803</v>
      </c>
      <c r="AI28" s="134">
        <v>1169</v>
      </c>
    </row>
    <row r="29" spans="2:35" ht="21" customHeight="1" x14ac:dyDescent="0.2">
      <c r="B29" s="106" t="s">
        <v>28</v>
      </c>
      <c r="C29" s="130">
        <v>9</v>
      </c>
      <c r="D29" s="131">
        <v>26</v>
      </c>
      <c r="E29" s="132">
        <v>35</v>
      </c>
      <c r="F29" s="133">
        <v>0</v>
      </c>
      <c r="G29" s="131">
        <v>88</v>
      </c>
      <c r="H29" s="131">
        <v>97</v>
      </c>
      <c r="I29" s="131">
        <v>52</v>
      </c>
      <c r="J29" s="131">
        <v>38</v>
      </c>
      <c r="K29" s="131">
        <v>26</v>
      </c>
      <c r="L29" s="132">
        <v>301</v>
      </c>
      <c r="M29" s="134">
        <v>336</v>
      </c>
      <c r="N29" s="135">
        <v>0</v>
      </c>
      <c r="O29" s="131">
        <v>0</v>
      </c>
      <c r="P29" s="132">
        <v>0</v>
      </c>
      <c r="Q29" s="133">
        <v>0</v>
      </c>
      <c r="R29" s="131">
        <v>0</v>
      </c>
      <c r="S29" s="131">
        <v>3</v>
      </c>
      <c r="T29" s="131">
        <v>1</v>
      </c>
      <c r="U29" s="131">
        <v>0</v>
      </c>
      <c r="V29" s="131">
        <v>3</v>
      </c>
      <c r="W29" s="132">
        <v>7</v>
      </c>
      <c r="X29" s="134">
        <v>7</v>
      </c>
      <c r="Y29" s="130">
        <v>9</v>
      </c>
      <c r="Z29" s="131">
        <v>26</v>
      </c>
      <c r="AA29" s="132">
        <v>35</v>
      </c>
      <c r="AB29" s="133">
        <v>0</v>
      </c>
      <c r="AC29" s="131">
        <v>88</v>
      </c>
      <c r="AD29" s="131">
        <v>100</v>
      </c>
      <c r="AE29" s="131">
        <v>53</v>
      </c>
      <c r="AF29" s="131">
        <v>38</v>
      </c>
      <c r="AG29" s="131">
        <v>29</v>
      </c>
      <c r="AH29" s="132">
        <v>308</v>
      </c>
      <c r="AI29" s="134">
        <v>343</v>
      </c>
    </row>
    <row r="30" spans="2:35" ht="21" customHeight="1" x14ac:dyDescent="0.2">
      <c r="B30" s="106" t="s">
        <v>29</v>
      </c>
      <c r="C30" s="130">
        <v>37</v>
      </c>
      <c r="D30" s="131">
        <v>37</v>
      </c>
      <c r="E30" s="132">
        <v>74</v>
      </c>
      <c r="F30" s="133">
        <v>0</v>
      </c>
      <c r="G30" s="131">
        <v>98</v>
      </c>
      <c r="H30" s="131">
        <v>122</v>
      </c>
      <c r="I30" s="131">
        <v>77</v>
      </c>
      <c r="J30" s="131">
        <v>49</v>
      </c>
      <c r="K30" s="131">
        <v>32</v>
      </c>
      <c r="L30" s="132">
        <v>378</v>
      </c>
      <c r="M30" s="134">
        <v>452</v>
      </c>
      <c r="N30" s="135">
        <v>1</v>
      </c>
      <c r="O30" s="131">
        <v>3</v>
      </c>
      <c r="P30" s="132">
        <v>4</v>
      </c>
      <c r="Q30" s="133">
        <v>0</v>
      </c>
      <c r="R30" s="131">
        <v>2</v>
      </c>
      <c r="S30" s="131">
        <v>2</v>
      </c>
      <c r="T30" s="131">
        <v>3</v>
      </c>
      <c r="U30" s="131">
        <v>0</v>
      </c>
      <c r="V30" s="131">
        <v>3</v>
      </c>
      <c r="W30" s="132">
        <v>10</v>
      </c>
      <c r="X30" s="134">
        <v>14</v>
      </c>
      <c r="Y30" s="130">
        <v>38</v>
      </c>
      <c r="Z30" s="131">
        <v>40</v>
      </c>
      <c r="AA30" s="132">
        <v>78</v>
      </c>
      <c r="AB30" s="133">
        <v>0</v>
      </c>
      <c r="AC30" s="131">
        <v>100</v>
      </c>
      <c r="AD30" s="131">
        <v>124</v>
      </c>
      <c r="AE30" s="131">
        <v>80</v>
      </c>
      <c r="AF30" s="131">
        <v>49</v>
      </c>
      <c r="AG30" s="131">
        <v>35</v>
      </c>
      <c r="AH30" s="132">
        <v>388</v>
      </c>
      <c r="AI30" s="134">
        <v>466</v>
      </c>
    </row>
    <row r="31" spans="2:35" ht="21" customHeight="1" x14ac:dyDescent="0.2">
      <c r="B31" s="106" t="s">
        <v>30</v>
      </c>
      <c r="C31" s="130">
        <v>38</v>
      </c>
      <c r="D31" s="131">
        <v>34</v>
      </c>
      <c r="E31" s="132">
        <v>72</v>
      </c>
      <c r="F31" s="133">
        <v>0</v>
      </c>
      <c r="G31" s="131">
        <v>104</v>
      </c>
      <c r="H31" s="131">
        <v>73</v>
      </c>
      <c r="I31" s="131">
        <v>52</v>
      </c>
      <c r="J31" s="131">
        <v>38</v>
      </c>
      <c r="K31" s="131">
        <v>16</v>
      </c>
      <c r="L31" s="132">
        <v>283</v>
      </c>
      <c r="M31" s="134">
        <v>355</v>
      </c>
      <c r="N31" s="135">
        <v>1</v>
      </c>
      <c r="O31" s="131">
        <v>1</v>
      </c>
      <c r="P31" s="132">
        <v>2</v>
      </c>
      <c r="Q31" s="133">
        <v>0</v>
      </c>
      <c r="R31" s="131">
        <v>2</v>
      </c>
      <c r="S31" s="131">
        <v>4</v>
      </c>
      <c r="T31" s="131">
        <v>1</v>
      </c>
      <c r="U31" s="131">
        <v>2</v>
      </c>
      <c r="V31" s="131">
        <v>1</v>
      </c>
      <c r="W31" s="132">
        <v>10</v>
      </c>
      <c r="X31" s="134">
        <v>12</v>
      </c>
      <c r="Y31" s="130">
        <v>39</v>
      </c>
      <c r="Z31" s="131">
        <v>35</v>
      </c>
      <c r="AA31" s="132">
        <v>74</v>
      </c>
      <c r="AB31" s="133">
        <v>0</v>
      </c>
      <c r="AC31" s="131">
        <v>106</v>
      </c>
      <c r="AD31" s="131">
        <v>77</v>
      </c>
      <c r="AE31" s="131">
        <v>53</v>
      </c>
      <c r="AF31" s="131">
        <v>40</v>
      </c>
      <c r="AG31" s="131">
        <v>17</v>
      </c>
      <c r="AH31" s="132">
        <v>293</v>
      </c>
      <c r="AI31" s="134">
        <v>367</v>
      </c>
    </row>
    <row r="32" spans="2:35" ht="21" customHeight="1" x14ac:dyDescent="0.2">
      <c r="B32" s="106" t="s">
        <v>31</v>
      </c>
      <c r="C32" s="130">
        <v>29</v>
      </c>
      <c r="D32" s="131">
        <v>65</v>
      </c>
      <c r="E32" s="132">
        <v>94</v>
      </c>
      <c r="F32" s="133">
        <v>0</v>
      </c>
      <c r="G32" s="131">
        <v>110</v>
      </c>
      <c r="H32" s="131">
        <v>97</v>
      </c>
      <c r="I32" s="131">
        <v>56</v>
      </c>
      <c r="J32" s="131">
        <v>33</v>
      </c>
      <c r="K32" s="131">
        <v>16</v>
      </c>
      <c r="L32" s="132">
        <v>312</v>
      </c>
      <c r="M32" s="134">
        <v>406</v>
      </c>
      <c r="N32" s="135">
        <v>0</v>
      </c>
      <c r="O32" s="131">
        <v>3</v>
      </c>
      <c r="P32" s="132">
        <v>3</v>
      </c>
      <c r="Q32" s="133">
        <v>0</v>
      </c>
      <c r="R32" s="131">
        <v>2</v>
      </c>
      <c r="S32" s="131">
        <v>0</v>
      </c>
      <c r="T32" s="131">
        <v>0</v>
      </c>
      <c r="U32" s="131">
        <v>2</v>
      </c>
      <c r="V32" s="131">
        <v>1</v>
      </c>
      <c r="W32" s="132">
        <v>5</v>
      </c>
      <c r="X32" s="134">
        <v>8</v>
      </c>
      <c r="Y32" s="130">
        <v>29</v>
      </c>
      <c r="Z32" s="131">
        <v>68</v>
      </c>
      <c r="AA32" s="132">
        <v>97</v>
      </c>
      <c r="AB32" s="133">
        <v>0</v>
      </c>
      <c r="AC32" s="131">
        <v>112</v>
      </c>
      <c r="AD32" s="131">
        <v>97</v>
      </c>
      <c r="AE32" s="131">
        <v>56</v>
      </c>
      <c r="AF32" s="131">
        <v>35</v>
      </c>
      <c r="AG32" s="131">
        <v>17</v>
      </c>
      <c r="AH32" s="132">
        <v>317</v>
      </c>
      <c r="AI32" s="134">
        <v>414</v>
      </c>
    </row>
    <row r="33" spans="2:35" ht="21" customHeight="1" x14ac:dyDescent="0.2">
      <c r="B33" s="106" t="s">
        <v>32</v>
      </c>
      <c r="C33" s="130">
        <v>34</v>
      </c>
      <c r="D33" s="131">
        <v>66</v>
      </c>
      <c r="E33" s="132">
        <v>100</v>
      </c>
      <c r="F33" s="133">
        <v>0</v>
      </c>
      <c r="G33" s="131">
        <v>159</v>
      </c>
      <c r="H33" s="131">
        <v>122</v>
      </c>
      <c r="I33" s="131">
        <v>53</v>
      </c>
      <c r="J33" s="131">
        <v>55</v>
      </c>
      <c r="K33" s="131">
        <v>33</v>
      </c>
      <c r="L33" s="132">
        <v>422</v>
      </c>
      <c r="M33" s="134">
        <v>522</v>
      </c>
      <c r="N33" s="135">
        <v>0</v>
      </c>
      <c r="O33" s="131">
        <v>1</v>
      </c>
      <c r="P33" s="132">
        <v>1</v>
      </c>
      <c r="Q33" s="133">
        <v>0</v>
      </c>
      <c r="R33" s="131">
        <v>3</v>
      </c>
      <c r="S33" s="131">
        <v>7</v>
      </c>
      <c r="T33" s="131">
        <v>0</v>
      </c>
      <c r="U33" s="131">
        <v>2</v>
      </c>
      <c r="V33" s="131">
        <v>2</v>
      </c>
      <c r="W33" s="132">
        <v>14</v>
      </c>
      <c r="X33" s="134">
        <v>15</v>
      </c>
      <c r="Y33" s="130">
        <v>34</v>
      </c>
      <c r="Z33" s="131">
        <v>67</v>
      </c>
      <c r="AA33" s="132">
        <v>101</v>
      </c>
      <c r="AB33" s="133">
        <v>0</v>
      </c>
      <c r="AC33" s="131">
        <v>162</v>
      </c>
      <c r="AD33" s="131">
        <v>129</v>
      </c>
      <c r="AE33" s="131">
        <v>53</v>
      </c>
      <c r="AF33" s="131">
        <v>57</v>
      </c>
      <c r="AG33" s="131">
        <v>35</v>
      </c>
      <c r="AH33" s="132">
        <v>436</v>
      </c>
      <c r="AI33" s="134">
        <v>537</v>
      </c>
    </row>
    <row r="34" spans="2:35" ht="21" customHeight="1" x14ac:dyDescent="0.2">
      <c r="B34" s="106" t="s">
        <v>33</v>
      </c>
      <c r="C34" s="130">
        <v>32</v>
      </c>
      <c r="D34" s="131">
        <v>54</v>
      </c>
      <c r="E34" s="132">
        <v>86</v>
      </c>
      <c r="F34" s="133">
        <v>0</v>
      </c>
      <c r="G34" s="131">
        <v>149</v>
      </c>
      <c r="H34" s="131">
        <v>80</v>
      </c>
      <c r="I34" s="131">
        <v>68</v>
      </c>
      <c r="J34" s="131">
        <v>29</v>
      </c>
      <c r="K34" s="131">
        <v>25</v>
      </c>
      <c r="L34" s="132">
        <v>351</v>
      </c>
      <c r="M34" s="134">
        <v>437</v>
      </c>
      <c r="N34" s="135">
        <v>0</v>
      </c>
      <c r="O34" s="131">
        <v>0</v>
      </c>
      <c r="P34" s="132">
        <v>0</v>
      </c>
      <c r="Q34" s="133">
        <v>0</v>
      </c>
      <c r="R34" s="131">
        <v>1</v>
      </c>
      <c r="S34" s="131">
        <v>2</v>
      </c>
      <c r="T34" s="131">
        <v>0</v>
      </c>
      <c r="U34" s="131">
        <v>0</v>
      </c>
      <c r="V34" s="131">
        <v>1</v>
      </c>
      <c r="W34" s="132">
        <v>4</v>
      </c>
      <c r="X34" s="134">
        <v>4</v>
      </c>
      <c r="Y34" s="130">
        <v>32</v>
      </c>
      <c r="Z34" s="131">
        <v>54</v>
      </c>
      <c r="AA34" s="132">
        <v>86</v>
      </c>
      <c r="AB34" s="133">
        <v>0</v>
      </c>
      <c r="AC34" s="131">
        <v>150</v>
      </c>
      <c r="AD34" s="131">
        <v>82</v>
      </c>
      <c r="AE34" s="131">
        <v>68</v>
      </c>
      <c r="AF34" s="131">
        <v>29</v>
      </c>
      <c r="AG34" s="131">
        <v>26</v>
      </c>
      <c r="AH34" s="132">
        <v>355</v>
      </c>
      <c r="AI34" s="134">
        <v>441</v>
      </c>
    </row>
    <row r="35" spans="2:35" ht="21" customHeight="1" x14ac:dyDescent="0.2">
      <c r="B35" s="106" t="s">
        <v>34</v>
      </c>
      <c r="C35" s="130">
        <v>22</v>
      </c>
      <c r="D35" s="131">
        <v>33</v>
      </c>
      <c r="E35" s="132">
        <v>55</v>
      </c>
      <c r="F35" s="133">
        <v>0</v>
      </c>
      <c r="G35" s="131">
        <v>126</v>
      </c>
      <c r="H35" s="131">
        <v>68</v>
      </c>
      <c r="I35" s="131">
        <v>37</v>
      </c>
      <c r="J35" s="131">
        <v>31</v>
      </c>
      <c r="K35" s="131">
        <v>17</v>
      </c>
      <c r="L35" s="132">
        <v>279</v>
      </c>
      <c r="M35" s="134">
        <v>334</v>
      </c>
      <c r="N35" s="135">
        <v>0</v>
      </c>
      <c r="O35" s="131">
        <v>0</v>
      </c>
      <c r="P35" s="132">
        <v>0</v>
      </c>
      <c r="Q35" s="133">
        <v>0</v>
      </c>
      <c r="R35" s="131">
        <v>2</v>
      </c>
      <c r="S35" s="131">
        <v>2</v>
      </c>
      <c r="T35" s="131">
        <v>1</v>
      </c>
      <c r="U35" s="131">
        <v>1</v>
      </c>
      <c r="V35" s="131">
        <v>1</v>
      </c>
      <c r="W35" s="132">
        <v>7</v>
      </c>
      <c r="X35" s="134">
        <v>7</v>
      </c>
      <c r="Y35" s="130">
        <v>22</v>
      </c>
      <c r="Z35" s="131">
        <v>33</v>
      </c>
      <c r="AA35" s="132">
        <v>55</v>
      </c>
      <c r="AB35" s="133">
        <v>0</v>
      </c>
      <c r="AC35" s="131">
        <v>128</v>
      </c>
      <c r="AD35" s="131">
        <v>70</v>
      </c>
      <c r="AE35" s="131">
        <v>38</v>
      </c>
      <c r="AF35" s="131">
        <v>32</v>
      </c>
      <c r="AG35" s="131">
        <v>18</v>
      </c>
      <c r="AH35" s="132">
        <v>286</v>
      </c>
      <c r="AI35" s="134">
        <v>341</v>
      </c>
    </row>
    <row r="36" spans="2:35" ht="21" customHeight="1" x14ac:dyDescent="0.2">
      <c r="B36" s="106" t="s">
        <v>35</v>
      </c>
      <c r="C36" s="130">
        <v>93</v>
      </c>
      <c r="D36" s="131">
        <v>145</v>
      </c>
      <c r="E36" s="132">
        <v>238</v>
      </c>
      <c r="F36" s="133">
        <v>0</v>
      </c>
      <c r="G36" s="131">
        <v>390</v>
      </c>
      <c r="H36" s="131">
        <v>196</v>
      </c>
      <c r="I36" s="131">
        <v>142</v>
      </c>
      <c r="J36" s="131">
        <v>117</v>
      </c>
      <c r="K36" s="131">
        <v>71</v>
      </c>
      <c r="L36" s="132">
        <v>916</v>
      </c>
      <c r="M36" s="134">
        <v>1154</v>
      </c>
      <c r="N36" s="135">
        <v>0</v>
      </c>
      <c r="O36" s="131">
        <v>2</v>
      </c>
      <c r="P36" s="132">
        <v>2</v>
      </c>
      <c r="Q36" s="133">
        <v>0</v>
      </c>
      <c r="R36" s="131">
        <v>5</v>
      </c>
      <c r="S36" s="131">
        <v>4</v>
      </c>
      <c r="T36" s="131">
        <v>1</v>
      </c>
      <c r="U36" s="131">
        <v>3</v>
      </c>
      <c r="V36" s="131">
        <v>2</v>
      </c>
      <c r="W36" s="132">
        <v>15</v>
      </c>
      <c r="X36" s="134">
        <v>17</v>
      </c>
      <c r="Y36" s="130">
        <v>93</v>
      </c>
      <c r="Z36" s="131">
        <v>147</v>
      </c>
      <c r="AA36" s="132">
        <v>240</v>
      </c>
      <c r="AB36" s="133">
        <v>0</v>
      </c>
      <c r="AC36" s="131">
        <v>395</v>
      </c>
      <c r="AD36" s="131">
        <v>200</v>
      </c>
      <c r="AE36" s="131">
        <v>143</v>
      </c>
      <c r="AF36" s="131">
        <v>120</v>
      </c>
      <c r="AG36" s="131">
        <v>73</v>
      </c>
      <c r="AH36" s="132">
        <v>931</v>
      </c>
      <c r="AI36" s="134">
        <v>1171</v>
      </c>
    </row>
    <row r="37" spans="2:35" ht="21" customHeight="1" x14ac:dyDescent="0.2">
      <c r="B37" s="106" t="s">
        <v>36</v>
      </c>
      <c r="C37" s="130">
        <v>50</v>
      </c>
      <c r="D37" s="131">
        <v>138</v>
      </c>
      <c r="E37" s="132">
        <v>188</v>
      </c>
      <c r="F37" s="133">
        <v>0</v>
      </c>
      <c r="G37" s="131">
        <v>289</v>
      </c>
      <c r="H37" s="131">
        <v>300</v>
      </c>
      <c r="I37" s="131">
        <v>169</v>
      </c>
      <c r="J37" s="131">
        <v>96</v>
      </c>
      <c r="K37" s="131">
        <v>86</v>
      </c>
      <c r="L37" s="132">
        <v>940</v>
      </c>
      <c r="M37" s="134">
        <v>1128</v>
      </c>
      <c r="N37" s="135">
        <v>0</v>
      </c>
      <c r="O37" s="131">
        <v>5</v>
      </c>
      <c r="P37" s="132">
        <v>5</v>
      </c>
      <c r="Q37" s="133">
        <v>0</v>
      </c>
      <c r="R37" s="131">
        <v>6</v>
      </c>
      <c r="S37" s="131">
        <v>6</v>
      </c>
      <c r="T37" s="131">
        <v>9</v>
      </c>
      <c r="U37" s="131">
        <v>5</v>
      </c>
      <c r="V37" s="131">
        <v>4</v>
      </c>
      <c r="W37" s="132">
        <v>30</v>
      </c>
      <c r="X37" s="134">
        <v>35</v>
      </c>
      <c r="Y37" s="130">
        <v>50</v>
      </c>
      <c r="Z37" s="131">
        <v>143</v>
      </c>
      <c r="AA37" s="132">
        <v>193</v>
      </c>
      <c r="AB37" s="133">
        <v>0</v>
      </c>
      <c r="AC37" s="131">
        <v>295</v>
      </c>
      <c r="AD37" s="131">
        <v>306</v>
      </c>
      <c r="AE37" s="131">
        <v>178</v>
      </c>
      <c r="AF37" s="131">
        <v>101</v>
      </c>
      <c r="AG37" s="131">
        <v>90</v>
      </c>
      <c r="AH37" s="132">
        <v>970</v>
      </c>
      <c r="AI37" s="134">
        <v>1163</v>
      </c>
    </row>
    <row r="38" spans="2:35" ht="21" customHeight="1" thickBot="1" x14ac:dyDescent="0.25">
      <c r="B38" s="108" t="s">
        <v>37</v>
      </c>
      <c r="C38" s="136">
        <v>17</v>
      </c>
      <c r="D38" s="137">
        <v>2</v>
      </c>
      <c r="E38" s="138">
        <v>19</v>
      </c>
      <c r="F38" s="139">
        <v>0</v>
      </c>
      <c r="G38" s="137">
        <v>29</v>
      </c>
      <c r="H38" s="137">
        <v>21</v>
      </c>
      <c r="I38" s="137">
        <v>19</v>
      </c>
      <c r="J38" s="137">
        <v>16</v>
      </c>
      <c r="K38" s="137">
        <v>8</v>
      </c>
      <c r="L38" s="138">
        <v>93</v>
      </c>
      <c r="M38" s="140">
        <v>112</v>
      </c>
      <c r="N38" s="141">
        <v>0</v>
      </c>
      <c r="O38" s="137">
        <v>0</v>
      </c>
      <c r="P38" s="138">
        <v>0</v>
      </c>
      <c r="Q38" s="139">
        <v>0</v>
      </c>
      <c r="R38" s="137">
        <v>0</v>
      </c>
      <c r="S38" s="137">
        <v>3</v>
      </c>
      <c r="T38" s="137">
        <v>0</v>
      </c>
      <c r="U38" s="137">
        <v>1</v>
      </c>
      <c r="V38" s="137">
        <v>0</v>
      </c>
      <c r="W38" s="138">
        <v>4</v>
      </c>
      <c r="X38" s="140">
        <v>4</v>
      </c>
      <c r="Y38" s="136">
        <v>17</v>
      </c>
      <c r="Z38" s="137">
        <v>2</v>
      </c>
      <c r="AA38" s="138">
        <v>19</v>
      </c>
      <c r="AB38" s="139">
        <v>0</v>
      </c>
      <c r="AC38" s="137">
        <v>29</v>
      </c>
      <c r="AD38" s="137">
        <v>24</v>
      </c>
      <c r="AE38" s="137">
        <v>19</v>
      </c>
      <c r="AF38" s="137">
        <v>17</v>
      </c>
      <c r="AG38" s="137">
        <v>8</v>
      </c>
      <c r="AH38" s="138">
        <v>97</v>
      </c>
      <c r="AI38" s="140">
        <v>116</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8</v>
      </c>
      <c r="L1" s="458">
        <f>IF(K1&lt;3,K1+12-2,K1-2)</f>
        <v>6</v>
      </c>
      <c r="M1" s="458"/>
    </row>
    <row r="2" spans="2:156" ht="24" customHeight="1" thickBot="1" x14ac:dyDescent="0.25">
      <c r="B2" s="142" t="s">
        <v>135</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2</v>
      </c>
      <c r="D6" s="152">
        <v>0</v>
      </c>
      <c r="E6" s="153">
        <v>2</v>
      </c>
      <c r="F6" s="154">
        <v>0</v>
      </c>
      <c r="G6" s="152">
        <v>18850</v>
      </c>
      <c r="H6" s="152">
        <v>23596</v>
      </c>
      <c r="I6" s="152">
        <v>12878</v>
      </c>
      <c r="J6" s="152">
        <v>10142</v>
      </c>
      <c r="K6" s="152">
        <v>7699</v>
      </c>
      <c r="L6" s="155">
        <v>73165</v>
      </c>
      <c r="M6" s="156">
        <v>73167</v>
      </c>
      <c r="N6" s="151">
        <v>3</v>
      </c>
      <c r="O6" s="152">
        <v>24</v>
      </c>
      <c r="P6" s="157">
        <v>27</v>
      </c>
      <c r="Q6" s="154">
        <v>0</v>
      </c>
      <c r="R6" s="152">
        <v>98</v>
      </c>
      <c r="S6" s="152">
        <v>419</v>
      </c>
      <c r="T6" s="152">
        <v>741</v>
      </c>
      <c r="U6" s="152">
        <v>2027</v>
      </c>
      <c r="V6" s="152">
        <v>3451</v>
      </c>
      <c r="W6" s="157">
        <v>6736</v>
      </c>
      <c r="X6" s="156">
        <v>6763</v>
      </c>
      <c r="Y6" s="151">
        <v>2450</v>
      </c>
      <c r="Z6" s="152">
        <v>6320</v>
      </c>
      <c r="AA6" s="157">
        <v>8770</v>
      </c>
      <c r="AB6" s="154">
        <v>0</v>
      </c>
      <c r="AC6" s="152">
        <v>12592</v>
      </c>
      <c r="AD6" s="152">
        <v>18316</v>
      </c>
      <c r="AE6" s="152">
        <v>10709</v>
      </c>
      <c r="AF6" s="152">
        <v>8706</v>
      </c>
      <c r="AG6" s="152">
        <v>6471</v>
      </c>
      <c r="AH6" s="157">
        <v>56794</v>
      </c>
      <c r="AI6" s="156">
        <v>65564</v>
      </c>
      <c r="AJ6" s="151">
        <v>266</v>
      </c>
      <c r="AK6" s="152">
        <v>818</v>
      </c>
      <c r="AL6" s="157">
        <v>1084</v>
      </c>
      <c r="AM6" s="154">
        <v>0</v>
      </c>
      <c r="AN6" s="152">
        <v>1106</v>
      </c>
      <c r="AO6" s="152">
        <v>1708</v>
      </c>
      <c r="AP6" s="152">
        <v>1033</v>
      </c>
      <c r="AQ6" s="152">
        <v>837</v>
      </c>
      <c r="AR6" s="152">
        <v>592</v>
      </c>
      <c r="AS6" s="157">
        <v>5276</v>
      </c>
      <c r="AT6" s="156">
        <v>6360</v>
      </c>
      <c r="AU6" s="151">
        <v>3082</v>
      </c>
      <c r="AV6" s="152">
        <v>4375</v>
      </c>
      <c r="AW6" s="157">
        <v>7457</v>
      </c>
      <c r="AX6" s="154">
        <v>0</v>
      </c>
      <c r="AY6" s="152">
        <v>19693</v>
      </c>
      <c r="AZ6" s="152">
        <v>25371</v>
      </c>
      <c r="BA6" s="152">
        <v>21416</v>
      </c>
      <c r="BB6" s="152">
        <v>20527</v>
      </c>
      <c r="BC6" s="152">
        <v>15270</v>
      </c>
      <c r="BD6" s="155">
        <v>102277</v>
      </c>
      <c r="BE6" s="156">
        <v>109734</v>
      </c>
      <c r="BF6" s="151">
        <v>0</v>
      </c>
      <c r="BG6" s="152">
        <v>0</v>
      </c>
      <c r="BH6" s="157">
        <v>0</v>
      </c>
      <c r="BI6" s="154">
        <v>0</v>
      </c>
      <c r="BJ6" s="152">
        <v>22497</v>
      </c>
      <c r="BK6" s="152">
        <v>21848</v>
      </c>
      <c r="BL6" s="152">
        <v>11400</v>
      </c>
      <c r="BM6" s="152">
        <v>6370</v>
      </c>
      <c r="BN6" s="152">
        <v>3067</v>
      </c>
      <c r="BO6" s="157">
        <v>65182</v>
      </c>
      <c r="BP6" s="156">
        <v>65182</v>
      </c>
      <c r="BQ6" s="151">
        <v>1681</v>
      </c>
      <c r="BR6" s="152">
        <v>2717</v>
      </c>
      <c r="BS6" s="157">
        <v>4398</v>
      </c>
      <c r="BT6" s="154">
        <v>0</v>
      </c>
      <c r="BU6" s="152">
        <v>4527</v>
      </c>
      <c r="BV6" s="152">
        <v>6517</v>
      </c>
      <c r="BW6" s="152">
        <v>3666</v>
      </c>
      <c r="BX6" s="152">
        <v>2263</v>
      </c>
      <c r="BY6" s="152">
        <v>835</v>
      </c>
      <c r="BZ6" s="157">
        <v>17808</v>
      </c>
      <c r="CA6" s="156">
        <v>22206</v>
      </c>
      <c r="CB6" s="151">
        <v>72</v>
      </c>
      <c r="CC6" s="152">
        <v>235</v>
      </c>
      <c r="CD6" s="157">
        <v>307</v>
      </c>
      <c r="CE6" s="154">
        <v>0</v>
      </c>
      <c r="CF6" s="152">
        <v>2208</v>
      </c>
      <c r="CG6" s="152">
        <v>3622</v>
      </c>
      <c r="CH6" s="152">
        <v>4422</v>
      </c>
      <c r="CI6" s="152">
        <v>3163</v>
      </c>
      <c r="CJ6" s="152">
        <v>1802</v>
      </c>
      <c r="CK6" s="157">
        <v>15217</v>
      </c>
      <c r="CL6" s="156">
        <v>15524</v>
      </c>
      <c r="CM6" s="151">
        <v>5</v>
      </c>
      <c r="CN6" s="152">
        <v>10</v>
      </c>
      <c r="CO6" s="157">
        <v>15</v>
      </c>
      <c r="CP6" s="154">
        <v>0</v>
      </c>
      <c r="CQ6" s="152">
        <v>204</v>
      </c>
      <c r="CR6" s="152">
        <v>524</v>
      </c>
      <c r="CS6" s="152">
        <v>565</v>
      </c>
      <c r="CT6" s="152">
        <v>559</v>
      </c>
      <c r="CU6" s="152">
        <v>346</v>
      </c>
      <c r="CV6" s="157">
        <v>2198</v>
      </c>
      <c r="CW6" s="156">
        <v>2213</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870</v>
      </c>
      <c r="DU6" s="152">
        <v>25358</v>
      </c>
      <c r="DV6" s="157">
        <v>37228</v>
      </c>
      <c r="DW6" s="154">
        <v>0</v>
      </c>
      <c r="DX6" s="152">
        <v>28437</v>
      </c>
      <c r="DY6" s="152">
        <v>48684</v>
      </c>
      <c r="DZ6" s="152">
        <v>27444</v>
      </c>
      <c r="EA6" s="152">
        <v>20794</v>
      </c>
      <c r="EB6" s="152">
        <v>13304</v>
      </c>
      <c r="EC6" s="157">
        <v>138663</v>
      </c>
      <c r="ED6" s="156">
        <v>175891</v>
      </c>
      <c r="EE6" s="151">
        <v>1598</v>
      </c>
      <c r="EF6" s="152">
        <v>1266</v>
      </c>
      <c r="EG6" s="157">
        <v>2864</v>
      </c>
      <c r="EH6" s="154">
        <v>0</v>
      </c>
      <c r="EI6" s="152">
        <v>6260</v>
      </c>
      <c r="EJ6" s="152">
        <v>5977</v>
      </c>
      <c r="EK6" s="152">
        <v>4988</v>
      </c>
      <c r="EL6" s="152">
        <v>5562</v>
      </c>
      <c r="EM6" s="152">
        <v>3192</v>
      </c>
      <c r="EN6" s="157">
        <v>25979</v>
      </c>
      <c r="EO6" s="156">
        <v>28843</v>
      </c>
      <c r="EP6" s="151">
        <v>15224</v>
      </c>
      <c r="EQ6" s="152">
        <v>30267</v>
      </c>
      <c r="ER6" s="157">
        <v>45491</v>
      </c>
      <c r="ES6" s="154">
        <v>0</v>
      </c>
      <c r="ET6" s="152">
        <v>58903</v>
      </c>
      <c r="EU6" s="152">
        <v>63892</v>
      </c>
      <c r="EV6" s="152">
        <v>32474</v>
      </c>
      <c r="EW6" s="152">
        <v>22146</v>
      </c>
      <c r="EX6" s="152">
        <v>13426</v>
      </c>
      <c r="EY6" s="157">
        <v>190841</v>
      </c>
      <c r="EZ6" s="156">
        <v>236332</v>
      </c>
    </row>
    <row r="7" spans="2:156" ht="21" customHeight="1" x14ac:dyDescent="0.2">
      <c r="B7" s="158" t="s">
        <v>5</v>
      </c>
      <c r="C7" s="159">
        <v>1</v>
      </c>
      <c r="D7" s="160">
        <v>0</v>
      </c>
      <c r="E7" s="161">
        <v>1</v>
      </c>
      <c r="F7" s="162">
        <v>0</v>
      </c>
      <c r="G7" s="160">
        <v>6674</v>
      </c>
      <c r="H7" s="160">
        <v>11559</v>
      </c>
      <c r="I7" s="160">
        <v>5638</v>
      </c>
      <c r="J7" s="160">
        <v>4100</v>
      </c>
      <c r="K7" s="160">
        <v>3124</v>
      </c>
      <c r="L7" s="163">
        <v>31095</v>
      </c>
      <c r="M7" s="164">
        <v>31096</v>
      </c>
      <c r="N7" s="159">
        <v>2</v>
      </c>
      <c r="O7" s="160">
        <v>14</v>
      </c>
      <c r="P7" s="165">
        <v>16</v>
      </c>
      <c r="Q7" s="162">
        <v>0</v>
      </c>
      <c r="R7" s="160">
        <v>23</v>
      </c>
      <c r="S7" s="160">
        <v>148</v>
      </c>
      <c r="T7" s="160">
        <v>283</v>
      </c>
      <c r="U7" s="160">
        <v>818</v>
      </c>
      <c r="V7" s="160">
        <v>1498</v>
      </c>
      <c r="W7" s="165">
        <v>2770</v>
      </c>
      <c r="X7" s="164">
        <v>2786</v>
      </c>
      <c r="Y7" s="159">
        <v>1027</v>
      </c>
      <c r="Z7" s="160">
        <v>3324</v>
      </c>
      <c r="AA7" s="165">
        <v>4351</v>
      </c>
      <c r="AB7" s="162">
        <v>0</v>
      </c>
      <c r="AC7" s="160">
        <v>4411</v>
      </c>
      <c r="AD7" s="160">
        <v>9170</v>
      </c>
      <c r="AE7" s="160">
        <v>5065</v>
      </c>
      <c r="AF7" s="160">
        <v>3830</v>
      </c>
      <c r="AG7" s="160">
        <v>2769</v>
      </c>
      <c r="AH7" s="165">
        <v>25245</v>
      </c>
      <c r="AI7" s="164">
        <v>29596</v>
      </c>
      <c r="AJ7" s="159">
        <v>91</v>
      </c>
      <c r="AK7" s="160">
        <v>380</v>
      </c>
      <c r="AL7" s="165">
        <v>471</v>
      </c>
      <c r="AM7" s="162">
        <v>0</v>
      </c>
      <c r="AN7" s="160">
        <v>281</v>
      </c>
      <c r="AO7" s="160">
        <v>684</v>
      </c>
      <c r="AP7" s="160">
        <v>447</v>
      </c>
      <c r="AQ7" s="160">
        <v>313</v>
      </c>
      <c r="AR7" s="160">
        <v>220</v>
      </c>
      <c r="AS7" s="165">
        <v>1945</v>
      </c>
      <c r="AT7" s="164">
        <v>2416</v>
      </c>
      <c r="AU7" s="159">
        <v>1236</v>
      </c>
      <c r="AV7" s="160">
        <v>2162</v>
      </c>
      <c r="AW7" s="165">
        <v>3398</v>
      </c>
      <c r="AX7" s="162">
        <v>0</v>
      </c>
      <c r="AY7" s="160">
        <v>7061</v>
      </c>
      <c r="AZ7" s="160">
        <v>11123</v>
      </c>
      <c r="BA7" s="160">
        <v>8770</v>
      </c>
      <c r="BB7" s="160">
        <v>8241</v>
      </c>
      <c r="BC7" s="160">
        <v>6141</v>
      </c>
      <c r="BD7" s="163">
        <v>41336</v>
      </c>
      <c r="BE7" s="164">
        <v>44734</v>
      </c>
      <c r="BF7" s="159">
        <v>0</v>
      </c>
      <c r="BG7" s="160">
        <v>0</v>
      </c>
      <c r="BH7" s="165">
        <v>0</v>
      </c>
      <c r="BI7" s="162">
        <v>0</v>
      </c>
      <c r="BJ7" s="160">
        <v>7005</v>
      </c>
      <c r="BK7" s="160">
        <v>9019</v>
      </c>
      <c r="BL7" s="160">
        <v>4249</v>
      </c>
      <c r="BM7" s="160">
        <v>2254</v>
      </c>
      <c r="BN7" s="160">
        <v>1081</v>
      </c>
      <c r="BO7" s="165">
        <v>23608</v>
      </c>
      <c r="BP7" s="164">
        <v>23608</v>
      </c>
      <c r="BQ7" s="159">
        <v>710</v>
      </c>
      <c r="BR7" s="160">
        <v>1230</v>
      </c>
      <c r="BS7" s="165">
        <v>1940</v>
      </c>
      <c r="BT7" s="162">
        <v>0</v>
      </c>
      <c r="BU7" s="160">
        <v>1325</v>
      </c>
      <c r="BV7" s="160">
        <v>2941</v>
      </c>
      <c r="BW7" s="160">
        <v>1623</v>
      </c>
      <c r="BX7" s="160">
        <v>1005</v>
      </c>
      <c r="BY7" s="160">
        <v>338</v>
      </c>
      <c r="BZ7" s="165">
        <v>7232</v>
      </c>
      <c r="CA7" s="164">
        <v>9172</v>
      </c>
      <c r="CB7" s="159">
        <v>23</v>
      </c>
      <c r="CC7" s="160">
        <v>98</v>
      </c>
      <c r="CD7" s="165">
        <v>121</v>
      </c>
      <c r="CE7" s="162">
        <v>0</v>
      </c>
      <c r="CF7" s="160">
        <v>642</v>
      </c>
      <c r="CG7" s="160">
        <v>1326</v>
      </c>
      <c r="CH7" s="160">
        <v>1647</v>
      </c>
      <c r="CI7" s="160">
        <v>1087</v>
      </c>
      <c r="CJ7" s="160">
        <v>654</v>
      </c>
      <c r="CK7" s="165">
        <v>5356</v>
      </c>
      <c r="CL7" s="164">
        <v>5477</v>
      </c>
      <c r="CM7" s="159">
        <v>3</v>
      </c>
      <c r="CN7" s="160">
        <v>4</v>
      </c>
      <c r="CO7" s="165">
        <v>7</v>
      </c>
      <c r="CP7" s="162">
        <v>0</v>
      </c>
      <c r="CQ7" s="160">
        <v>89</v>
      </c>
      <c r="CR7" s="160">
        <v>292</v>
      </c>
      <c r="CS7" s="160">
        <v>329</v>
      </c>
      <c r="CT7" s="160">
        <v>329</v>
      </c>
      <c r="CU7" s="160">
        <v>195</v>
      </c>
      <c r="CV7" s="165">
        <v>1234</v>
      </c>
      <c r="CW7" s="164">
        <v>1241</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85</v>
      </c>
      <c r="DU7" s="160">
        <v>10758</v>
      </c>
      <c r="DV7" s="165">
        <v>14643</v>
      </c>
      <c r="DW7" s="162">
        <v>0</v>
      </c>
      <c r="DX7" s="160">
        <v>8001</v>
      </c>
      <c r="DY7" s="160">
        <v>21603</v>
      </c>
      <c r="DZ7" s="160">
        <v>11260</v>
      </c>
      <c r="EA7" s="160">
        <v>8217</v>
      </c>
      <c r="EB7" s="160">
        <v>5331</v>
      </c>
      <c r="EC7" s="165">
        <v>54412</v>
      </c>
      <c r="ED7" s="164">
        <v>69055</v>
      </c>
      <c r="EE7" s="159">
        <v>636</v>
      </c>
      <c r="EF7" s="160">
        <v>601</v>
      </c>
      <c r="EG7" s="165">
        <v>1237</v>
      </c>
      <c r="EH7" s="162">
        <v>0</v>
      </c>
      <c r="EI7" s="160">
        <v>2478</v>
      </c>
      <c r="EJ7" s="160">
        <v>2849</v>
      </c>
      <c r="EK7" s="160">
        <v>2209</v>
      </c>
      <c r="EL7" s="160">
        <v>2428</v>
      </c>
      <c r="EM7" s="160">
        <v>1327</v>
      </c>
      <c r="EN7" s="165">
        <v>11291</v>
      </c>
      <c r="EO7" s="164">
        <v>12528</v>
      </c>
      <c r="EP7" s="159">
        <v>5339</v>
      </c>
      <c r="EQ7" s="160">
        <v>13352</v>
      </c>
      <c r="ER7" s="165">
        <v>18691</v>
      </c>
      <c r="ES7" s="162">
        <v>0</v>
      </c>
      <c r="ET7" s="160">
        <v>19020</v>
      </c>
      <c r="EU7" s="160">
        <v>28767</v>
      </c>
      <c r="EV7" s="160">
        <v>13516</v>
      </c>
      <c r="EW7" s="160">
        <v>8867</v>
      </c>
      <c r="EX7" s="160">
        <v>5438</v>
      </c>
      <c r="EY7" s="165">
        <v>75608</v>
      </c>
      <c r="EZ7" s="164">
        <v>94299</v>
      </c>
    </row>
    <row r="8" spans="2:156" ht="21" customHeight="1" x14ac:dyDescent="0.2">
      <c r="B8" s="166" t="s">
        <v>6</v>
      </c>
      <c r="C8" s="159">
        <v>1</v>
      </c>
      <c r="D8" s="160">
        <v>0</v>
      </c>
      <c r="E8" s="161">
        <v>1</v>
      </c>
      <c r="F8" s="162">
        <v>0</v>
      </c>
      <c r="G8" s="160">
        <v>3363</v>
      </c>
      <c r="H8" s="160">
        <v>3216</v>
      </c>
      <c r="I8" s="160">
        <v>1827</v>
      </c>
      <c r="J8" s="160">
        <v>1535</v>
      </c>
      <c r="K8" s="160">
        <v>1235</v>
      </c>
      <c r="L8" s="163">
        <v>11176</v>
      </c>
      <c r="M8" s="164">
        <v>11177</v>
      </c>
      <c r="N8" s="159">
        <v>1</v>
      </c>
      <c r="O8" s="160">
        <v>1</v>
      </c>
      <c r="P8" s="165">
        <v>2</v>
      </c>
      <c r="Q8" s="162">
        <v>0</v>
      </c>
      <c r="R8" s="160">
        <v>16</v>
      </c>
      <c r="S8" s="160">
        <v>54</v>
      </c>
      <c r="T8" s="160">
        <v>95</v>
      </c>
      <c r="U8" s="160">
        <v>273</v>
      </c>
      <c r="V8" s="160">
        <v>514</v>
      </c>
      <c r="W8" s="165">
        <v>952</v>
      </c>
      <c r="X8" s="164">
        <v>954</v>
      </c>
      <c r="Y8" s="159">
        <v>394</v>
      </c>
      <c r="Z8" s="160">
        <v>779</v>
      </c>
      <c r="AA8" s="165">
        <v>1173</v>
      </c>
      <c r="AB8" s="162">
        <v>0</v>
      </c>
      <c r="AC8" s="160">
        <v>2415</v>
      </c>
      <c r="AD8" s="160">
        <v>2483</v>
      </c>
      <c r="AE8" s="160">
        <v>1463</v>
      </c>
      <c r="AF8" s="160">
        <v>1187</v>
      </c>
      <c r="AG8" s="160">
        <v>948</v>
      </c>
      <c r="AH8" s="165">
        <v>8496</v>
      </c>
      <c r="AI8" s="164">
        <v>9669</v>
      </c>
      <c r="AJ8" s="159">
        <v>26</v>
      </c>
      <c r="AK8" s="160">
        <v>69</v>
      </c>
      <c r="AL8" s="165">
        <v>95</v>
      </c>
      <c r="AM8" s="162">
        <v>0</v>
      </c>
      <c r="AN8" s="160">
        <v>173</v>
      </c>
      <c r="AO8" s="160">
        <v>201</v>
      </c>
      <c r="AP8" s="160">
        <v>99</v>
      </c>
      <c r="AQ8" s="160">
        <v>114</v>
      </c>
      <c r="AR8" s="160">
        <v>72</v>
      </c>
      <c r="AS8" s="165">
        <v>659</v>
      </c>
      <c r="AT8" s="164">
        <v>754</v>
      </c>
      <c r="AU8" s="159">
        <v>517</v>
      </c>
      <c r="AV8" s="160">
        <v>624</v>
      </c>
      <c r="AW8" s="165">
        <v>1141</v>
      </c>
      <c r="AX8" s="162">
        <v>0</v>
      </c>
      <c r="AY8" s="160">
        <v>3694</v>
      </c>
      <c r="AZ8" s="160">
        <v>4106</v>
      </c>
      <c r="BA8" s="160">
        <v>3423</v>
      </c>
      <c r="BB8" s="160">
        <v>3305</v>
      </c>
      <c r="BC8" s="160">
        <v>2596</v>
      </c>
      <c r="BD8" s="163">
        <v>17124</v>
      </c>
      <c r="BE8" s="164">
        <v>18265</v>
      </c>
      <c r="BF8" s="159">
        <v>0</v>
      </c>
      <c r="BG8" s="160">
        <v>0</v>
      </c>
      <c r="BH8" s="165">
        <v>0</v>
      </c>
      <c r="BI8" s="162">
        <v>0</v>
      </c>
      <c r="BJ8" s="160">
        <v>3861</v>
      </c>
      <c r="BK8" s="160">
        <v>3128</v>
      </c>
      <c r="BL8" s="160">
        <v>1677</v>
      </c>
      <c r="BM8" s="160">
        <v>933</v>
      </c>
      <c r="BN8" s="160">
        <v>480</v>
      </c>
      <c r="BO8" s="165">
        <v>10079</v>
      </c>
      <c r="BP8" s="164">
        <v>10079</v>
      </c>
      <c r="BQ8" s="159">
        <v>121</v>
      </c>
      <c r="BR8" s="160">
        <v>224</v>
      </c>
      <c r="BS8" s="165">
        <v>345</v>
      </c>
      <c r="BT8" s="162">
        <v>0</v>
      </c>
      <c r="BU8" s="160">
        <v>677</v>
      </c>
      <c r="BV8" s="160">
        <v>739</v>
      </c>
      <c r="BW8" s="160">
        <v>473</v>
      </c>
      <c r="BX8" s="160">
        <v>287</v>
      </c>
      <c r="BY8" s="160">
        <v>120</v>
      </c>
      <c r="BZ8" s="165">
        <v>2296</v>
      </c>
      <c r="CA8" s="164">
        <v>2641</v>
      </c>
      <c r="CB8" s="159">
        <v>5</v>
      </c>
      <c r="CC8" s="160">
        <v>25</v>
      </c>
      <c r="CD8" s="165">
        <v>30</v>
      </c>
      <c r="CE8" s="162">
        <v>0</v>
      </c>
      <c r="CF8" s="160">
        <v>264</v>
      </c>
      <c r="CG8" s="160">
        <v>437</v>
      </c>
      <c r="CH8" s="160">
        <v>543</v>
      </c>
      <c r="CI8" s="160">
        <v>393</v>
      </c>
      <c r="CJ8" s="160">
        <v>245</v>
      </c>
      <c r="CK8" s="165">
        <v>1882</v>
      </c>
      <c r="CL8" s="164">
        <v>1912</v>
      </c>
      <c r="CM8" s="159">
        <v>1</v>
      </c>
      <c r="CN8" s="160">
        <v>0</v>
      </c>
      <c r="CO8" s="165">
        <v>1</v>
      </c>
      <c r="CP8" s="162">
        <v>0</v>
      </c>
      <c r="CQ8" s="160">
        <v>33</v>
      </c>
      <c r="CR8" s="160">
        <v>73</v>
      </c>
      <c r="CS8" s="160">
        <v>75</v>
      </c>
      <c r="CT8" s="160">
        <v>73</v>
      </c>
      <c r="CU8" s="160">
        <v>54</v>
      </c>
      <c r="CV8" s="165">
        <v>308</v>
      </c>
      <c r="CW8" s="164">
        <v>309</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44</v>
      </c>
      <c r="DU8" s="160">
        <v>3073</v>
      </c>
      <c r="DV8" s="165">
        <v>4817</v>
      </c>
      <c r="DW8" s="162">
        <v>0</v>
      </c>
      <c r="DX8" s="160">
        <v>5138</v>
      </c>
      <c r="DY8" s="160">
        <v>6443</v>
      </c>
      <c r="DZ8" s="160">
        <v>3848</v>
      </c>
      <c r="EA8" s="160">
        <v>3039</v>
      </c>
      <c r="EB8" s="160">
        <v>2084</v>
      </c>
      <c r="EC8" s="165">
        <v>20552</v>
      </c>
      <c r="ED8" s="164">
        <v>25369</v>
      </c>
      <c r="EE8" s="159">
        <v>229</v>
      </c>
      <c r="EF8" s="160">
        <v>154</v>
      </c>
      <c r="EG8" s="165">
        <v>383</v>
      </c>
      <c r="EH8" s="162">
        <v>0</v>
      </c>
      <c r="EI8" s="160">
        <v>960</v>
      </c>
      <c r="EJ8" s="160">
        <v>807</v>
      </c>
      <c r="EK8" s="160">
        <v>702</v>
      </c>
      <c r="EL8" s="160">
        <v>791</v>
      </c>
      <c r="EM8" s="160">
        <v>506</v>
      </c>
      <c r="EN8" s="165">
        <v>3766</v>
      </c>
      <c r="EO8" s="164">
        <v>4149</v>
      </c>
      <c r="EP8" s="159">
        <v>2124</v>
      </c>
      <c r="EQ8" s="160">
        <v>3579</v>
      </c>
      <c r="ER8" s="165">
        <v>5703</v>
      </c>
      <c r="ES8" s="162">
        <v>0</v>
      </c>
      <c r="ET8" s="160">
        <v>9673</v>
      </c>
      <c r="EU8" s="160">
        <v>8293</v>
      </c>
      <c r="EV8" s="160">
        <v>4426</v>
      </c>
      <c r="EW8" s="160">
        <v>3152</v>
      </c>
      <c r="EX8" s="160">
        <v>2087</v>
      </c>
      <c r="EY8" s="165">
        <v>27631</v>
      </c>
      <c r="EZ8" s="164">
        <v>33334</v>
      </c>
    </row>
    <row r="9" spans="2:156" ht="21" customHeight="1" x14ac:dyDescent="0.2">
      <c r="B9" s="166" t="s">
        <v>14</v>
      </c>
      <c r="C9" s="159">
        <v>0</v>
      </c>
      <c r="D9" s="160">
        <v>0</v>
      </c>
      <c r="E9" s="161">
        <v>0</v>
      </c>
      <c r="F9" s="162">
        <v>0</v>
      </c>
      <c r="G9" s="160">
        <v>1200</v>
      </c>
      <c r="H9" s="160">
        <v>1802</v>
      </c>
      <c r="I9" s="160">
        <v>1079</v>
      </c>
      <c r="J9" s="160">
        <v>792</v>
      </c>
      <c r="K9" s="160">
        <v>535</v>
      </c>
      <c r="L9" s="163">
        <v>5408</v>
      </c>
      <c r="M9" s="164">
        <v>5408</v>
      </c>
      <c r="N9" s="159">
        <v>0</v>
      </c>
      <c r="O9" s="160">
        <v>1</v>
      </c>
      <c r="P9" s="165">
        <v>1</v>
      </c>
      <c r="Q9" s="162">
        <v>0</v>
      </c>
      <c r="R9" s="160">
        <v>3</v>
      </c>
      <c r="S9" s="160">
        <v>26</v>
      </c>
      <c r="T9" s="160">
        <v>48</v>
      </c>
      <c r="U9" s="160">
        <v>143</v>
      </c>
      <c r="V9" s="160">
        <v>208</v>
      </c>
      <c r="W9" s="165">
        <v>428</v>
      </c>
      <c r="X9" s="164">
        <v>429</v>
      </c>
      <c r="Y9" s="159">
        <v>114</v>
      </c>
      <c r="Z9" s="160">
        <v>408</v>
      </c>
      <c r="AA9" s="165">
        <v>522</v>
      </c>
      <c r="AB9" s="162">
        <v>0</v>
      </c>
      <c r="AC9" s="160">
        <v>739</v>
      </c>
      <c r="AD9" s="160">
        <v>1296</v>
      </c>
      <c r="AE9" s="160">
        <v>849</v>
      </c>
      <c r="AF9" s="160">
        <v>661</v>
      </c>
      <c r="AG9" s="160">
        <v>437</v>
      </c>
      <c r="AH9" s="165">
        <v>3982</v>
      </c>
      <c r="AI9" s="164">
        <v>4504</v>
      </c>
      <c r="AJ9" s="159">
        <v>7</v>
      </c>
      <c r="AK9" s="160">
        <v>37</v>
      </c>
      <c r="AL9" s="165">
        <v>44</v>
      </c>
      <c r="AM9" s="162">
        <v>0</v>
      </c>
      <c r="AN9" s="160">
        <v>22</v>
      </c>
      <c r="AO9" s="160">
        <v>62</v>
      </c>
      <c r="AP9" s="160">
        <v>46</v>
      </c>
      <c r="AQ9" s="160">
        <v>40</v>
      </c>
      <c r="AR9" s="160">
        <v>21</v>
      </c>
      <c r="AS9" s="165">
        <v>191</v>
      </c>
      <c r="AT9" s="164">
        <v>235</v>
      </c>
      <c r="AU9" s="159">
        <v>228</v>
      </c>
      <c r="AV9" s="160">
        <v>403</v>
      </c>
      <c r="AW9" s="165">
        <v>631</v>
      </c>
      <c r="AX9" s="162">
        <v>0</v>
      </c>
      <c r="AY9" s="160">
        <v>1382</v>
      </c>
      <c r="AZ9" s="160">
        <v>1969</v>
      </c>
      <c r="BA9" s="160">
        <v>1903</v>
      </c>
      <c r="BB9" s="160">
        <v>1604</v>
      </c>
      <c r="BC9" s="160">
        <v>1122</v>
      </c>
      <c r="BD9" s="163">
        <v>7980</v>
      </c>
      <c r="BE9" s="164">
        <v>8611</v>
      </c>
      <c r="BF9" s="159">
        <v>0</v>
      </c>
      <c r="BG9" s="160">
        <v>0</v>
      </c>
      <c r="BH9" s="165">
        <v>0</v>
      </c>
      <c r="BI9" s="162">
        <v>0</v>
      </c>
      <c r="BJ9" s="160">
        <v>1664</v>
      </c>
      <c r="BK9" s="160">
        <v>1972</v>
      </c>
      <c r="BL9" s="160">
        <v>1183</v>
      </c>
      <c r="BM9" s="160">
        <v>599</v>
      </c>
      <c r="BN9" s="160">
        <v>280</v>
      </c>
      <c r="BO9" s="165">
        <v>5698</v>
      </c>
      <c r="BP9" s="164">
        <v>5698</v>
      </c>
      <c r="BQ9" s="159">
        <v>96</v>
      </c>
      <c r="BR9" s="160">
        <v>168</v>
      </c>
      <c r="BS9" s="165">
        <v>264</v>
      </c>
      <c r="BT9" s="162">
        <v>0</v>
      </c>
      <c r="BU9" s="160">
        <v>148</v>
      </c>
      <c r="BV9" s="160">
        <v>401</v>
      </c>
      <c r="BW9" s="160">
        <v>250</v>
      </c>
      <c r="BX9" s="160">
        <v>129</v>
      </c>
      <c r="BY9" s="160">
        <v>51</v>
      </c>
      <c r="BZ9" s="165">
        <v>979</v>
      </c>
      <c r="CA9" s="164">
        <v>1243</v>
      </c>
      <c r="CB9" s="159">
        <v>3</v>
      </c>
      <c r="CC9" s="160">
        <v>13</v>
      </c>
      <c r="CD9" s="165">
        <v>16</v>
      </c>
      <c r="CE9" s="162">
        <v>0</v>
      </c>
      <c r="CF9" s="160">
        <v>123</v>
      </c>
      <c r="CG9" s="160">
        <v>272</v>
      </c>
      <c r="CH9" s="160">
        <v>381</v>
      </c>
      <c r="CI9" s="160">
        <v>275</v>
      </c>
      <c r="CJ9" s="160">
        <v>145</v>
      </c>
      <c r="CK9" s="165">
        <v>1196</v>
      </c>
      <c r="CL9" s="164">
        <v>1212</v>
      </c>
      <c r="CM9" s="159">
        <v>0</v>
      </c>
      <c r="CN9" s="160">
        <v>1</v>
      </c>
      <c r="CO9" s="165">
        <v>1</v>
      </c>
      <c r="CP9" s="162">
        <v>0</v>
      </c>
      <c r="CQ9" s="160">
        <v>2</v>
      </c>
      <c r="CR9" s="160">
        <v>5</v>
      </c>
      <c r="CS9" s="160">
        <v>12</v>
      </c>
      <c r="CT9" s="160">
        <v>11</v>
      </c>
      <c r="CU9" s="160">
        <v>7</v>
      </c>
      <c r="CV9" s="165">
        <v>37</v>
      </c>
      <c r="CW9" s="164">
        <v>38</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920</v>
      </c>
      <c r="DU9" s="160">
        <v>2498</v>
      </c>
      <c r="DV9" s="165">
        <v>3418</v>
      </c>
      <c r="DW9" s="162">
        <v>0</v>
      </c>
      <c r="DX9" s="160">
        <v>2015</v>
      </c>
      <c r="DY9" s="160">
        <v>4015</v>
      </c>
      <c r="DZ9" s="160">
        <v>2452</v>
      </c>
      <c r="EA9" s="160">
        <v>1740</v>
      </c>
      <c r="EB9" s="160">
        <v>1000</v>
      </c>
      <c r="EC9" s="165">
        <v>11222</v>
      </c>
      <c r="ED9" s="164">
        <v>14640</v>
      </c>
      <c r="EE9" s="159">
        <v>113</v>
      </c>
      <c r="EF9" s="160">
        <v>103</v>
      </c>
      <c r="EG9" s="165">
        <v>216</v>
      </c>
      <c r="EH9" s="162">
        <v>0</v>
      </c>
      <c r="EI9" s="160">
        <v>339</v>
      </c>
      <c r="EJ9" s="160">
        <v>295</v>
      </c>
      <c r="EK9" s="160">
        <v>299</v>
      </c>
      <c r="EL9" s="160">
        <v>306</v>
      </c>
      <c r="EM9" s="160">
        <v>162</v>
      </c>
      <c r="EN9" s="165">
        <v>1401</v>
      </c>
      <c r="EO9" s="164">
        <v>1617</v>
      </c>
      <c r="EP9" s="159">
        <v>1077</v>
      </c>
      <c r="EQ9" s="160">
        <v>2786</v>
      </c>
      <c r="ER9" s="165">
        <v>3863</v>
      </c>
      <c r="ES9" s="162">
        <v>0</v>
      </c>
      <c r="ET9" s="160">
        <v>4091</v>
      </c>
      <c r="EU9" s="160">
        <v>5307</v>
      </c>
      <c r="EV9" s="160">
        <v>2922</v>
      </c>
      <c r="EW9" s="160">
        <v>1857</v>
      </c>
      <c r="EX9" s="160">
        <v>1023</v>
      </c>
      <c r="EY9" s="165">
        <v>15200</v>
      </c>
      <c r="EZ9" s="164">
        <v>19063</v>
      </c>
    </row>
    <row r="10" spans="2:156" ht="21" customHeight="1" x14ac:dyDescent="0.2">
      <c r="B10" s="166" t="s">
        <v>7</v>
      </c>
      <c r="C10" s="159">
        <v>0</v>
      </c>
      <c r="D10" s="160">
        <v>0</v>
      </c>
      <c r="E10" s="161">
        <v>0</v>
      </c>
      <c r="F10" s="162">
        <v>0</v>
      </c>
      <c r="G10" s="160">
        <v>1465</v>
      </c>
      <c r="H10" s="160">
        <v>1074</v>
      </c>
      <c r="I10" s="160">
        <v>587</v>
      </c>
      <c r="J10" s="160">
        <v>564</v>
      </c>
      <c r="K10" s="160">
        <v>365</v>
      </c>
      <c r="L10" s="163">
        <v>4055</v>
      </c>
      <c r="M10" s="164">
        <v>4055</v>
      </c>
      <c r="N10" s="159">
        <v>0</v>
      </c>
      <c r="O10" s="160">
        <v>0</v>
      </c>
      <c r="P10" s="165">
        <v>0</v>
      </c>
      <c r="Q10" s="162">
        <v>0</v>
      </c>
      <c r="R10" s="160">
        <v>10</v>
      </c>
      <c r="S10" s="160">
        <v>34</v>
      </c>
      <c r="T10" s="160">
        <v>53</v>
      </c>
      <c r="U10" s="160">
        <v>147</v>
      </c>
      <c r="V10" s="160">
        <v>216</v>
      </c>
      <c r="W10" s="165">
        <v>460</v>
      </c>
      <c r="X10" s="164">
        <v>460</v>
      </c>
      <c r="Y10" s="159">
        <v>26</v>
      </c>
      <c r="Z10" s="160">
        <v>42</v>
      </c>
      <c r="AA10" s="165">
        <v>68</v>
      </c>
      <c r="AB10" s="162">
        <v>0</v>
      </c>
      <c r="AC10" s="160">
        <v>585</v>
      </c>
      <c r="AD10" s="160">
        <v>524</v>
      </c>
      <c r="AE10" s="160">
        <v>315</v>
      </c>
      <c r="AF10" s="160">
        <v>336</v>
      </c>
      <c r="AG10" s="160">
        <v>310</v>
      </c>
      <c r="AH10" s="165">
        <v>2070</v>
      </c>
      <c r="AI10" s="164">
        <v>2138</v>
      </c>
      <c r="AJ10" s="159">
        <v>4</v>
      </c>
      <c r="AK10" s="160">
        <v>9</v>
      </c>
      <c r="AL10" s="165">
        <v>13</v>
      </c>
      <c r="AM10" s="162">
        <v>0</v>
      </c>
      <c r="AN10" s="160">
        <v>48</v>
      </c>
      <c r="AO10" s="160">
        <v>58</v>
      </c>
      <c r="AP10" s="160">
        <v>25</v>
      </c>
      <c r="AQ10" s="160">
        <v>40</v>
      </c>
      <c r="AR10" s="160">
        <v>23</v>
      </c>
      <c r="AS10" s="165">
        <v>194</v>
      </c>
      <c r="AT10" s="164">
        <v>207</v>
      </c>
      <c r="AU10" s="159">
        <v>155</v>
      </c>
      <c r="AV10" s="160">
        <v>111</v>
      </c>
      <c r="AW10" s="165">
        <v>266</v>
      </c>
      <c r="AX10" s="162">
        <v>0</v>
      </c>
      <c r="AY10" s="160">
        <v>1288</v>
      </c>
      <c r="AZ10" s="160">
        <v>1210</v>
      </c>
      <c r="BA10" s="160">
        <v>1012</v>
      </c>
      <c r="BB10" s="160">
        <v>1082</v>
      </c>
      <c r="BC10" s="160">
        <v>731</v>
      </c>
      <c r="BD10" s="163">
        <v>5323</v>
      </c>
      <c r="BE10" s="164">
        <v>5589</v>
      </c>
      <c r="BF10" s="159">
        <v>0</v>
      </c>
      <c r="BG10" s="160">
        <v>0</v>
      </c>
      <c r="BH10" s="165">
        <v>0</v>
      </c>
      <c r="BI10" s="162">
        <v>0</v>
      </c>
      <c r="BJ10" s="160">
        <v>1793</v>
      </c>
      <c r="BK10" s="160">
        <v>1094</v>
      </c>
      <c r="BL10" s="160">
        <v>548</v>
      </c>
      <c r="BM10" s="160">
        <v>292</v>
      </c>
      <c r="BN10" s="160">
        <v>146</v>
      </c>
      <c r="BO10" s="165">
        <v>3873</v>
      </c>
      <c r="BP10" s="164">
        <v>3873</v>
      </c>
      <c r="BQ10" s="159">
        <v>32</v>
      </c>
      <c r="BR10" s="160">
        <v>53</v>
      </c>
      <c r="BS10" s="165">
        <v>85</v>
      </c>
      <c r="BT10" s="162">
        <v>0</v>
      </c>
      <c r="BU10" s="160">
        <v>264</v>
      </c>
      <c r="BV10" s="160">
        <v>211</v>
      </c>
      <c r="BW10" s="160">
        <v>118</v>
      </c>
      <c r="BX10" s="160">
        <v>68</v>
      </c>
      <c r="BY10" s="160">
        <v>28</v>
      </c>
      <c r="BZ10" s="165">
        <v>689</v>
      </c>
      <c r="CA10" s="164">
        <v>774</v>
      </c>
      <c r="CB10" s="159">
        <v>3</v>
      </c>
      <c r="CC10" s="160">
        <v>5</v>
      </c>
      <c r="CD10" s="165">
        <v>8</v>
      </c>
      <c r="CE10" s="162">
        <v>0</v>
      </c>
      <c r="CF10" s="160">
        <v>238</v>
      </c>
      <c r="CG10" s="160">
        <v>271</v>
      </c>
      <c r="CH10" s="160">
        <v>282</v>
      </c>
      <c r="CI10" s="160">
        <v>210</v>
      </c>
      <c r="CJ10" s="160">
        <v>124</v>
      </c>
      <c r="CK10" s="165">
        <v>1125</v>
      </c>
      <c r="CL10" s="164">
        <v>1133</v>
      </c>
      <c r="CM10" s="159">
        <v>0</v>
      </c>
      <c r="CN10" s="160">
        <v>0</v>
      </c>
      <c r="CO10" s="165">
        <v>0</v>
      </c>
      <c r="CP10" s="162">
        <v>0</v>
      </c>
      <c r="CQ10" s="160">
        <v>7</v>
      </c>
      <c r="CR10" s="160">
        <v>10</v>
      </c>
      <c r="CS10" s="160">
        <v>11</v>
      </c>
      <c r="CT10" s="160">
        <v>20</v>
      </c>
      <c r="CU10" s="160">
        <v>8</v>
      </c>
      <c r="CV10" s="165">
        <v>56</v>
      </c>
      <c r="CW10" s="164">
        <v>56</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37</v>
      </c>
      <c r="DU10" s="160">
        <v>841</v>
      </c>
      <c r="DV10" s="165">
        <v>1278</v>
      </c>
      <c r="DW10" s="162">
        <v>0</v>
      </c>
      <c r="DX10" s="160">
        <v>2215</v>
      </c>
      <c r="DY10" s="160">
        <v>2272</v>
      </c>
      <c r="DZ10" s="160">
        <v>1211</v>
      </c>
      <c r="EA10" s="160">
        <v>995</v>
      </c>
      <c r="EB10" s="160">
        <v>625</v>
      </c>
      <c r="EC10" s="165">
        <v>7318</v>
      </c>
      <c r="ED10" s="164">
        <v>8596</v>
      </c>
      <c r="EE10" s="159">
        <v>101</v>
      </c>
      <c r="EF10" s="160">
        <v>46</v>
      </c>
      <c r="EG10" s="165">
        <v>147</v>
      </c>
      <c r="EH10" s="162">
        <v>0</v>
      </c>
      <c r="EI10" s="160">
        <v>453</v>
      </c>
      <c r="EJ10" s="160">
        <v>306</v>
      </c>
      <c r="EK10" s="160">
        <v>263</v>
      </c>
      <c r="EL10" s="160">
        <v>292</v>
      </c>
      <c r="EM10" s="160">
        <v>162</v>
      </c>
      <c r="EN10" s="165">
        <v>1476</v>
      </c>
      <c r="EO10" s="164">
        <v>1623</v>
      </c>
      <c r="EP10" s="159">
        <v>513</v>
      </c>
      <c r="EQ10" s="160">
        <v>924</v>
      </c>
      <c r="ER10" s="165">
        <v>1437</v>
      </c>
      <c r="ES10" s="162">
        <v>0</v>
      </c>
      <c r="ET10" s="160">
        <v>4606</v>
      </c>
      <c r="EU10" s="160">
        <v>3050</v>
      </c>
      <c r="EV10" s="160">
        <v>1509</v>
      </c>
      <c r="EW10" s="160">
        <v>1112</v>
      </c>
      <c r="EX10" s="160">
        <v>655</v>
      </c>
      <c r="EY10" s="165">
        <v>10932</v>
      </c>
      <c r="EZ10" s="164">
        <v>12369</v>
      </c>
    </row>
    <row r="11" spans="2:156" ht="21" customHeight="1" x14ac:dyDescent="0.2">
      <c r="B11" s="166" t="s">
        <v>8</v>
      </c>
      <c r="C11" s="159">
        <v>0</v>
      </c>
      <c r="D11" s="160">
        <v>0</v>
      </c>
      <c r="E11" s="161">
        <v>0</v>
      </c>
      <c r="F11" s="162">
        <v>0</v>
      </c>
      <c r="G11" s="160">
        <v>455</v>
      </c>
      <c r="H11" s="160">
        <v>613</v>
      </c>
      <c r="I11" s="160">
        <v>378</v>
      </c>
      <c r="J11" s="160">
        <v>315</v>
      </c>
      <c r="K11" s="160">
        <v>266</v>
      </c>
      <c r="L11" s="163">
        <v>2027</v>
      </c>
      <c r="M11" s="164">
        <v>2027</v>
      </c>
      <c r="N11" s="159">
        <v>0</v>
      </c>
      <c r="O11" s="160">
        <v>0</v>
      </c>
      <c r="P11" s="165">
        <v>0</v>
      </c>
      <c r="Q11" s="162">
        <v>0</v>
      </c>
      <c r="R11" s="160">
        <v>7</v>
      </c>
      <c r="S11" s="160">
        <v>13</v>
      </c>
      <c r="T11" s="160">
        <v>25</v>
      </c>
      <c r="U11" s="160">
        <v>54</v>
      </c>
      <c r="V11" s="160">
        <v>90</v>
      </c>
      <c r="W11" s="165">
        <v>189</v>
      </c>
      <c r="X11" s="164">
        <v>189</v>
      </c>
      <c r="Y11" s="159">
        <v>58</v>
      </c>
      <c r="Z11" s="160">
        <v>91</v>
      </c>
      <c r="AA11" s="165">
        <v>149</v>
      </c>
      <c r="AB11" s="162">
        <v>0</v>
      </c>
      <c r="AC11" s="160">
        <v>304</v>
      </c>
      <c r="AD11" s="160">
        <v>397</v>
      </c>
      <c r="AE11" s="160">
        <v>255</v>
      </c>
      <c r="AF11" s="160">
        <v>237</v>
      </c>
      <c r="AG11" s="160">
        <v>185</v>
      </c>
      <c r="AH11" s="165">
        <v>1378</v>
      </c>
      <c r="AI11" s="164">
        <v>1527</v>
      </c>
      <c r="AJ11" s="159">
        <v>12</v>
      </c>
      <c r="AK11" s="160">
        <v>23</v>
      </c>
      <c r="AL11" s="165">
        <v>35</v>
      </c>
      <c r="AM11" s="162">
        <v>0</v>
      </c>
      <c r="AN11" s="160">
        <v>76</v>
      </c>
      <c r="AO11" s="160">
        <v>98</v>
      </c>
      <c r="AP11" s="160">
        <v>51</v>
      </c>
      <c r="AQ11" s="160">
        <v>41</v>
      </c>
      <c r="AR11" s="160">
        <v>33</v>
      </c>
      <c r="AS11" s="165">
        <v>299</v>
      </c>
      <c r="AT11" s="164">
        <v>334</v>
      </c>
      <c r="AU11" s="159">
        <v>76</v>
      </c>
      <c r="AV11" s="160">
        <v>53</v>
      </c>
      <c r="AW11" s="165">
        <v>129</v>
      </c>
      <c r="AX11" s="162">
        <v>0</v>
      </c>
      <c r="AY11" s="160">
        <v>526</v>
      </c>
      <c r="AZ11" s="160">
        <v>599</v>
      </c>
      <c r="BA11" s="160">
        <v>594</v>
      </c>
      <c r="BB11" s="160">
        <v>567</v>
      </c>
      <c r="BC11" s="160">
        <v>452</v>
      </c>
      <c r="BD11" s="163">
        <v>2738</v>
      </c>
      <c r="BE11" s="164">
        <v>2867</v>
      </c>
      <c r="BF11" s="159">
        <v>0</v>
      </c>
      <c r="BG11" s="160">
        <v>0</v>
      </c>
      <c r="BH11" s="165">
        <v>0</v>
      </c>
      <c r="BI11" s="162">
        <v>0</v>
      </c>
      <c r="BJ11" s="160">
        <v>623</v>
      </c>
      <c r="BK11" s="160">
        <v>633</v>
      </c>
      <c r="BL11" s="160">
        <v>366</v>
      </c>
      <c r="BM11" s="160">
        <v>227</v>
      </c>
      <c r="BN11" s="160">
        <v>111</v>
      </c>
      <c r="BO11" s="165">
        <v>1960</v>
      </c>
      <c r="BP11" s="164">
        <v>1960</v>
      </c>
      <c r="BQ11" s="159">
        <v>68</v>
      </c>
      <c r="BR11" s="160">
        <v>65</v>
      </c>
      <c r="BS11" s="165">
        <v>133</v>
      </c>
      <c r="BT11" s="162">
        <v>0</v>
      </c>
      <c r="BU11" s="160">
        <v>157</v>
      </c>
      <c r="BV11" s="160">
        <v>163</v>
      </c>
      <c r="BW11" s="160">
        <v>106</v>
      </c>
      <c r="BX11" s="160">
        <v>66</v>
      </c>
      <c r="BY11" s="160">
        <v>21</v>
      </c>
      <c r="BZ11" s="165">
        <v>513</v>
      </c>
      <c r="CA11" s="164">
        <v>646</v>
      </c>
      <c r="CB11" s="159">
        <v>6</v>
      </c>
      <c r="CC11" s="160">
        <v>10</v>
      </c>
      <c r="CD11" s="165">
        <v>16</v>
      </c>
      <c r="CE11" s="162">
        <v>0</v>
      </c>
      <c r="CF11" s="160">
        <v>88</v>
      </c>
      <c r="CG11" s="160">
        <v>162</v>
      </c>
      <c r="CH11" s="160">
        <v>214</v>
      </c>
      <c r="CI11" s="160">
        <v>149</v>
      </c>
      <c r="CJ11" s="160">
        <v>62</v>
      </c>
      <c r="CK11" s="165">
        <v>675</v>
      </c>
      <c r="CL11" s="164">
        <v>691</v>
      </c>
      <c r="CM11" s="159">
        <v>0</v>
      </c>
      <c r="CN11" s="160">
        <v>0</v>
      </c>
      <c r="CO11" s="165">
        <v>0</v>
      </c>
      <c r="CP11" s="162">
        <v>0</v>
      </c>
      <c r="CQ11" s="160">
        <v>3</v>
      </c>
      <c r="CR11" s="160">
        <v>5</v>
      </c>
      <c r="CS11" s="160">
        <v>9</v>
      </c>
      <c r="CT11" s="160">
        <v>5</v>
      </c>
      <c r="CU11" s="160">
        <v>4</v>
      </c>
      <c r="CV11" s="165">
        <v>26</v>
      </c>
      <c r="CW11" s="164">
        <v>26</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83</v>
      </c>
      <c r="DU11" s="160">
        <v>628</v>
      </c>
      <c r="DV11" s="165">
        <v>1111</v>
      </c>
      <c r="DW11" s="162">
        <v>0</v>
      </c>
      <c r="DX11" s="160">
        <v>1067</v>
      </c>
      <c r="DY11" s="160">
        <v>1597</v>
      </c>
      <c r="DZ11" s="160">
        <v>893</v>
      </c>
      <c r="EA11" s="160">
        <v>669</v>
      </c>
      <c r="EB11" s="160">
        <v>422</v>
      </c>
      <c r="EC11" s="165">
        <v>4648</v>
      </c>
      <c r="ED11" s="164">
        <v>5759</v>
      </c>
      <c r="EE11" s="159">
        <v>51</v>
      </c>
      <c r="EF11" s="160">
        <v>18</v>
      </c>
      <c r="EG11" s="165">
        <v>69</v>
      </c>
      <c r="EH11" s="162">
        <v>0</v>
      </c>
      <c r="EI11" s="160">
        <v>155</v>
      </c>
      <c r="EJ11" s="160">
        <v>130</v>
      </c>
      <c r="EK11" s="160">
        <v>106</v>
      </c>
      <c r="EL11" s="160">
        <v>129</v>
      </c>
      <c r="EM11" s="160">
        <v>74</v>
      </c>
      <c r="EN11" s="165">
        <v>594</v>
      </c>
      <c r="EO11" s="164">
        <v>663</v>
      </c>
      <c r="EP11" s="159">
        <v>582</v>
      </c>
      <c r="EQ11" s="160">
        <v>702</v>
      </c>
      <c r="ER11" s="165">
        <v>1284</v>
      </c>
      <c r="ES11" s="162">
        <v>0</v>
      </c>
      <c r="ET11" s="160">
        <v>1990</v>
      </c>
      <c r="EU11" s="160">
        <v>2003</v>
      </c>
      <c r="EV11" s="160">
        <v>1052</v>
      </c>
      <c r="EW11" s="160">
        <v>724</v>
      </c>
      <c r="EX11" s="160">
        <v>448</v>
      </c>
      <c r="EY11" s="165">
        <v>6217</v>
      </c>
      <c r="EZ11" s="164">
        <v>7501</v>
      </c>
    </row>
    <row r="12" spans="2:156" ht="21" customHeight="1" x14ac:dyDescent="0.2">
      <c r="B12" s="166" t="s">
        <v>9</v>
      </c>
      <c r="C12" s="159">
        <v>0</v>
      </c>
      <c r="D12" s="160">
        <v>0</v>
      </c>
      <c r="E12" s="161">
        <v>0</v>
      </c>
      <c r="F12" s="162">
        <v>0</v>
      </c>
      <c r="G12" s="160">
        <v>602</v>
      </c>
      <c r="H12" s="160">
        <v>496</v>
      </c>
      <c r="I12" s="160">
        <v>347</v>
      </c>
      <c r="J12" s="160">
        <v>333</v>
      </c>
      <c r="K12" s="160">
        <v>243</v>
      </c>
      <c r="L12" s="163">
        <v>2021</v>
      </c>
      <c r="M12" s="164">
        <v>2021</v>
      </c>
      <c r="N12" s="159">
        <v>0</v>
      </c>
      <c r="O12" s="160">
        <v>0</v>
      </c>
      <c r="P12" s="165">
        <v>0</v>
      </c>
      <c r="Q12" s="162">
        <v>0</v>
      </c>
      <c r="R12" s="160">
        <v>2</v>
      </c>
      <c r="S12" s="160">
        <v>10</v>
      </c>
      <c r="T12" s="160">
        <v>18</v>
      </c>
      <c r="U12" s="160">
        <v>56</v>
      </c>
      <c r="V12" s="160">
        <v>90</v>
      </c>
      <c r="W12" s="165">
        <v>176</v>
      </c>
      <c r="X12" s="164">
        <v>176</v>
      </c>
      <c r="Y12" s="159">
        <v>66</v>
      </c>
      <c r="Z12" s="160">
        <v>100</v>
      </c>
      <c r="AA12" s="165">
        <v>166</v>
      </c>
      <c r="AB12" s="162">
        <v>0</v>
      </c>
      <c r="AC12" s="160">
        <v>376</v>
      </c>
      <c r="AD12" s="160">
        <v>360</v>
      </c>
      <c r="AE12" s="160">
        <v>273</v>
      </c>
      <c r="AF12" s="160">
        <v>259</v>
      </c>
      <c r="AG12" s="160">
        <v>218</v>
      </c>
      <c r="AH12" s="165">
        <v>1486</v>
      </c>
      <c r="AI12" s="164">
        <v>1652</v>
      </c>
      <c r="AJ12" s="159">
        <v>4</v>
      </c>
      <c r="AK12" s="160">
        <v>12</v>
      </c>
      <c r="AL12" s="165">
        <v>16</v>
      </c>
      <c r="AM12" s="162">
        <v>0</v>
      </c>
      <c r="AN12" s="160">
        <v>38</v>
      </c>
      <c r="AO12" s="160">
        <v>43</v>
      </c>
      <c r="AP12" s="160">
        <v>33</v>
      </c>
      <c r="AQ12" s="160">
        <v>39</v>
      </c>
      <c r="AR12" s="160">
        <v>31</v>
      </c>
      <c r="AS12" s="165">
        <v>184</v>
      </c>
      <c r="AT12" s="164">
        <v>200</v>
      </c>
      <c r="AU12" s="159">
        <v>98</v>
      </c>
      <c r="AV12" s="160">
        <v>75</v>
      </c>
      <c r="AW12" s="165">
        <v>173</v>
      </c>
      <c r="AX12" s="162">
        <v>0</v>
      </c>
      <c r="AY12" s="160">
        <v>573</v>
      </c>
      <c r="AZ12" s="160">
        <v>627</v>
      </c>
      <c r="BA12" s="160">
        <v>587</v>
      </c>
      <c r="BB12" s="160">
        <v>632</v>
      </c>
      <c r="BC12" s="160">
        <v>444</v>
      </c>
      <c r="BD12" s="163">
        <v>2863</v>
      </c>
      <c r="BE12" s="164">
        <v>3036</v>
      </c>
      <c r="BF12" s="159">
        <v>0</v>
      </c>
      <c r="BG12" s="160">
        <v>0</v>
      </c>
      <c r="BH12" s="165">
        <v>0</v>
      </c>
      <c r="BI12" s="162">
        <v>0</v>
      </c>
      <c r="BJ12" s="160">
        <v>621</v>
      </c>
      <c r="BK12" s="160">
        <v>429</v>
      </c>
      <c r="BL12" s="160">
        <v>266</v>
      </c>
      <c r="BM12" s="160">
        <v>162</v>
      </c>
      <c r="BN12" s="160">
        <v>67</v>
      </c>
      <c r="BO12" s="165">
        <v>1545</v>
      </c>
      <c r="BP12" s="164">
        <v>1545</v>
      </c>
      <c r="BQ12" s="159">
        <v>55</v>
      </c>
      <c r="BR12" s="160">
        <v>76</v>
      </c>
      <c r="BS12" s="165">
        <v>131</v>
      </c>
      <c r="BT12" s="162">
        <v>0</v>
      </c>
      <c r="BU12" s="160">
        <v>166</v>
      </c>
      <c r="BV12" s="160">
        <v>132</v>
      </c>
      <c r="BW12" s="160">
        <v>85</v>
      </c>
      <c r="BX12" s="160">
        <v>93</v>
      </c>
      <c r="BY12" s="160">
        <v>24</v>
      </c>
      <c r="BZ12" s="165">
        <v>500</v>
      </c>
      <c r="CA12" s="164">
        <v>631</v>
      </c>
      <c r="CB12" s="159">
        <v>2</v>
      </c>
      <c r="CC12" s="160">
        <v>4</v>
      </c>
      <c r="CD12" s="165">
        <v>6</v>
      </c>
      <c r="CE12" s="162">
        <v>0</v>
      </c>
      <c r="CF12" s="160">
        <v>81</v>
      </c>
      <c r="CG12" s="160">
        <v>99</v>
      </c>
      <c r="CH12" s="160">
        <v>123</v>
      </c>
      <c r="CI12" s="160">
        <v>97</v>
      </c>
      <c r="CJ12" s="160">
        <v>62</v>
      </c>
      <c r="CK12" s="165">
        <v>462</v>
      </c>
      <c r="CL12" s="164">
        <v>468</v>
      </c>
      <c r="CM12" s="159">
        <v>0</v>
      </c>
      <c r="CN12" s="160">
        <v>0</v>
      </c>
      <c r="CO12" s="165">
        <v>0</v>
      </c>
      <c r="CP12" s="162">
        <v>0</v>
      </c>
      <c r="CQ12" s="160">
        <v>5</v>
      </c>
      <c r="CR12" s="160">
        <v>12</v>
      </c>
      <c r="CS12" s="160">
        <v>25</v>
      </c>
      <c r="CT12" s="160">
        <v>24</v>
      </c>
      <c r="CU12" s="160">
        <v>10</v>
      </c>
      <c r="CV12" s="165">
        <v>76</v>
      </c>
      <c r="CW12" s="164">
        <v>76</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59</v>
      </c>
      <c r="DU12" s="160">
        <v>485</v>
      </c>
      <c r="DV12" s="165">
        <v>844</v>
      </c>
      <c r="DW12" s="162">
        <v>0</v>
      </c>
      <c r="DX12" s="160">
        <v>931</v>
      </c>
      <c r="DY12" s="160">
        <v>1006</v>
      </c>
      <c r="DZ12" s="160">
        <v>691</v>
      </c>
      <c r="EA12" s="160">
        <v>587</v>
      </c>
      <c r="EB12" s="160">
        <v>384</v>
      </c>
      <c r="EC12" s="165">
        <v>3599</v>
      </c>
      <c r="ED12" s="164">
        <v>4443</v>
      </c>
      <c r="EE12" s="159">
        <v>62</v>
      </c>
      <c r="EF12" s="160">
        <v>19</v>
      </c>
      <c r="EG12" s="165">
        <v>81</v>
      </c>
      <c r="EH12" s="162">
        <v>0</v>
      </c>
      <c r="EI12" s="160">
        <v>208</v>
      </c>
      <c r="EJ12" s="160">
        <v>175</v>
      </c>
      <c r="EK12" s="160">
        <v>152</v>
      </c>
      <c r="EL12" s="160">
        <v>175</v>
      </c>
      <c r="EM12" s="160">
        <v>116</v>
      </c>
      <c r="EN12" s="165">
        <v>826</v>
      </c>
      <c r="EO12" s="164">
        <v>907</v>
      </c>
      <c r="EP12" s="159">
        <v>450</v>
      </c>
      <c r="EQ12" s="160">
        <v>565</v>
      </c>
      <c r="ER12" s="165">
        <v>1015</v>
      </c>
      <c r="ES12" s="162">
        <v>0</v>
      </c>
      <c r="ET12" s="160">
        <v>1754</v>
      </c>
      <c r="EU12" s="160">
        <v>1305</v>
      </c>
      <c r="EV12" s="160">
        <v>793</v>
      </c>
      <c r="EW12" s="160">
        <v>625</v>
      </c>
      <c r="EX12" s="160">
        <v>373</v>
      </c>
      <c r="EY12" s="165">
        <v>4850</v>
      </c>
      <c r="EZ12" s="164">
        <v>5865</v>
      </c>
    </row>
    <row r="13" spans="2:156" ht="21" customHeight="1" x14ac:dyDescent="0.2">
      <c r="B13" s="166" t="s">
        <v>10</v>
      </c>
      <c r="C13" s="159">
        <v>0</v>
      </c>
      <c r="D13" s="160">
        <v>0</v>
      </c>
      <c r="E13" s="161">
        <v>0</v>
      </c>
      <c r="F13" s="162">
        <v>0</v>
      </c>
      <c r="G13" s="160">
        <v>1321</v>
      </c>
      <c r="H13" s="160">
        <v>783</v>
      </c>
      <c r="I13" s="160">
        <v>522</v>
      </c>
      <c r="J13" s="160">
        <v>483</v>
      </c>
      <c r="K13" s="160">
        <v>365</v>
      </c>
      <c r="L13" s="163">
        <v>3474</v>
      </c>
      <c r="M13" s="164">
        <v>3474</v>
      </c>
      <c r="N13" s="159">
        <v>0</v>
      </c>
      <c r="O13" s="160">
        <v>1</v>
      </c>
      <c r="P13" s="165">
        <v>1</v>
      </c>
      <c r="Q13" s="162">
        <v>0</v>
      </c>
      <c r="R13" s="160">
        <v>5</v>
      </c>
      <c r="S13" s="160">
        <v>31</v>
      </c>
      <c r="T13" s="160">
        <v>44</v>
      </c>
      <c r="U13" s="160">
        <v>77</v>
      </c>
      <c r="V13" s="160">
        <v>167</v>
      </c>
      <c r="W13" s="165">
        <v>324</v>
      </c>
      <c r="X13" s="164">
        <v>325</v>
      </c>
      <c r="Y13" s="159">
        <v>180</v>
      </c>
      <c r="Z13" s="160">
        <v>309</v>
      </c>
      <c r="AA13" s="165">
        <v>489</v>
      </c>
      <c r="AB13" s="162">
        <v>0</v>
      </c>
      <c r="AC13" s="160">
        <v>880</v>
      </c>
      <c r="AD13" s="160">
        <v>617</v>
      </c>
      <c r="AE13" s="160">
        <v>373</v>
      </c>
      <c r="AF13" s="160">
        <v>353</v>
      </c>
      <c r="AG13" s="160">
        <v>274</v>
      </c>
      <c r="AH13" s="165">
        <v>2497</v>
      </c>
      <c r="AI13" s="164">
        <v>2986</v>
      </c>
      <c r="AJ13" s="159">
        <v>22</v>
      </c>
      <c r="AK13" s="160">
        <v>48</v>
      </c>
      <c r="AL13" s="165">
        <v>70</v>
      </c>
      <c r="AM13" s="162">
        <v>0</v>
      </c>
      <c r="AN13" s="160">
        <v>105</v>
      </c>
      <c r="AO13" s="160">
        <v>92</v>
      </c>
      <c r="AP13" s="160">
        <v>60</v>
      </c>
      <c r="AQ13" s="160">
        <v>46</v>
      </c>
      <c r="AR13" s="160">
        <v>44</v>
      </c>
      <c r="AS13" s="165">
        <v>347</v>
      </c>
      <c r="AT13" s="164">
        <v>417</v>
      </c>
      <c r="AU13" s="159">
        <v>202</v>
      </c>
      <c r="AV13" s="160">
        <v>289</v>
      </c>
      <c r="AW13" s="165">
        <v>491</v>
      </c>
      <c r="AX13" s="162">
        <v>0</v>
      </c>
      <c r="AY13" s="160">
        <v>1383</v>
      </c>
      <c r="AZ13" s="160">
        <v>1164</v>
      </c>
      <c r="BA13" s="160">
        <v>1021</v>
      </c>
      <c r="BB13" s="160">
        <v>1025</v>
      </c>
      <c r="BC13" s="160">
        <v>784</v>
      </c>
      <c r="BD13" s="163">
        <v>5377</v>
      </c>
      <c r="BE13" s="164">
        <v>5868</v>
      </c>
      <c r="BF13" s="159">
        <v>0</v>
      </c>
      <c r="BG13" s="160">
        <v>0</v>
      </c>
      <c r="BH13" s="165">
        <v>0</v>
      </c>
      <c r="BI13" s="162">
        <v>0</v>
      </c>
      <c r="BJ13" s="160">
        <v>1700</v>
      </c>
      <c r="BK13" s="160">
        <v>867</v>
      </c>
      <c r="BL13" s="160">
        <v>461</v>
      </c>
      <c r="BM13" s="160">
        <v>292</v>
      </c>
      <c r="BN13" s="160">
        <v>134</v>
      </c>
      <c r="BO13" s="165">
        <v>3454</v>
      </c>
      <c r="BP13" s="164">
        <v>3454</v>
      </c>
      <c r="BQ13" s="159">
        <v>52</v>
      </c>
      <c r="BR13" s="160">
        <v>79</v>
      </c>
      <c r="BS13" s="165">
        <v>131</v>
      </c>
      <c r="BT13" s="162">
        <v>0</v>
      </c>
      <c r="BU13" s="160">
        <v>215</v>
      </c>
      <c r="BV13" s="160">
        <v>191</v>
      </c>
      <c r="BW13" s="160">
        <v>97</v>
      </c>
      <c r="BX13" s="160">
        <v>57</v>
      </c>
      <c r="BY13" s="160">
        <v>33</v>
      </c>
      <c r="BZ13" s="165">
        <v>593</v>
      </c>
      <c r="CA13" s="164">
        <v>724</v>
      </c>
      <c r="CB13" s="159">
        <v>5</v>
      </c>
      <c r="CC13" s="160">
        <v>16</v>
      </c>
      <c r="CD13" s="165">
        <v>21</v>
      </c>
      <c r="CE13" s="162">
        <v>0</v>
      </c>
      <c r="CF13" s="160">
        <v>190</v>
      </c>
      <c r="CG13" s="160">
        <v>164</v>
      </c>
      <c r="CH13" s="160">
        <v>187</v>
      </c>
      <c r="CI13" s="160">
        <v>156</v>
      </c>
      <c r="CJ13" s="160">
        <v>86</v>
      </c>
      <c r="CK13" s="165">
        <v>783</v>
      </c>
      <c r="CL13" s="164">
        <v>804</v>
      </c>
      <c r="CM13" s="159">
        <v>0</v>
      </c>
      <c r="CN13" s="160">
        <v>1</v>
      </c>
      <c r="CO13" s="165">
        <v>1</v>
      </c>
      <c r="CP13" s="162">
        <v>0</v>
      </c>
      <c r="CQ13" s="160">
        <v>7</v>
      </c>
      <c r="CR13" s="160">
        <v>11</v>
      </c>
      <c r="CS13" s="160">
        <v>17</v>
      </c>
      <c r="CT13" s="160">
        <v>13</v>
      </c>
      <c r="CU13" s="160">
        <v>8</v>
      </c>
      <c r="CV13" s="165">
        <v>56</v>
      </c>
      <c r="CW13" s="164">
        <v>57</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1024</v>
      </c>
      <c r="DU13" s="160">
        <v>1336</v>
      </c>
      <c r="DV13" s="165">
        <v>2360</v>
      </c>
      <c r="DW13" s="162">
        <v>0</v>
      </c>
      <c r="DX13" s="160">
        <v>2097</v>
      </c>
      <c r="DY13" s="160">
        <v>1707</v>
      </c>
      <c r="DZ13" s="160">
        <v>1043</v>
      </c>
      <c r="EA13" s="160">
        <v>912</v>
      </c>
      <c r="EB13" s="160">
        <v>622</v>
      </c>
      <c r="EC13" s="165">
        <v>6381</v>
      </c>
      <c r="ED13" s="164">
        <v>8741</v>
      </c>
      <c r="EE13" s="159">
        <v>71</v>
      </c>
      <c r="EF13" s="160">
        <v>67</v>
      </c>
      <c r="EG13" s="165">
        <v>138</v>
      </c>
      <c r="EH13" s="162">
        <v>0</v>
      </c>
      <c r="EI13" s="160">
        <v>301</v>
      </c>
      <c r="EJ13" s="160">
        <v>259</v>
      </c>
      <c r="EK13" s="160">
        <v>226</v>
      </c>
      <c r="EL13" s="160">
        <v>242</v>
      </c>
      <c r="EM13" s="160">
        <v>144</v>
      </c>
      <c r="EN13" s="165">
        <v>1172</v>
      </c>
      <c r="EO13" s="164">
        <v>1310</v>
      </c>
      <c r="EP13" s="159">
        <v>1204</v>
      </c>
      <c r="EQ13" s="160">
        <v>1533</v>
      </c>
      <c r="ER13" s="165">
        <v>2737</v>
      </c>
      <c r="ES13" s="162">
        <v>0</v>
      </c>
      <c r="ET13" s="160">
        <v>3684</v>
      </c>
      <c r="EU13" s="160">
        <v>2059</v>
      </c>
      <c r="EV13" s="160">
        <v>1146</v>
      </c>
      <c r="EW13" s="160">
        <v>896</v>
      </c>
      <c r="EX13" s="160">
        <v>580</v>
      </c>
      <c r="EY13" s="165">
        <v>8365</v>
      </c>
      <c r="EZ13" s="164">
        <v>11102</v>
      </c>
    </row>
    <row r="14" spans="2:156" ht="21" customHeight="1" x14ac:dyDescent="0.2">
      <c r="B14" s="166" t="s">
        <v>11</v>
      </c>
      <c r="C14" s="159">
        <v>0</v>
      </c>
      <c r="D14" s="160">
        <v>0</v>
      </c>
      <c r="E14" s="161">
        <v>0</v>
      </c>
      <c r="F14" s="162">
        <v>0</v>
      </c>
      <c r="G14" s="160">
        <v>500</v>
      </c>
      <c r="H14" s="160">
        <v>368</v>
      </c>
      <c r="I14" s="160">
        <v>243</v>
      </c>
      <c r="J14" s="160">
        <v>242</v>
      </c>
      <c r="K14" s="160">
        <v>169</v>
      </c>
      <c r="L14" s="163">
        <v>1522</v>
      </c>
      <c r="M14" s="164">
        <v>1522</v>
      </c>
      <c r="N14" s="159">
        <v>0</v>
      </c>
      <c r="O14" s="160">
        <v>0</v>
      </c>
      <c r="P14" s="165">
        <v>0</v>
      </c>
      <c r="Q14" s="162">
        <v>0</v>
      </c>
      <c r="R14" s="160">
        <v>4</v>
      </c>
      <c r="S14" s="160">
        <v>8</v>
      </c>
      <c r="T14" s="160">
        <v>18</v>
      </c>
      <c r="U14" s="160">
        <v>54</v>
      </c>
      <c r="V14" s="160">
        <v>66</v>
      </c>
      <c r="W14" s="165">
        <v>150</v>
      </c>
      <c r="X14" s="164">
        <v>150</v>
      </c>
      <c r="Y14" s="159">
        <v>48</v>
      </c>
      <c r="Z14" s="160">
        <v>80</v>
      </c>
      <c r="AA14" s="165">
        <v>128</v>
      </c>
      <c r="AB14" s="162">
        <v>0</v>
      </c>
      <c r="AC14" s="160">
        <v>345</v>
      </c>
      <c r="AD14" s="160">
        <v>261</v>
      </c>
      <c r="AE14" s="160">
        <v>215</v>
      </c>
      <c r="AF14" s="160">
        <v>226</v>
      </c>
      <c r="AG14" s="160">
        <v>158</v>
      </c>
      <c r="AH14" s="165">
        <v>1205</v>
      </c>
      <c r="AI14" s="164">
        <v>1333</v>
      </c>
      <c r="AJ14" s="159">
        <v>2</v>
      </c>
      <c r="AK14" s="160">
        <v>9</v>
      </c>
      <c r="AL14" s="165">
        <v>11</v>
      </c>
      <c r="AM14" s="162">
        <v>0</v>
      </c>
      <c r="AN14" s="160">
        <v>27</v>
      </c>
      <c r="AO14" s="160">
        <v>23</v>
      </c>
      <c r="AP14" s="160">
        <v>22</v>
      </c>
      <c r="AQ14" s="160">
        <v>22</v>
      </c>
      <c r="AR14" s="160">
        <v>4</v>
      </c>
      <c r="AS14" s="165">
        <v>98</v>
      </c>
      <c r="AT14" s="164">
        <v>109</v>
      </c>
      <c r="AU14" s="159">
        <v>51</v>
      </c>
      <c r="AV14" s="160">
        <v>48</v>
      </c>
      <c r="AW14" s="165">
        <v>99</v>
      </c>
      <c r="AX14" s="162">
        <v>0</v>
      </c>
      <c r="AY14" s="160">
        <v>452</v>
      </c>
      <c r="AZ14" s="160">
        <v>509</v>
      </c>
      <c r="BA14" s="160">
        <v>449</v>
      </c>
      <c r="BB14" s="160">
        <v>470</v>
      </c>
      <c r="BC14" s="160">
        <v>319</v>
      </c>
      <c r="BD14" s="163">
        <v>2199</v>
      </c>
      <c r="BE14" s="164">
        <v>2298</v>
      </c>
      <c r="BF14" s="159">
        <v>0</v>
      </c>
      <c r="BG14" s="160">
        <v>0</v>
      </c>
      <c r="BH14" s="165">
        <v>0</v>
      </c>
      <c r="BI14" s="162">
        <v>0</v>
      </c>
      <c r="BJ14" s="160">
        <v>658</v>
      </c>
      <c r="BK14" s="160">
        <v>417</v>
      </c>
      <c r="BL14" s="160">
        <v>269</v>
      </c>
      <c r="BM14" s="160">
        <v>189</v>
      </c>
      <c r="BN14" s="160">
        <v>81</v>
      </c>
      <c r="BO14" s="165">
        <v>1614</v>
      </c>
      <c r="BP14" s="164">
        <v>1614</v>
      </c>
      <c r="BQ14" s="159">
        <v>121</v>
      </c>
      <c r="BR14" s="160">
        <v>81</v>
      </c>
      <c r="BS14" s="165">
        <v>202</v>
      </c>
      <c r="BT14" s="162">
        <v>0</v>
      </c>
      <c r="BU14" s="160">
        <v>244</v>
      </c>
      <c r="BV14" s="160">
        <v>160</v>
      </c>
      <c r="BW14" s="160">
        <v>86</v>
      </c>
      <c r="BX14" s="160">
        <v>73</v>
      </c>
      <c r="BY14" s="160">
        <v>28</v>
      </c>
      <c r="BZ14" s="165">
        <v>591</v>
      </c>
      <c r="CA14" s="164">
        <v>793</v>
      </c>
      <c r="CB14" s="159">
        <v>7</v>
      </c>
      <c r="CC14" s="160">
        <v>9</v>
      </c>
      <c r="CD14" s="165">
        <v>16</v>
      </c>
      <c r="CE14" s="162">
        <v>0</v>
      </c>
      <c r="CF14" s="160">
        <v>87</v>
      </c>
      <c r="CG14" s="160">
        <v>79</v>
      </c>
      <c r="CH14" s="160">
        <v>101</v>
      </c>
      <c r="CI14" s="160">
        <v>88</v>
      </c>
      <c r="CJ14" s="160">
        <v>44</v>
      </c>
      <c r="CK14" s="165">
        <v>399</v>
      </c>
      <c r="CL14" s="164">
        <v>415</v>
      </c>
      <c r="CM14" s="159">
        <v>0</v>
      </c>
      <c r="CN14" s="160">
        <v>1</v>
      </c>
      <c r="CO14" s="165">
        <v>1</v>
      </c>
      <c r="CP14" s="162">
        <v>0</v>
      </c>
      <c r="CQ14" s="160">
        <v>5</v>
      </c>
      <c r="CR14" s="160">
        <v>4</v>
      </c>
      <c r="CS14" s="160">
        <v>8</v>
      </c>
      <c r="CT14" s="160">
        <v>5</v>
      </c>
      <c r="CU14" s="160">
        <v>11</v>
      </c>
      <c r="CV14" s="165">
        <v>33</v>
      </c>
      <c r="CW14" s="164">
        <v>34</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417</v>
      </c>
      <c r="DU14" s="160">
        <v>505</v>
      </c>
      <c r="DV14" s="165">
        <v>922</v>
      </c>
      <c r="DW14" s="162">
        <v>0</v>
      </c>
      <c r="DX14" s="160">
        <v>998</v>
      </c>
      <c r="DY14" s="160">
        <v>914</v>
      </c>
      <c r="DZ14" s="160">
        <v>646</v>
      </c>
      <c r="EA14" s="160">
        <v>535</v>
      </c>
      <c r="EB14" s="160">
        <v>301</v>
      </c>
      <c r="EC14" s="165">
        <v>3394</v>
      </c>
      <c r="ED14" s="164">
        <v>4316</v>
      </c>
      <c r="EE14" s="159">
        <v>39</v>
      </c>
      <c r="EF14" s="160">
        <v>27</v>
      </c>
      <c r="EG14" s="165">
        <v>66</v>
      </c>
      <c r="EH14" s="162">
        <v>0</v>
      </c>
      <c r="EI14" s="160">
        <v>186</v>
      </c>
      <c r="EJ14" s="160">
        <v>154</v>
      </c>
      <c r="EK14" s="160">
        <v>107</v>
      </c>
      <c r="EL14" s="160">
        <v>158</v>
      </c>
      <c r="EM14" s="160">
        <v>78</v>
      </c>
      <c r="EN14" s="165">
        <v>683</v>
      </c>
      <c r="EO14" s="164">
        <v>749</v>
      </c>
      <c r="EP14" s="159">
        <v>532</v>
      </c>
      <c r="EQ14" s="160">
        <v>584</v>
      </c>
      <c r="ER14" s="165">
        <v>1116</v>
      </c>
      <c r="ES14" s="162">
        <v>0</v>
      </c>
      <c r="ET14" s="160">
        <v>1863</v>
      </c>
      <c r="EU14" s="160">
        <v>1164</v>
      </c>
      <c r="EV14" s="160">
        <v>742</v>
      </c>
      <c r="EW14" s="160">
        <v>569</v>
      </c>
      <c r="EX14" s="160">
        <v>301</v>
      </c>
      <c r="EY14" s="165">
        <v>4639</v>
      </c>
      <c r="EZ14" s="164">
        <v>5755</v>
      </c>
    </row>
    <row r="15" spans="2:156" ht="21" customHeight="1" x14ac:dyDescent="0.2">
      <c r="B15" s="166" t="s">
        <v>12</v>
      </c>
      <c r="C15" s="159">
        <v>0</v>
      </c>
      <c r="D15" s="160">
        <v>0</v>
      </c>
      <c r="E15" s="161">
        <v>0</v>
      </c>
      <c r="F15" s="162">
        <v>0</v>
      </c>
      <c r="G15" s="160">
        <v>527</v>
      </c>
      <c r="H15" s="160">
        <v>500</v>
      </c>
      <c r="I15" s="160">
        <v>320</v>
      </c>
      <c r="J15" s="160">
        <v>294</v>
      </c>
      <c r="K15" s="160">
        <v>231</v>
      </c>
      <c r="L15" s="163">
        <v>1872</v>
      </c>
      <c r="M15" s="164">
        <v>1872</v>
      </c>
      <c r="N15" s="159">
        <v>0</v>
      </c>
      <c r="O15" s="160">
        <v>4</v>
      </c>
      <c r="P15" s="165">
        <v>4</v>
      </c>
      <c r="Q15" s="162">
        <v>0</v>
      </c>
      <c r="R15" s="160">
        <v>2</v>
      </c>
      <c r="S15" s="160">
        <v>17</v>
      </c>
      <c r="T15" s="160">
        <v>19</v>
      </c>
      <c r="U15" s="160">
        <v>63</v>
      </c>
      <c r="V15" s="160">
        <v>71</v>
      </c>
      <c r="W15" s="165">
        <v>172</v>
      </c>
      <c r="X15" s="164">
        <v>176</v>
      </c>
      <c r="Y15" s="159">
        <v>115</v>
      </c>
      <c r="Z15" s="160">
        <v>312</v>
      </c>
      <c r="AA15" s="165">
        <v>427</v>
      </c>
      <c r="AB15" s="162">
        <v>0</v>
      </c>
      <c r="AC15" s="160">
        <v>375</v>
      </c>
      <c r="AD15" s="160">
        <v>447</v>
      </c>
      <c r="AE15" s="160">
        <v>250</v>
      </c>
      <c r="AF15" s="160">
        <v>249</v>
      </c>
      <c r="AG15" s="160">
        <v>183</v>
      </c>
      <c r="AH15" s="165">
        <v>1504</v>
      </c>
      <c r="AI15" s="164">
        <v>1931</v>
      </c>
      <c r="AJ15" s="159">
        <v>7</v>
      </c>
      <c r="AK15" s="160">
        <v>30</v>
      </c>
      <c r="AL15" s="165">
        <v>37</v>
      </c>
      <c r="AM15" s="162">
        <v>0</v>
      </c>
      <c r="AN15" s="160">
        <v>14</v>
      </c>
      <c r="AO15" s="160">
        <v>43</v>
      </c>
      <c r="AP15" s="160">
        <v>20</v>
      </c>
      <c r="AQ15" s="160">
        <v>20</v>
      </c>
      <c r="AR15" s="160">
        <v>13</v>
      </c>
      <c r="AS15" s="165">
        <v>110</v>
      </c>
      <c r="AT15" s="164">
        <v>147</v>
      </c>
      <c r="AU15" s="159">
        <v>72</v>
      </c>
      <c r="AV15" s="160">
        <v>124</v>
      </c>
      <c r="AW15" s="165">
        <v>196</v>
      </c>
      <c r="AX15" s="162">
        <v>0</v>
      </c>
      <c r="AY15" s="160">
        <v>354</v>
      </c>
      <c r="AZ15" s="160">
        <v>434</v>
      </c>
      <c r="BA15" s="160">
        <v>407</v>
      </c>
      <c r="BB15" s="160">
        <v>487</v>
      </c>
      <c r="BC15" s="160">
        <v>374</v>
      </c>
      <c r="BD15" s="163">
        <v>2056</v>
      </c>
      <c r="BE15" s="164">
        <v>2252</v>
      </c>
      <c r="BF15" s="159">
        <v>0</v>
      </c>
      <c r="BG15" s="160">
        <v>0</v>
      </c>
      <c r="BH15" s="165">
        <v>0</v>
      </c>
      <c r="BI15" s="162">
        <v>0</v>
      </c>
      <c r="BJ15" s="160">
        <v>694</v>
      </c>
      <c r="BK15" s="160">
        <v>479</v>
      </c>
      <c r="BL15" s="160">
        <v>266</v>
      </c>
      <c r="BM15" s="160">
        <v>191</v>
      </c>
      <c r="BN15" s="160">
        <v>98</v>
      </c>
      <c r="BO15" s="165">
        <v>1728</v>
      </c>
      <c r="BP15" s="164">
        <v>1728</v>
      </c>
      <c r="BQ15" s="159">
        <v>93</v>
      </c>
      <c r="BR15" s="160">
        <v>142</v>
      </c>
      <c r="BS15" s="165">
        <v>235</v>
      </c>
      <c r="BT15" s="162">
        <v>0</v>
      </c>
      <c r="BU15" s="160">
        <v>121</v>
      </c>
      <c r="BV15" s="160">
        <v>194</v>
      </c>
      <c r="BW15" s="160">
        <v>120</v>
      </c>
      <c r="BX15" s="160">
        <v>70</v>
      </c>
      <c r="BY15" s="160">
        <v>27</v>
      </c>
      <c r="BZ15" s="165">
        <v>532</v>
      </c>
      <c r="CA15" s="164">
        <v>767</v>
      </c>
      <c r="CB15" s="159">
        <v>4</v>
      </c>
      <c r="CC15" s="160">
        <v>17</v>
      </c>
      <c r="CD15" s="165">
        <v>21</v>
      </c>
      <c r="CE15" s="162">
        <v>0</v>
      </c>
      <c r="CF15" s="160">
        <v>93</v>
      </c>
      <c r="CG15" s="160">
        <v>114</v>
      </c>
      <c r="CH15" s="160">
        <v>126</v>
      </c>
      <c r="CI15" s="160">
        <v>97</v>
      </c>
      <c r="CJ15" s="160">
        <v>56</v>
      </c>
      <c r="CK15" s="165">
        <v>486</v>
      </c>
      <c r="CL15" s="164">
        <v>507</v>
      </c>
      <c r="CM15" s="159">
        <v>0</v>
      </c>
      <c r="CN15" s="160">
        <v>0</v>
      </c>
      <c r="CO15" s="165">
        <v>0</v>
      </c>
      <c r="CP15" s="162">
        <v>0</v>
      </c>
      <c r="CQ15" s="160">
        <v>6</v>
      </c>
      <c r="CR15" s="160">
        <v>5</v>
      </c>
      <c r="CS15" s="160">
        <v>5</v>
      </c>
      <c r="CT15" s="160">
        <v>7</v>
      </c>
      <c r="CU15" s="160">
        <v>4</v>
      </c>
      <c r="CV15" s="165">
        <v>27</v>
      </c>
      <c r="CW15" s="164">
        <v>27</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505</v>
      </c>
      <c r="DU15" s="160">
        <v>974</v>
      </c>
      <c r="DV15" s="165">
        <v>1479</v>
      </c>
      <c r="DW15" s="162">
        <v>0</v>
      </c>
      <c r="DX15" s="160">
        <v>653</v>
      </c>
      <c r="DY15" s="160">
        <v>1070</v>
      </c>
      <c r="DZ15" s="160">
        <v>695</v>
      </c>
      <c r="EA15" s="160">
        <v>634</v>
      </c>
      <c r="EB15" s="160">
        <v>398</v>
      </c>
      <c r="EC15" s="165">
        <v>3450</v>
      </c>
      <c r="ED15" s="164">
        <v>4929</v>
      </c>
      <c r="EE15" s="159">
        <v>38</v>
      </c>
      <c r="EF15" s="160">
        <v>39</v>
      </c>
      <c r="EG15" s="165">
        <v>77</v>
      </c>
      <c r="EH15" s="162">
        <v>0</v>
      </c>
      <c r="EI15" s="160">
        <v>126</v>
      </c>
      <c r="EJ15" s="160">
        <v>121</v>
      </c>
      <c r="EK15" s="160">
        <v>121</v>
      </c>
      <c r="EL15" s="160">
        <v>128</v>
      </c>
      <c r="EM15" s="160">
        <v>74</v>
      </c>
      <c r="EN15" s="165">
        <v>570</v>
      </c>
      <c r="EO15" s="164">
        <v>647</v>
      </c>
      <c r="EP15" s="159">
        <v>663</v>
      </c>
      <c r="EQ15" s="160">
        <v>1175</v>
      </c>
      <c r="ER15" s="165">
        <v>1838</v>
      </c>
      <c r="ES15" s="162">
        <v>0</v>
      </c>
      <c r="ET15" s="160">
        <v>1616</v>
      </c>
      <c r="EU15" s="160">
        <v>1366</v>
      </c>
      <c r="EV15" s="160">
        <v>780</v>
      </c>
      <c r="EW15" s="160">
        <v>630</v>
      </c>
      <c r="EX15" s="160">
        <v>371</v>
      </c>
      <c r="EY15" s="165">
        <v>4763</v>
      </c>
      <c r="EZ15" s="164">
        <v>6601</v>
      </c>
    </row>
    <row r="16" spans="2:156" ht="21" customHeight="1" x14ac:dyDescent="0.2">
      <c r="B16" s="166" t="s">
        <v>13</v>
      </c>
      <c r="C16" s="159">
        <v>0</v>
      </c>
      <c r="D16" s="160">
        <v>0</v>
      </c>
      <c r="E16" s="161">
        <v>0</v>
      </c>
      <c r="F16" s="162">
        <v>0</v>
      </c>
      <c r="G16" s="160">
        <v>227</v>
      </c>
      <c r="H16" s="160">
        <v>230</v>
      </c>
      <c r="I16" s="160">
        <v>149</v>
      </c>
      <c r="J16" s="160">
        <v>112</v>
      </c>
      <c r="K16" s="160">
        <v>97</v>
      </c>
      <c r="L16" s="163">
        <v>815</v>
      </c>
      <c r="M16" s="164">
        <v>815</v>
      </c>
      <c r="N16" s="159">
        <v>0</v>
      </c>
      <c r="O16" s="160">
        <v>0</v>
      </c>
      <c r="P16" s="165">
        <v>0</v>
      </c>
      <c r="Q16" s="162">
        <v>0</v>
      </c>
      <c r="R16" s="160">
        <v>1</v>
      </c>
      <c r="S16" s="160">
        <v>3</v>
      </c>
      <c r="T16" s="160">
        <v>5</v>
      </c>
      <c r="U16" s="160">
        <v>20</v>
      </c>
      <c r="V16" s="160">
        <v>41</v>
      </c>
      <c r="W16" s="165">
        <v>70</v>
      </c>
      <c r="X16" s="164">
        <v>70</v>
      </c>
      <c r="Y16" s="159">
        <v>11</v>
      </c>
      <c r="Z16" s="160">
        <v>27</v>
      </c>
      <c r="AA16" s="165">
        <v>38</v>
      </c>
      <c r="AB16" s="162">
        <v>0</v>
      </c>
      <c r="AC16" s="160">
        <v>103</v>
      </c>
      <c r="AD16" s="160">
        <v>165</v>
      </c>
      <c r="AE16" s="160">
        <v>85</v>
      </c>
      <c r="AF16" s="160">
        <v>83</v>
      </c>
      <c r="AG16" s="160">
        <v>64</v>
      </c>
      <c r="AH16" s="165">
        <v>500</v>
      </c>
      <c r="AI16" s="164">
        <v>538</v>
      </c>
      <c r="AJ16" s="159">
        <v>3</v>
      </c>
      <c r="AK16" s="160">
        <v>5</v>
      </c>
      <c r="AL16" s="165">
        <v>8</v>
      </c>
      <c r="AM16" s="162">
        <v>0</v>
      </c>
      <c r="AN16" s="160">
        <v>21</v>
      </c>
      <c r="AO16" s="160">
        <v>20</v>
      </c>
      <c r="AP16" s="160">
        <v>17</v>
      </c>
      <c r="AQ16" s="160">
        <v>3</v>
      </c>
      <c r="AR16" s="160">
        <v>11</v>
      </c>
      <c r="AS16" s="165">
        <v>72</v>
      </c>
      <c r="AT16" s="164">
        <v>80</v>
      </c>
      <c r="AU16" s="159">
        <v>29</v>
      </c>
      <c r="AV16" s="160">
        <v>27</v>
      </c>
      <c r="AW16" s="165">
        <v>56</v>
      </c>
      <c r="AX16" s="162">
        <v>0</v>
      </c>
      <c r="AY16" s="160">
        <v>212</v>
      </c>
      <c r="AZ16" s="160">
        <v>230</v>
      </c>
      <c r="BA16" s="160">
        <v>198</v>
      </c>
      <c r="BB16" s="160">
        <v>200</v>
      </c>
      <c r="BC16" s="160">
        <v>171</v>
      </c>
      <c r="BD16" s="163">
        <v>1011</v>
      </c>
      <c r="BE16" s="164">
        <v>1067</v>
      </c>
      <c r="BF16" s="159">
        <v>0</v>
      </c>
      <c r="BG16" s="160">
        <v>0</v>
      </c>
      <c r="BH16" s="165">
        <v>0</v>
      </c>
      <c r="BI16" s="162">
        <v>0</v>
      </c>
      <c r="BJ16" s="160">
        <v>200</v>
      </c>
      <c r="BK16" s="160">
        <v>207</v>
      </c>
      <c r="BL16" s="160">
        <v>92</v>
      </c>
      <c r="BM16" s="160">
        <v>65</v>
      </c>
      <c r="BN16" s="160">
        <v>30</v>
      </c>
      <c r="BO16" s="165">
        <v>594</v>
      </c>
      <c r="BP16" s="164">
        <v>594</v>
      </c>
      <c r="BQ16" s="159">
        <v>11</v>
      </c>
      <c r="BR16" s="160">
        <v>17</v>
      </c>
      <c r="BS16" s="165">
        <v>28</v>
      </c>
      <c r="BT16" s="162">
        <v>0</v>
      </c>
      <c r="BU16" s="160">
        <v>38</v>
      </c>
      <c r="BV16" s="160">
        <v>41</v>
      </c>
      <c r="BW16" s="160">
        <v>26</v>
      </c>
      <c r="BX16" s="160">
        <v>18</v>
      </c>
      <c r="BY16" s="160">
        <v>13</v>
      </c>
      <c r="BZ16" s="165">
        <v>136</v>
      </c>
      <c r="CA16" s="164">
        <v>164</v>
      </c>
      <c r="CB16" s="159">
        <v>0</v>
      </c>
      <c r="CC16" s="160">
        <v>0</v>
      </c>
      <c r="CD16" s="165">
        <v>0</v>
      </c>
      <c r="CE16" s="162">
        <v>0</v>
      </c>
      <c r="CF16" s="160">
        <v>13</v>
      </c>
      <c r="CG16" s="160">
        <v>30</v>
      </c>
      <c r="CH16" s="160">
        <v>49</v>
      </c>
      <c r="CI16" s="160">
        <v>33</v>
      </c>
      <c r="CJ16" s="160">
        <v>30</v>
      </c>
      <c r="CK16" s="165">
        <v>155</v>
      </c>
      <c r="CL16" s="164">
        <v>155</v>
      </c>
      <c r="CM16" s="159">
        <v>0</v>
      </c>
      <c r="CN16" s="160">
        <v>0</v>
      </c>
      <c r="CO16" s="165">
        <v>0</v>
      </c>
      <c r="CP16" s="162">
        <v>0</v>
      </c>
      <c r="CQ16" s="160">
        <v>0</v>
      </c>
      <c r="CR16" s="160">
        <v>2</v>
      </c>
      <c r="CS16" s="160">
        <v>6</v>
      </c>
      <c r="CT16" s="160">
        <v>6</v>
      </c>
      <c r="CU16" s="160">
        <v>4</v>
      </c>
      <c r="CV16" s="165">
        <v>18</v>
      </c>
      <c r="CW16" s="164">
        <v>18</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81</v>
      </c>
      <c r="DU16" s="160">
        <v>171</v>
      </c>
      <c r="DV16" s="165">
        <v>252</v>
      </c>
      <c r="DW16" s="162">
        <v>0</v>
      </c>
      <c r="DX16" s="160">
        <v>273</v>
      </c>
      <c r="DY16" s="160">
        <v>436</v>
      </c>
      <c r="DZ16" s="160">
        <v>252</v>
      </c>
      <c r="EA16" s="160">
        <v>196</v>
      </c>
      <c r="EB16" s="160">
        <v>135</v>
      </c>
      <c r="EC16" s="165">
        <v>1292</v>
      </c>
      <c r="ED16" s="164">
        <v>1544</v>
      </c>
      <c r="EE16" s="159">
        <v>15</v>
      </c>
      <c r="EF16" s="160">
        <v>13</v>
      </c>
      <c r="EG16" s="165">
        <v>28</v>
      </c>
      <c r="EH16" s="162">
        <v>0</v>
      </c>
      <c r="EI16" s="160">
        <v>88</v>
      </c>
      <c r="EJ16" s="160">
        <v>65</v>
      </c>
      <c r="EK16" s="160">
        <v>73</v>
      </c>
      <c r="EL16" s="160">
        <v>73</v>
      </c>
      <c r="EM16" s="160">
        <v>50</v>
      </c>
      <c r="EN16" s="165">
        <v>349</v>
      </c>
      <c r="EO16" s="164">
        <v>377</v>
      </c>
      <c r="EP16" s="159">
        <v>102</v>
      </c>
      <c r="EQ16" s="160">
        <v>196</v>
      </c>
      <c r="ER16" s="165">
        <v>298</v>
      </c>
      <c r="ES16" s="162">
        <v>0</v>
      </c>
      <c r="ET16" s="160">
        <v>607</v>
      </c>
      <c r="EU16" s="160">
        <v>607</v>
      </c>
      <c r="EV16" s="160">
        <v>308</v>
      </c>
      <c r="EW16" s="160">
        <v>214</v>
      </c>
      <c r="EX16" s="160">
        <v>151</v>
      </c>
      <c r="EY16" s="165">
        <v>1887</v>
      </c>
      <c r="EZ16" s="164">
        <v>2185</v>
      </c>
    </row>
    <row r="17" spans="2:156" ht="21" customHeight="1" x14ac:dyDescent="0.2">
      <c r="B17" s="166" t="s">
        <v>15</v>
      </c>
      <c r="C17" s="159">
        <v>0</v>
      </c>
      <c r="D17" s="160">
        <v>0</v>
      </c>
      <c r="E17" s="161">
        <v>0</v>
      </c>
      <c r="F17" s="162">
        <v>0</v>
      </c>
      <c r="G17" s="160">
        <v>125</v>
      </c>
      <c r="H17" s="160">
        <v>179</v>
      </c>
      <c r="I17" s="160">
        <v>98</v>
      </c>
      <c r="J17" s="160">
        <v>69</v>
      </c>
      <c r="K17" s="160">
        <v>50</v>
      </c>
      <c r="L17" s="163">
        <v>521</v>
      </c>
      <c r="M17" s="164">
        <v>521</v>
      </c>
      <c r="N17" s="159">
        <v>0</v>
      </c>
      <c r="O17" s="160">
        <v>0</v>
      </c>
      <c r="P17" s="165">
        <v>0</v>
      </c>
      <c r="Q17" s="162">
        <v>0</v>
      </c>
      <c r="R17" s="160">
        <v>0</v>
      </c>
      <c r="S17" s="160">
        <v>2</v>
      </c>
      <c r="T17" s="160">
        <v>8</v>
      </c>
      <c r="U17" s="160">
        <v>16</v>
      </c>
      <c r="V17" s="160">
        <v>23</v>
      </c>
      <c r="W17" s="165">
        <v>49</v>
      </c>
      <c r="X17" s="164">
        <v>49</v>
      </c>
      <c r="Y17" s="159">
        <v>7</v>
      </c>
      <c r="Z17" s="160">
        <v>19</v>
      </c>
      <c r="AA17" s="165">
        <v>26</v>
      </c>
      <c r="AB17" s="162">
        <v>0</v>
      </c>
      <c r="AC17" s="160">
        <v>64</v>
      </c>
      <c r="AD17" s="160">
        <v>84</v>
      </c>
      <c r="AE17" s="160">
        <v>51</v>
      </c>
      <c r="AF17" s="160">
        <v>45</v>
      </c>
      <c r="AG17" s="160">
        <v>40</v>
      </c>
      <c r="AH17" s="165">
        <v>284</v>
      </c>
      <c r="AI17" s="164">
        <v>310</v>
      </c>
      <c r="AJ17" s="159">
        <v>0</v>
      </c>
      <c r="AK17" s="160">
        <v>2</v>
      </c>
      <c r="AL17" s="165">
        <v>2</v>
      </c>
      <c r="AM17" s="162">
        <v>0</v>
      </c>
      <c r="AN17" s="160">
        <v>11</v>
      </c>
      <c r="AO17" s="160">
        <v>16</v>
      </c>
      <c r="AP17" s="160">
        <v>4</v>
      </c>
      <c r="AQ17" s="160">
        <v>4</v>
      </c>
      <c r="AR17" s="160">
        <v>7</v>
      </c>
      <c r="AS17" s="165">
        <v>42</v>
      </c>
      <c r="AT17" s="164">
        <v>44</v>
      </c>
      <c r="AU17" s="159">
        <v>11</v>
      </c>
      <c r="AV17" s="160">
        <v>14</v>
      </c>
      <c r="AW17" s="165">
        <v>25</v>
      </c>
      <c r="AX17" s="162">
        <v>0</v>
      </c>
      <c r="AY17" s="160">
        <v>116</v>
      </c>
      <c r="AZ17" s="160">
        <v>113</v>
      </c>
      <c r="BA17" s="160">
        <v>108</v>
      </c>
      <c r="BB17" s="160">
        <v>115</v>
      </c>
      <c r="BC17" s="160">
        <v>74</v>
      </c>
      <c r="BD17" s="163">
        <v>526</v>
      </c>
      <c r="BE17" s="164">
        <v>551</v>
      </c>
      <c r="BF17" s="159">
        <v>0</v>
      </c>
      <c r="BG17" s="160">
        <v>0</v>
      </c>
      <c r="BH17" s="165">
        <v>0</v>
      </c>
      <c r="BI17" s="162">
        <v>0</v>
      </c>
      <c r="BJ17" s="160">
        <v>92</v>
      </c>
      <c r="BK17" s="160">
        <v>112</v>
      </c>
      <c r="BL17" s="160">
        <v>54</v>
      </c>
      <c r="BM17" s="160">
        <v>32</v>
      </c>
      <c r="BN17" s="160">
        <v>10</v>
      </c>
      <c r="BO17" s="165">
        <v>300</v>
      </c>
      <c r="BP17" s="164">
        <v>300</v>
      </c>
      <c r="BQ17" s="159">
        <v>3</v>
      </c>
      <c r="BR17" s="160">
        <v>6</v>
      </c>
      <c r="BS17" s="165">
        <v>9</v>
      </c>
      <c r="BT17" s="162">
        <v>0</v>
      </c>
      <c r="BU17" s="160">
        <v>29</v>
      </c>
      <c r="BV17" s="160">
        <v>39</v>
      </c>
      <c r="BW17" s="160">
        <v>22</v>
      </c>
      <c r="BX17" s="160">
        <v>14</v>
      </c>
      <c r="BY17" s="160">
        <v>6</v>
      </c>
      <c r="BZ17" s="165">
        <v>110</v>
      </c>
      <c r="CA17" s="164">
        <v>119</v>
      </c>
      <c r="CB17" s="159">
        <v>0</v>
      </c>
      <c r="CC17" s="160">
        <v>0</v>
      </c>
      <c r="CD17" s="165">
        <v>0</v>
      </c>
      <c r="CE17" s="162">
        <v>0</v>
      </c>
      <c r="CF17" s="160">
        <v>15</v>
      </c>
      <c r="CG17" s="160">
        <v>29</v>
      </c>
      <c r="CH17" s="160">
        <v>46</v>
      </c>
      <c r="CI17" s="160">
        <v>41</v>
      </c>
      <c r="CJ17" s="160">
        <v>20</v>
      </c>
      <c r="CK17" s="165">
        <v>151</v>
      </c>
      <c r="CL17" s="164">
        <v>151</v>
      </c>
      <c r="CM17" s="159">
        <v>0</v>
      </c>
      <c r="CN17" s="160">
        <v>0</v>
      </c>
      <c r="CO17" s="165">
        <v>0</v>
      </c>
      <c r="CP17" s="162">
        <v>0</v>
      </c>
      <c r="CQ17" s="160">
        <v>2</v>
      </c>
      <c r="CR17" s="160">
        <v>6</v>
      </c>
      <c r="CS17" s="160">
        <v>2</v>
      </c>
      <c r="CT17" s="160">
        <v>3</v>
      </c>
      <c r="CU17" s="160">
        <v>1</v>
      </c>
      <c r="CV17" s="165">
        <v>14</v>
      </c>
      <c r="CW17" s="164">
        <v>14</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79</v>
      </c>
      <c r="DU17" s="160">
        <v>180</v>
      </c>
      <c r="DV17" s="165">
        <v>259</v>
      </c>
      <c r="DW17" s="162">
        <v>0</v>
      </c>
      <c r="DX17" s="160">
        <v>229</v>
      </c>
      <c r="DY17" s="160">
        <v>371</v>
      </c>
      <c r="DZ17" s="160">
        <v>174</v>
      </c>
      <c r="EA17" s="160">
        <v>133</v>
      </c>
      <c r="EB17" s="160">
        <v>85</v>
      </c>
      <c r="EC17" s="165">
        <v>992</v>
      </c>
      <c r="ED17" s="164">
        <v>1251</v>
      </c>
      <c r="EE17" s="159">
        <v>18</v>
      </c>
      <c r="EF17" s="160">
        <v>10</v>
      </c>
      <c r="EG17" s="165">
        <v>28</v>
      </c>
      <c r="EH17" s="162">
        <v>0</v>
      </c>
      <c r="EI17" s="160">
        <v>53</v>
      </c>
      <c r="EJ17" s="160">
        <v>27</v>
      </c>
      <c r="EK17" s="160">
        <v>24</v>
      </c>
      <c r="EL17" s="160">
        <v>44</v>
      </c>
      <c r="EM17" s="160">
        <v>16</v>
      </c>
      <c r="EN17" s="165">
        <v>164</v>
      </c>
      <c r="EO17" s="164">
        <v>192</v>
      </c>
      <c r="EP17" s="159">
        <v>87</v>
      </c>
      <c r="EQ17" s="160">
        <v>194</v>
      </c>
      <c r="ER17" s="165">
        <v>281</v>
      </c>
      <c r="ES17" s="162">
        <v>0</v>
      </c>
      <c r="ET17" s="160">
        <v>444</v>
      </c>
      <c r="EU17" s="160">
        <v>492</v>
      </c>
      <c r="EV17" s="160">
        <v>234</v>
      </c>
      <c r="EW17" s="160">
        <v>155</v>
      </c>
      <c r="EX17" s="160">
        <v>89</v>
      </c>
      <c r="EY17" s="165">
        <v>1414</v>
      </c>
      <c r="EZ17" s="164">
        <v>1695</v>
      </c>
    </row>
    <row r="18" spans="2:156" ht="21" customHeight="1" x14ac:dyDescent="0.2">
      <c r="B18" s="166" t="s">
        <v>16</v>
      </c>
      <c r="C18" s="159">
        <v>0</v>
      </c>
      <c r="D18" s="160">
        <v>0</v>
      </c>
      <c r="E18" s="161">
        <v>0</v>
      </c>
      <c r="F18" s="162">
        <v>0</v>
      </c>
      <c r="G18" s="160">
        <v>193</v>
      </c>
      <c r="H18" s="160">
        <v>311</v>
      </c>
      <c r="I18" s="160">
        <v>162</v>
      </c>
      <c r="J18" s="160">
        <v>141</v>
      </c>
      <c r="K18" s="160">
        <v>78</v>
      </c>
      <c r="L18" s="163">
        <v>885</v>
      </c>
      <c r="M18" s="164">
        <v>885</v>
      </c>
      <c r="N18" s="159">
        <v>0</v>
      </c>
      <c r="O18" s="160">
        <v>0</v>
      </c>
      <c r="P18" s="165">
        <v>0</v>
      </c>
      <c r="Q18" s="162">
        <v>0</v>
      </c>
      <c r="R18" s="160">
        <v>3</v>
      </c>
      <c r="S18" s="160">
        <v>6</v>
      </c>
      <c r="T18" s="160">
        <v>8</v>
      </c>
      <c r="U18" s="160">
        <v>27</v>
      </c>
      <c r="V18" s="160">
        <v>49</v>
      </c>
      <c r="W18" s="165">
        <v>93</v>
      </c>
      <c r="X18" s="164">
        <v>93</v>
      </c>
      <c r="Y18" s="159">
        <v>29</v>
      </c>
      <c r="Z18" s="160">
        <v>65</v>
      </c>
      <c r="AA18" s="165">
        <v>94</v>
      </c>
      <c r="AB18" s="162">
        <v>0</v>
      </c>
      <c r="AC18" s="160">
        <v>156</v>
      </c>
      <c r="AD18" s="160">
        <v>306</v>
      </c>
      <c r="AE18" s="160">
        <v>161</v>
      </c>
      <c r="AF18" s="160">
        <v>161</v>
      </c>
      <c r="AG18" s="160">
        <v>106</v>
      </c>
      <c r="AH18" s="165">
        <v>890</v>
      </c>
      <c r="AI18" s="164">
        <v>984</v>
      </c>
      <c r="AJ18" s="159">
        <v>6</v>
      </c>
      <c r="AK18" s="160">
        <v>9</v>
      </c>
      <c r="AL18" s="165">
        <v>15</v>
      </c>
      <c r="AM18" s="162">
        <v>0</v>
      </c>
      <c r="AN18" s="160">
        <v>8</v>
      </c>
      <c r="AO18" s="160">
        <v>28</v>
      </c>
      <c r="AP18" s="160">
        <v>12</v>
      </c>
      <c r="AQ18" s="160">
        <v>8</v>
      </c>
      <c r="AR18" s="160">
        <v>9</v>
      </c>
      <c r="AS18" s="165">
        <v>65</v>
      </c>
      <c r="AT18" s="164">
        <v>80</v>
      </c>
      <c r="AU18" s="159">
        <v>40</v>
      </c>
      <c r="AV18" s="160">
        <v>46</v>
      </c>
      <c r="AW18" s="165">
        <v>86</v>
      </c>
      <c r="AX18" s="162">
        <v>0</v>
      </c>
      <c r="AY18" s="160">
        <v>234</v>
      </c>
      <c r="AZ18" s="160">
        <v>381</v>
      </c>
      <c r="BA18" s="160">
        <v>282</v>
      </c>
      <c r="BB18" s="160">
        <v>310</v>
      </c>
      <c r="BC18" s="160">
        <v>202</v>
      </c>
      <c r="BD18" s="163">
        <v>1409</v>
      </c>
      <c r="BE18" s="164">
        <v>1495</v>
      </c>
      <c r="BF18" s="159">
        <v>0</v>
      </c>
      <c r="BG18" s="160">
        <v>0</v>
      </c>
      <c r="BH18" s="165">
        <v>0</v>
      </c>
      <c r="BI18" s="162">
        <v>0</v>
      </c>
      <c r="BJ18" s="160">
        <v>317</v>
      </c>
      <c r="BK18" s="160">
        <v>424</v>
      </c>
      <c r="BL18" s="160">
        <v>223</v>
      </c>
      <c r="BM18" s="160">
        <v>174</v>
      </c>
      <c r="BN18" s="160">
        <v>82</v>
      </c>
      <c r="BO18" s="165">
        <v>1220</v>
      </c>
      <c r="BP18" s="164">
        <v>1220</v>
      </c>
      <c r="BQ18" s="159">
        <v>43</v>
      </c>
      <c r="BR18" s="160">
        <v>110</v>
      </c>
      <c r="BS18" s="165">
        <v>153</v>
      </c>
      <c r="BT18" s="162">
        <v>0</v>
      </c>
      <c r="BU18" s="160">
        <v>177</v>
      </c>
      <c r="BV18" s="160">
        <v>263</v>
      </c>
      <c r="BW18" s="160">
        <v>95</v>
      </c>
      <c r="BX18" s="160">
        <v>58</v>
      </c>
      <c r="BY18" s="160">
        <v>19</v>
      </c>
      <c r="BZ18" s="165">
        <v>612</v>
      </c>
      <c r="CA18" s="164">
        <v>765</v>
      </c>
      <c r="CB18" s="159">
        <v>2</v>
      </c>
      <c r="CC18" s="160">
        <v>4</v>
      </c>
      <c r="CD18" s="165">
        <v>6</v>
      </c>
      <c r="CE18" s="162">
        <v>0</v>
      </c>
      <c r="CF18" s="160">
        <v>38</v>
      </c>
      <c r="CG18" s="160">
        <v>80</v>
      </c>
      <c r="CH18" s="160">
        <v>79</v>
      </c>
      <c r="CI18" s="160">
        <v>58</v>
      </c>
      <c r="CJ18" s="160">
        <v>30</v>
      </c>
      <c r="CK18" s="165">
        <v>285</v>
      </c>
      <c r="CL18" s="164">
        <v>291</v>
      </c>
      <c r="CM18" s="159">
        <v>0</v>
      </c>
      <c r="CN18" s="160">
        <v>0</v>
      </c>
      <c r="CO18" s="165">
        <v>0</v>
      </c>
      <c r="CP18" s="162">
        <v>0</v>
      </c>
      <c r="CQ18" s="160">
        <v>2</v>
      </c>
      <c r="CR18" s="160">
        <v>7</v>
      </c>
      <c r="CS18" s="160">
        <v>5</v>
      </c>
      <c r="CT18" s="160">
        <v>7</v>
      </c>
      <c r="CU18" s="160">
        <v>6</v>
      </c>
      <c r="CV18" s="165">
        <v>27</v>
      </c>
      <c r="CW18" s="164">
        <v>27</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71</v>
      </c>
      <c r="DU18" s="160">
        <v>416</v>
      </c>
      <c r="DV18" s="165">
        <v>587</v>
      </c>
      <c r="DW18" s="162">
        <v>0</v>
      </c>
      <c r="DX18" s="160">
        <v>416</v>
      </c>
      <c r="DY18" s="160">
        <v>900</v>
      </c>
      <c r="DZ18" s="160">
        <v>470</v>
      </c>
      <c r="EA18" s="160">
        <v>371</v>
      </c>
      <c r="EB18" s="160">
        <v>212</v>
      </c>
      <c r="EC18" s="165">
        <v>2369</v>
      </c>
      <c r="ED18" s="164">
        <v>2956</v>
      </c>
      <c r="EE18" s="159">
        <v>30</v>
      </c>
      <c r="EF18" s="160">
        <v>19</v>
      </c>
      <c r="EG18" s="165">
        <v>49</v>
      </c>
      <c r="EH18" s="162">
        <v>0</v>
      </c>
      <c r="EI18" s="160">
        <v>107</v>
      </c>
      <c r="EJ18" s="160">
        <v>117</v>
      </c>
      <c r="EK18" s="160">
        <v>90</v>
      </c>
      <c r="EL18" s="160">
        <v>121</v>
      </c>
      <c r="EM18" s="160">
        <v>61</v>
      </c>
      <c r="EN18" s="165">
        <v>496</v>
      </c>
      <c r="EO18" s="164">
        <v>545</v>
      </c>
      <c r="EP18" s="159">
        <v>230</v>
      </c>
      <c r="EQ18" s="160">
        <v>500</v>
      </c>
      <c r="ER18" s="165">
        <v>730</v>
      </c>
      <c r="ES18" s="162">
        <v>0</v>
      </c>
      <c r="ET18" s="160">
        <v>843</v>
      </c>
      <c r="EU18" s="160">
        <v>1206</v>
      </c>
      <c r="EV18" s="160">
        <v>558</v>
      </c>
      <c r="EW18" s="160">
        <v>394</v>
      </c>
      <c r="EX18" s="160">
        <v>207</v>
      </c>
      <c r="EY18" s="165">
        <v>3208</v>
      </c>
      <c r="EZ18" s="164">
        <v>3938</v>
      </c>
    </row>
    <row r="19" spans="2:156" ht="21" customHeight="1" x14ac:dyDescent="0.2">
      <c r="B19" s="166" t="s">
        <v>17</v>
      </c>
      <c r="C19" s="159">
        <v>0</v>
      </c>
      <c r="D19" s="160">
        <v>0</v>
      </c>
      <c r="E19" s="161">
        <v>0</v>
      </c>
      <c r="F19" s="162">
        <v>0</v>
      </c>
      <c r="G19" s="160">
        <v>210</v>
      </c>
      <c r="H19" s="160">
        <v>460</v>
      </c>
      <c r="I19" s="160">
        <v>308</v>
      </c>
      <c r="J19" s="160">
        <v>232</v>
      </c>
      <c r="K19" s="160">
        <v>153</v>
      </c>
      <c r="L19" s="163">
        <v>1363</v>
      </c>
      <c r="M19" s="164">
        <v>1363</v>
      </c>
      <c r="N19" s="159">
        <v>0</v>
      </c>
      <c r="O19" s="160">
        <v>2</v>
      </c>
      <c r="P19" s="165">
        <v>2</v>
      </c>
      <c r="Q19" s="162">
        <v>0</v>
      </c>
      <c r="R19" s="160">
        <v>0</v>
      </c>
      <c r="S19" s="160">
        <v>4</v>
      </c>
      <c r="T19" s="160">
        <v>17</v>
      </c>
      <c r="U19" s="160">
        <v>47</v>
      </c>
      <c r="V19" s="160">
        <v>70</v>
      </c>
      <c r="W19" s="165">
        <v>138</v>
      </c>
      <c r="X19" s="164">
        <v>140</v>
      </c>
      <c r="Y19" s="159">
        <v>34</v>
      </c>
      <c r="Z19" s="160">
        <v>95</v>
      </c>
      <c r="AA19" s="165">
        <v>129</v>
      </c>
      <c r="AB19" s="162">
        <v>0</v>
      </c>
      <c r="AC19" s="160">
        <v>185</v>
      </c>
      <c r="AD19" s="160">
        <v>380</v>
      </c>
      <c r="AE19" s="160">
        <v>251</v>
      </c>
      <c r="AF19" s="160">
        <v>192</v>
      </c>
      <c r="AG19" s="160">
        <v>126</v>
      </c>
      <c r="AH19" s="165">
        <v>1134</v>
      </c>
      <c r="AI19" s="164">
        <v>1263</v>
      </c>
      <c r="AJ19" s="159">
        <v>6</v>
      </c>
      <c r="AK19" s="160">
        <v>10</v>
      </c>
      <c r="AL19" s="165">
        <v>16</v>
      </c>
      <c r="AM19" s="162">
        <v>0</v>
      </c>
      <c r="AN19" s="160">
        <v>11</v>
      </c>
      <c r="AO19" s="160">
        <v>43</v>
      </c>
      <c r="AP19" s="160">
        <v>27</v>
      </c>
      <c r="AQ19" s="160">
        <v>28</v>
      </c>
      <c r="AR19" s="160">
        <v>21</v>
      </c>
      <c r="AS19" s="165">
        <v>130</v>
      </c>
      <c r="AT19" s="164">
        <v>146</v>
      </c>
      <c r="AU19" s="159">
        <v>47</v>
      </c>
      <c r="AV19" s="160">
        <v>66</v>
      </c>
      <c r="AW19" s="165">
        <v>113</v>
      </c>
      <c r="AX19" s="162">
        <v>0</v>
      </c>
      <c r="AY19" s="160">
        <v>243</v>
      </c>
      <c r="AZ19" s="160">
        <v>515</v>
      </c>
      <c r="BA19" s="160">
        <v>486</v>
      </c>
      <c r="BB19" s="160">
        <v>468</v>
      </c>
      <c r="BC19" s="160">
        <v>326</v>
      </c>
      <c r="BD19" s="163">
        <v>2038</v>
      </c>
      <c r="BE19" s="164">
        <v>2151</v>
      </c>
      <c r="BF19" s="159">
        <v>0</v>
      </c>
      <c r="BG19" s="160">
        <v>0</v>
      </c>
      <c r="BH19" s="165">
        <v>0</v>
      </c>
      <c r="BI19" s="162">
        <v>0</v>
      </c>
      <c r="BJ19" s="160">
        <v>316</v>
      </c>
      <c r="BK19" s="160">
        <v>524</v>
      </c>
      <c r="BL19" s="160">
        <v>320</v>
      </c>
      <c r="BM19" s="160">
        <v>173</v>
      </c>
      <c r="BN19" s="160">
        <v>103</v>
      </c>
      <c r="BO19" s="165">
        <v>1436</v>
      </c>
      <c r="BP19" s="164">
        <v>1436</v>
      </c>
      <c r="BQ19" s="159">
        <v>41</v>
      </c>
      <c r="BR19" s="160">
        <v>77</v>
      </c>
      <c r="BS19" s="165">
        <v>118</v>
      </c>
      <c r="BT19" s="162">
        <v>0</v>
      </c>
      <c r="BU19" s="160">
        <v>72</v>
      </c>
      <c r="BV19" s="160">
        <v>203</v>
      </c>
      <c r="BW19" s="160">
        <v>104</v>
      </c>
      <c r="BX19" s="160">
        <v>43</v>
      </c>
      <c r="BY19" s="160">
        <v>20</v>
      </c>
      <c r="BZ19" s="165">
        <v>442</v>
      </c>
      <c r="CA19" s="164">
        <v>560</v>
      </c>
      <c r="CB19" s="159">
        <v>1</v>
      </c>
      <c r="CC19" s="160">
        <v>8</v>
      </c>
      <c r="CD19" s="165">
        <v>9</v>
      </c>
      <c r="CE19" s="162">
        <v>0</v>
      </c>
      <c r="CF19" s="160">
        <v>38</v>
      </c>
      <c r="CG19" s="160">
        <v>101</v>
      </c>
      <c r="CH19" s="160">
        <v>105</v>
      </c>
      <c r="CI19" s="160">
        <v>85</v>
      </c>
      <c r="CJ19" s="160">
        <v>49</v>
      </c>
      <c r="CK19" s="165">
        <v>378</v>
      </c>
      <c r="CL19" s="164">
        <v>387</v>
      </c>
      <c r="CM19" s="159">
        <v>0</v>
      </c>
      <c r="CN19" s="160">
        <v>0</v>
      </c>
      <c r="CO19" s="165">
        <v>0</v>
      </c>
      <c r="CP19" s="162">
        <v>0</v>
      </c>
      <c r="CQ19" s="160">
        <v>5</v>
      </c>
      <c r="CR19" s="160">
        <v>18</v>
      </c>
      <c r="CS19" s="160">
        <v>11</v>
      </c>
      <c r="CT19" s="160">
        <v>13</v>
      </c>
      <c r="CU19" s="160">
        <v>7</v>
      </c>
      <c r="CV19" s="165">
        <v>54</v>
      </c>
      <c r="CW19" s="164">
        <v>54</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203</v>
      </c>
      <c r="DU19" s="160">
        <v>541</v>
      </c>
      <c r="DV19" s="165">
        <v>744</v>
      </c>
      <c r="DW19" s="162">
        <v>0</v>
      </c>
      <c r="DX19" s="160">
        <v>399</v>
      </c>
      <c r="DY19" s="160">
        <v>1248</v>
      </c>
      <c r="DZ19" s="160">
        <v>781</v>
      </c>
      <c r="EA19" s="160">
        <v>567</v>
      </c>
      <c r="EB19" s="160">
        <v>323</v>
      </c>
      <c r="EC19" s="165">
        <v>3318</v>
      </c>
      <c r="ED19" s="164">
        <v>4062</v>
      </c>
      <c r="EE19" s="159">
        <v>29</v>
      </c>
      <c r="EF19" s="160">
        <v>34</v>
      </c>
      <c r="EG19" s="165">
        <v>63</v>
      </c>
      <c r="EH19" s="162">
        <v>0</v>
      </c>
      <c r="EI19" s="160">
        <v>92</v>
      </c>
      <c r="EJ19" s="160">
        <v>136</v>
      </c>
      <c r="EK19" s="160">
        <v>91</v>
      </c>
      <c r="EL19" s="160">
        <v>103</v>
      </c>
      <c r="EM19" s="160">
        <v>70</v>
      </c>
      <c r="EN19" s="165">
        <v>492</v>
      </c>
      <c r="EO19" s="164">
        <v>555</v>
      </c>
      <c r="EP19" s="159">
        <v>264</v>
      </c>
      <c r="EQ19" s="160">
        <v>627</v>
      </c>
      <c r="ER19" s="165">
        <v>891</v>
      </c>
      <c r="ES19" s="162">
        <v>0</v>
      </c>
      <c r="ET19" s="160">
        <v>942</v>
      </c>
      <c r="EU19" s="160">
        <v>1621</v>
      </c>
      <c r="EV19" s="160">
        <v>903</v>
      </c>
      <c r="EW19" s="160">
        <v>608</v>
      </c>
      <c r="EX19" s="160">
        <v>324</v>
      </c>
      <c r="EY19" s="165">
        <v>4398</v>
      </c>
      <c r="EZ19" s="164">
        <v>5289</v>
      </c>
    </row>
    <row r="20" spans="2:156" ht="21" customHeight="1" x14ac:dyDescent="0.2">
      <c r="B20" s="166" t="s">
        <v>18</v>
      </c>
      <c r="C20" s="159">
        <v>0</v>
      </c>
      <c r="D20" s="160">
        <v>0</v>
      </c>
      <c r="E20" s="161">
        <v>0</v>
      </c>
      <c r="F20" s="162">
        <v>0</v>
      </c>
      <c r="G20" s="160">
        <v>445</v>
      </c>
      <c r="H20" s="160">
        <v>515</v>
      </c>
      <c r="I20" s="160">
        <v>301</v>
      </c>
      <c r="J20" s="160">
        <v>237</v>
      </c>
      <c r="K20" s="160">
        <v>202</v>
      </c>
      <c r="L20" s="163">
        <v>1700</v>
      </c>
      <c r="M20" s="164">
        <v>1700</v>
      </c>
      <c r="N20" s="159">
        <v>0</v>
      </c>
      <c r="O20" s="160">
        <v>0</v>
      </c>
      <c r="P20" s="165">
        <v>0</v>
      </c>
      <c r="Q20" s="162">
        <v>0</v>
      </c>
      <c r="R20" s="160">
        <v>4</v>
      </c>
      <c r="S20" s="160">
        <v>7</v>
      </c>
      <c r="T20" s="160">
        <v>20</v>
      </c>
      <c r="U20" s="160">
        <v>49</v>
      </c>
      <c r="V20" s="160">
        <v>80</v>
      </c>
      <c r="W20" s="165">
        <v>160</v>
      </c>
      <c r="X20" s="164">
        <v>160</v>
      </c>
      <c r="Y20" s="159">
        <v>55</v>
      </c>
      <c r="Z20" s="160">
        <v>127</v>
      </c>
      <c r="AA20" s="165">
        <v>182</v>
      </c>
      <c r="AB20" s="162">
        <v>0</v>
      </c>
      <c r="AC20" s="160">
        <v>347</v>
      </c>
      <c r="AD20" s="160">
        <v>419</v>
      </c>
      <c r="AE20" s="160">
        <v>265</v>
      </c>
      <c r="AF20" s="160">
        <v>202</v>
      </c>
      <c r="AG20" s="160">
        <v>148</v>
      </c>
      <c r="AH20" s="165">
        <v>1381</v>
      </c>
      <c r="AI20" s="164">
        <v>1563</v>
      </c>
      <c r="AJ20" s="159">
        <v>12</v>
      </c>
      <c r="AK20" s="160">
        <v>13</v>
      </c>
      <c r="AL20" s="165">
        <v>25</v>
      </c>
      <c r="AM20" s="162">
        <v>0</v>
      </c>
      <c r="AN20" s="160">
        <v>37</v>
      </c>
      <c r="AO20" s="160">
        <v>54</v>
      </c>
      <c r="AP20" s="160">
        <v>31</v>
      </c>
      <c r="AQ20" s="160">
        <v>19</v>
      </c>
      <c r="AR20" s="160">
        <v>14</v>
      </c>
      <c r="AS20" s="165">
        <v>155</v>
      </c>
      <c r="AT20" s="164">
        <v>180</v>
      </c>
      <c r="AU20" s="159">
        <v>59</v>
      </c>
      <c r="AV20" s="160">
        <v>74</v>
      </c>
      <c r="AW20" s="165">
        <v>133</v>
      </c>
      <c r="AX20" s="162">
        <v>0</v>
      </c>
      <c r="AY20" s="160">
        <v>504</v>
      </c>
      <c r="AZ20" s="160">
        <v>628</v>
      </c>
      <c r="BA20" s="160">
        <v>556</v>
      </c>
      <c r="BB20" s="160">
        <v>514</v>
      </c>
      <c r="BC20" s="160">
        <v>409</v>
      </c>
      <c r="BD20" s="163">
        <v>2611</v>
      </c>
      <c r="BE20" s="164">
        <v>2744</v>
      </c>
      <c r="BF20" s="159">
        <v>0</v>
      </c>
      <c r="BG20" s="160">
        <v>0</v>
      </c>
      <c r="BH20" s="165">
        <v>0</v>
      </c>
      <c r="BI20" s="162">
        <v>0</v>
      </c>
      <c r="BJ20" s="160">
        <v>676</v>
      </c>
      <c r="BK20" s="160">
        <v>640</v>
      </c>
      <c r="BL20" s="160">
        <v>365</v>
      </c>
      <c r="BM20" s="160">
        <v>204</v>
      </c>
      <c r="BN20" s="160">
        <v>97</v>
      </c>
      <c r="BO20" s="165">
        <v>1982</v>
      </c>
      <c r="BP20" s="164">
        <v>1982</v>
      </c>
      <c r="BQ20" s="159">
        <v>67</v>
      </c>
      <c r="BR20" s="160">
        <v>114</v>
      </c>
      <c r="BS20" s="165">
        <v>181</v>
      </c>
      <c r="BT20" s="162">
        <v>0</v>
      </c>
      <c r="BU20" s="160">
        <v>180</v>
      </c>
      <c r="BV20" s="160">
        <v>197</v>
      </c>
      <c r="BW20" s="160">
        <v>118</v>
      </c>
      <c r="BX20" s="160">
        <v>62</v>
      </c>
      <c r="BY20" s="160">
        <v>25</v>
      </c>
      <c r="BZ20" s="165">
        <v>582</v>
      </c>
      <c r="CA20" s="164">
        <v>763</v>
      </c>
      <c r="CB20" s="159">
        <v>2</v>
      </c>
      <c r="CC20" s="160">
        <v>8</v>
      </c>
      <c r="CD20" s="165">
        <v>10</v>
      </c>
      <c r="CE20" s="162">
        <v>0</v>
      </c>
      <c r="CF20" s="160">
        <v>51</v>
      </c>
      <c r="CG20" s="160">
        <v>84</v>
      </c>
      <c r="CH20" s="160">
        <v>127</v>
      </c>
      <c r="CI20" s="160">
        <v>96</v>
      </c>
      <c r="CJ20" s="160">
        <v>50</v>
      </c>
      <c r="CK20" s="165">
        <v>408</v>
      </c>
      <c r="CL20" s="164">
        <v>418</v>
      </c>
      <c r="CM20" s="159">
        <v>0</v>
      </c>
      <c r="CN20" s="160">
        <v>0</v>
      </c>
      <c r="CO20" s="165">
        <v>0</v>
      </c>
      <c r="CP20" s="162">
        <v>0</v>
      </c>
      <c r="CQ20" s="160">
        <v>3</v>
      </c>
      <c r="CR20" s="160">
        <v>10</v>
      </c>
      <c r="CS20" s="160">
        <v>7</v>
      </c>
      <c r="CT20" s="160">
        <v>1</v>
      </c>
      <c r="CU20" s="160">
        <v>0</v>
      </c>
      <c r="CV20" s="165">
        <v>21</v>
      </c>
      <c r="CW20" s="164">
        <v>21</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41</v>
      </c>
      <c r="DU20" s="160">
        <v>576</v>
      </c>
      <c r="DV20" s="165">
        <v>817</v>
      </c>
      <c r="DW20" s="162">
        <v>0</v>
      </c>
      <c r="DX20" s="160">
        <v>817</v>
      </c>
      <c r="DY20" s="160">
        <v>1201</v>
      </c>
      <c r="DZ20" s="160">
        <v>733</v>
      </c>
      <c r="EA20" s="160">
        <v>534</v>
      </c>
      <c r="EB20" s="160">
        <v>365</v>
      </c>
      <c r="EC20" s="165">
        <v>3650</v>
      </c>
      <c r="ED20" s="164">
        <v>4467</v>
      </c>
      <c r="EE20" s="159">
        <v>34</v>
      </c>
      <c r="EF20" s="160">
        <v>9</v>
      </c>
      <c r="EG20" s="165">
        <v>43</v>
      </c>
      <c r="EH20" s="162">
        <v>0</v>
      </c>
      <c r="EI20" s="160">
        <v>137</v>
      </c>
      <c r="EJ20" s="160">
        <v>114</v>
      </c>
      <c r="EK20" s="160">
        <v>106</v>
      </c>
      <c r="EL20" s="160">
        <v>118</v>
      </c>
      <c r="EM20" s="160">
        <v>76</v>
      </c>
      <c r="EN20" s="165">
        <v>551</v>
      </c>
      <c r="EO20" s="164">
        <v>594</v>
      </c>
      <c r="EP20" s="159">
        <v>347</v>
      </c>
      <c r="EQ20" s="160">
        <v>698</v>
      </c>
      <c r="ER20" s="165">
        <v>1045</v>
      </c>
      <c r="ES20" s="162">
        <v>0</v>
      </c>
      <c r="ET20" s="160">
        <v>1669</v>
      </c>
      <c r="EU20" s="160">
        <v>1573</v>
      </c>
      <c r="EV20" s="160">
        <v>863</v>
      </c>
      <c r="EW20" s="160">
        <v>569</v>
      </c>
      <c r="EX20" s="160">
        <v>355</v>
      </c>
      <c r="EY20" s="165">
        <v>5029</v>
      </c>
      <c r="EZ20" s="164">
        <v>6074</v>
      </c>
    </row>
    <row r="21" spans="2:156" ht="21" customHeight="1" x14ac:dyDescent="0.2">
      <c r="B21" s="166" t="s">
        <v>19</v>
      </c>
      <c r="C21" s="159">
        <v>0</v>
      </c>
      <c r="D21" s="160">
        <v>0</v>
      </c>
      <c r="E21" s="161">
        <v>0</v>
      </c>
      <c r="F21" s="162">
        <v>0</v>
      </c>
      <c r="G21" s="160">
        <v>191</v>
      </c>
      <c r="H21" s="160">
        <v>155</v>
      </c>
      <c r="I21" s="160">
        <v>109</v>
      </c>
      <c r="J21" s="160">
        <v>80</v>
      </c>
      <c r="K21" s="160">
        <v>61</v>
      </c>
      <c r="L21" s="163">
        <v>596</v>
      </c>
      <c r="M21" s="164">
        <v>596</v>
      </c>
      <c r="N21" s="159">
        <v>0</v>
      </c>
      <c r="O21" s="160">
        <v>0</v>
      </c>
      <c r="P21" s="165">
        <v>0</v>
      </c>
      <c r="Q21" s="162">
        <v>0</v>
      </c>
      <c r="R21" s="160">
        <v>4</v>
      </c>
      <c r="S21" s="160">
        <v>8</v>
      </c>
      <c r="T21" s="160">
        <v>13</v>
      </c>
      <c r="U21" s="160">
        <v>16</v>
      </c>
      <c r="V21" s="160">
        <v>26</v>
      </c>
      <c r="W21" s="165">
        <v>67</v>
      </c>
      <c r="X21" s="164">
        <v>67</v>
      </c>
      <c r="Y21" s="159">
        <v>40</v>
      </c>
      <c r="Z21" s="160">
        <v>56</v>
      </c>
      <c r="AA21" s="165">
        <v>96</v>
      </c>
      <c r="AB21" s="162">
        <v>0</v>
      </c>
      <c r="AC21" s="160">
        <v>174</v>
      </c>
      <c r="AD21" s="160">
        <v>159</v>
      </c>
      <c r="AE21" s="160">
        <v>121</v>
      </c>
      <c r="AF21" s="160">
        <v>75</v>
      </c>
      <c r="AG21" s="160">
        <v>65</v>
      </c>
      <c r="AH21" s="165">
        <v>594</v>
      </c>
      <c r="AI21" s="164">
        <v>690</v>
      </c>
      <c r="AJ21" s="159">
        <v>2</v>
      </c>
      <c r="AK21" s="160">
        <v>5</v>
      </c>
      <c r="AL21" s="165">
        <v>7</v>
      </c>
      <c r="AM21" s="162">
        <v>0</v>
      </c>
      <c r="AN21" s="160">
        <v>20</v>
      </c>
      <c r="AO21" s="160">
        <v>15</v>
      </c>
      <c r="AP21" s="160">
        <v>7</v>
      </c>
      <c r="AQ21" s="160">
        <v>12</v>
      </c>
      <c r="AR21" s="160">
        <v>4</v>
      </c>
      <c r="AS21" s="165">
        <v>58</v>
      </c>
      <c r="AT21" s="164">
        <v>65</v>
      </c>
      <c r="AU21" s="159">
        <v>48</v>
      </c>
      <c r="AV21" s="160">
        <v>48</v>
      </c>
      <c r="AW21" s="165">
        <v>96</v>
      </c>
      <c r="AX21" s="162">
        <v>0</v>
      </c>
      <c r="AY21" s="160">
        <v>226</v>
      </c>
      <c r="AZ21" s="160">
        <v>229</v>
      </c>
      <c r="BA21" s="160">
        <v>197</v>
      </c>
      <c r="BB21" s="160">
        <v>181</v>
      </c>
      <c r="BC21" s="160">
        <v>147</v>
      </c>
      <c r="BD21" s="163">
        <v>980</v>
      </c>
      <c r="BE21" s="164">
        <v>1076</v>
      </c>
      <c r="BF21" s="159">
        <v>0</v>
      </c>
      <c r="BG21" s="160">
        <v>0</v>
      </c>
      <c r="BH21" s="165">
        <v>0</v>
      </c>
      <c r="BI21" s="162">
        <v>0</v>
      </c>
      <c r="BJ21" s="160">
        <v>277</v>
      </c>
      <c r="BK21" s="160">
        <v>245</v>
      </c>
      <c r="BL21" s="160">
        <v>130</v>
      </c>
      <c r="BM21" s="160">
        <v>62</v>
      </c>
      <c r="BN21" s="160">
        <v>39</v>
      </c>
      <c r="BO21" s="165">
        <v>753</v>
      </c>
      <c r="BP21" s="164">
        <v>753</v>
      </c>
      <c r="BQ21" s="159">
        <v>43</v>
      </c>
      <c r="BR21" s="160">
        <v>70</v>
      </c>
      <c r="BS21" s="165">
        <v>113</v>
      </c>
      <c r="BT21" s="162">
        <v>0</v>
      </c>
      <c r="BU21" s="160">
        <v>140</v>
      </c>
      <c r="BV21" s="160">
        <v>115</v>
      </c>
      <c r="BW21" s="160">
        <v>59</v>
      </c>
      <c r="BX21" s="160">
        <v>29</v>
      </c>
      <c r="BY21" s="160">
        <v>7</v>
      </c>
      <c r="BZ21" s="165">
        <v>350</v>
      </c>
      <c r="CA21" s="164">
        <v>463</v>
      </c>
      <c r="CB21" s="159">
        <v>2</v>
      </c>
      <c r="CC21" s="160">
        <v>2</v>
      </c>
      <c r="CD21" s="165">
        <v>4</v>
      </c>
      <c r="CE21" s="162">
        <v>0</v>
      </c>
      <c r="CF21" s="160">
        <v>29</v>
      </c>
      <c r="CG21" s="160">
        <v>51</v>
      </c>
      <c r="CH21" s="160">
        <v>51</v>
      </c>
      <c r="CI21" s="160">
        <v>22</v>
      </c>
      <c r="CJ21" s="160">
        <v>9</v>
      </c>
      <c r="CK21" s="165">
        <v>162</v>
      </c>
      <c r="CL21" s="164">
        <v>166</v>
      </c>
      <c r="CM21" s="159">
        <v>0</v>
      </c>
      <c r="CN21" s="160">
        <v>0</v>
      </c>
      <c r="CO21" s="165">
        <v>0</v>
      </c>
      <c r="CP21" s="162">
        <v>0</v>
      </c>
      <c r="CQ21" s="160">
        <v>5</v>
      </c>
      <c r="CR21" s="160">
        <v>14</v>
      </c>
      <c r="CS21" s="160">
        <v>9</v>
      </c>
      <c r="CT21" s="160">
        <v>6</v>
      </c>
      <c r="CU21" s="160">
        <v>5</v>
      </c>
      <c r="CV21" s="165">
        <v>39</v>
      </c>
      <c r="CW21" s="164">
        <v>39</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65</v>
      </c>
      <c r="DU21" s="160">
        <v>246</v>
      </c>
      <c r="DV21" s="165">
        <v>411</v>
      </c>
      <c r="DW21" s="162">
        <v>0</v>
      </c>
      <c r="DX21" s="160">
        <v>442</v>
      </c>
      <c r="DY21" s="160">
        <v>437</v>
      </c>
      <c r="DZ21" s="160">
        <v>269</v>
      </c>
      <c r="EA21" s="160">
        <v>192</v>
      </c>
      <c r="EB21" s="160">
        <v>123</v>
      </c>
      <c r="EC21" s="165">
        <v>1463</v>
      </c>
      <c r="ED21" s="164">
        <v>1874</v>
      </c>
      <c r="EE21" s="159">
        <v>16</v>
      </c>
      <c r="EF21" s="160">
        <v>17</v>
      </c>
      <c r="EG21" s="165">
        <v>33</v>
      </c>
      <c r="EH21" s="162">
        <v>0</v>
      </c>
      <c r="EI21" s="160">
        <v>62</v>
      </c>
      <c r="EJ21" s="160">
        <v>54</v>
      </c>
      <c r="EK21" s="160">
        <v>60</v>
      </c>
      <c r="EL21" s="160">
        <v>46</v>
      </c>
      <c r="EM21" s="160">
        <v>35</v>
      </c>
      <c r="EN21" s="165">
        <v>257</v>
      </c>
      <c r="EO21" s="164">
        <v>290</v>
      </c>
      <c r="EP21" s="159">
        <v>223</v>
      </c>
      <c r="EQ21" s="160">
        <v>311</v>
      </c>
      <c r="ER21" s="165">
        <v>534</v>
      </c>
      <c r="ES21" s="162">
        <v>0</v>
      </c>
      <c r="ET21" s="160">
        <v>763</v>
      </c>
      <c r="EU21" s="160">
        <v>590</v>
      </c>
      <c r="EV21" s="160">
        <v>307</v>
      </c>
      <c r="EW21" s="160">
        <v>188</v>
      </c>
      <c r="EX21" s="160">
        <v>108</v>
      </c>
      <c r="EY21" s="165">
        <v>1956</v>
      </c>
      <c r="EZ21" s="164">
        <v>2490</v>
      </c>
    </row>
    <row r="22" spans="2:156" ht="21" customHeight="1" x14ac:dyDescent="0.2">
      <c r="B22" s="166" t="s">
        <v>20</v>
      </c>
      <c r="C22" s="159">
        <v>0</v>
      </c>
      <c r="D22" s="160">
        <v>0</v>
      </c>
      <c r="E22" s="161">
        <v>0</v>
      </c>
      <c r="F22" s="162">
        <v>0</v>
      </c>
      <c r="G22" s="160">
        <v>294</v>
      </c>
      <c r="H22" s="160">
        <v>221</v>
      </c>
      <c r="I22" s="160">
        <v>155</v>
      </c>
      <c r="J22" s="160">
        <v>109</v>
      </c>
      <c r="K22" s="160">
        <v>87</v>
      </c>
      <c r="L22" s="163">
        <v>866</v>
      </c>
      <c r="M22" s="164">
        <v>866</v>
      </c>
      <c r="N22" s="159">
        <v>0</v>
      </c>
      <c r="O22" s="160">
        <v>0</v>
      </c>
      <c r="P22" s="165">
        <v>0</v>
      </c>
      <c r="Q22" s="162">
        <v>0</v>
      </c>
      <c r="R22" s="160">
        <v>2</v>
      </c>
      <c r="S22" s="160">
        <v>4</v>
      </c>
      <c r="T22" s="160">
        <v>6</v>
      </c>
      <c r="U22" s="160">
        <v>28</v>
      </c>
      <c r="V22" s="160">
        <v>34</v>
      </c>
      <c r="W22" s="165">
        <v>74</v>
      </c>
      <c r="X22" s="164">
        <v>74</v>
      </c>
      <c r="Y22" s="159">
        <v>43</v>
      </c>
      <c r="Z22" s="160">
        <v>86</v>
      </c>
      <c r="AA22" s="165">
        <v>129</v>
      </c>
      <c r="AB22" s="162">
        <v>0</v>
      </c>
      <c r="AC22" s="160">
        <v>245</v>
      </c>
      <c r="AD22" s="160">
        <v>216</v>
      </c>
      <c r="AE22" s="160">
        <v>123</v>
      </c>
      <c r="AF22" s="160">
        <v>83</v>
      </c>
      <c r="AG22" s="160">
        <v>49</v>
      </c>
      <c r="AH22" s="165">
        <v>716</v>
      </c>
      <c r="AI22" s="164">
        <v>845</v>
      </c>
      <c r="AJ22" s="159">
        <v>12</v>
      </c>
      <c r="AK22" s="160">
        <v>44</v>
      </c>
      <c r="AL22" s="165">
        <v>56</v>
      </c>
      <c r="AM22" s="162">
        <v>0</v>
      </c>
      <c r="AN22" s="160">
        <v>63</v>
      </c>
      <c r="AO22" s="160">
        <v>63</v>
      </c>
      <c r="AP22" s="160">
        <v>41</v>
      </c>
      <c r="AQ22" s="160">
        <v>26</v>
      </c>
      <c r="AR22" s="160">
        <v>16</v>
      </c>
      <c r="AS22" s="165">
        <v>209</v>
      </c>
      <c r="AT22" s="164">
        <v>265</v>
      </c>
      <c r="AU22" s="159">
        <v>29</v>
      </c>
      <c r="AV22" s="160">
        <v>45</v>
      </c>
      <c r="AW22" s="165">
        <v>74</v>
      </c>
      <c r="AX22" s="162">
        <v>0</v>
      </c>
      <c r="AY22" s="160">
        <v>256</v>
      </c>
      <c r="AZ22" s="160">
        <v>256</v>
      </c>
      <c r="BA22" s="160">
        <v>278</v>
      </c>
      <c r="BB22" s="160">
        <v>207</v>
      </c>
      <c r="BC22" s="160">
        <v>166</v>
      </c>
      <c r="BD22" s="163">
        <v>1163</v>
      </c>
      <c r="BE22" s="164">
        <v>1237</v>
      </c>
      <c r="BF22" s="159">
        <v>0</v>
      </c>
      <c r="BG22" s="160">
        <v>0</v>
      </c>
      <c r="BH22" s="165">
        <v>0</v>
      </c>
      <c r="BI22" s="162">
        <v>0</v>
      </c>
      <c r="BJ22" s="160">
        <v>363</v>
      </c>
      <c r="BK22" s="160">
        <v>245</v>
      </c>
      <c r="BL22" s="160">
        <v>164</v>
      </c>
      <c r="BM22" s="160">
        <v>77</v>
      </c>
      <c r="BN22" s="160">
        <v>33</v>
      </c>
      <c r="BO22" s="165">
        <v>882</v>
      </c>
      <c r="BP22" s="164">
        <v>882</v>
      </c>
      <c r="BQ22" s="159">
        <v>16</v>
      </c>
      <c r="BR22" s="160">
        <v>32</v>
      </c>
      <c r="BS22" s="165">
        <v>48</v>
      </c>
      <c r="BT22" s="162">
        <v>0</v>
      </c>
      <c r="BU22" s="160">
        <v>130</v>
      </c>
      <c r="BV22" s="160">
        <v>92</v>
      </c>
      <c r="BW22" s="160">
        <v>46</v>
      </c>
      <c r="BX22" s="160">
        <v>45</v>
      </c>
      <c r="BY22" s="160">
        <v>16</v>
      </c>
      <c r="BZ22" s="165">
        <v>329</v>
      </c>
      <c r="CA22" s="164">
        <v>377</v>
      </c>
      <c r="CB22" s="159">
        <v>1</v>
      </c>
      <c r="CC22" s="160">
        <v>1</v>
      </c>
      <c r="CD22" s="165">
        <v>2</v>
      </c>
      <c r="CE22" s="162">
        <v>0</v>
      </c>
      <c r="CF22" s="160">
        <v>45</v>
      </c>
      <c r="CG22" s="160">
        <v>61</v>
      </c>
      <c r="CH22" s="160">
        <v>67</v>
      </c>
      <c r="CI22" s="160">
        <v>46</v>
      </c>
      <c r="CJ22" s="160">
        <v>24</v>
      </c>
      <c r="CK22" s="165">
        <v>243</v>
      </c>
      <c r="CL22" s="164">
        <v>245</v>
      </c>
      <c r="CM22" s="159">
        <v>0</v>
      </c>
      <c r="CN22" s="160">
        <v>0</v>
      </c>
      <c r="CO22" s="165">
        <v>0</v>
      </c>
      <c r="CP22" s="162">
        <v>0</v>
      </c>
      <c r="CQ22" s="160">
        <v>5</v>
      </c>
      <c r="CR22" s="160">
        <v>7</v>
      </c>
      <c r="CS22" s="160">
        <v>4</v>
      </c>
      <c r="CT22" s="160">
        <v>7</v>
      </c>
      <c r="CU22" s="160">
        <v>4</v>
      </c>
      <c r="CV22" s="165">
        <v>27</v>
      </c>
      <c r="CW22" s="164">
        <v>27</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71</v>
      </c>
      <c r="DU22" s="160">
        <v>337</v>
      </c>
      <c r="DV22" s="165">
        <v>508</v>
      </c>
      <c r="DW22" s="162">
        <v>0</v>
      </c>
      <c r="DX22" s="160">
        <v>604</v>
      </c>
      <c r="DY22" s="160">
        <v>518</v>
      </c>
      <c r="DZ22" s="160">
        <v>356</v>
      </c>
      <c r="EA22" s="160">
        <v>250</v>
      </c>
      <c r="EB22" s="160">
        <v>142</v>
      </c>
      <c r="EC22" s="165">
        <v>1870</v>
      </c>
      <c r="ED22" s="164">
        <v>2378</v>
      </c>
      <c r="EE22" s="159">
        <v>13</v>
      </c>
      <c r="EF22" s="160">
        <v>11</v>
      </c>
      <c r="EG22" s="165">
        <v>24</v>
      </c>
      <c r="EH22" s="162">
        <v>0</v>
      </c>
      <c r="EI22" s="160">
        <v>79</v>
      </c>
      <c r="EJ22" s="160">
        <v>58</v>
      </c>
      <c r="EK22" s="160">
        <v>64</v>
      </c>
      <c r="EL22" s="160">
        <v>55</v>
      </c>
      <c r="EM22" s="160">
        <v>37</v>
      </c>
      <c r="EN22" s="165">
        <v>293</v>
      </c>
      <c r="EO22" s="164">
        <v>317</v>
      </c>
      <c r="EP22" s="159">
        <v>230</v>
      </c>
      <c r="EQ22" s="160">
        <v>420</v>
      </c>
      <c r="ER22" s="165">
        <v>650</v>
      </c>
      <c r="ES22" s="162">
        <v>0</v>
      </c>
      <c r="ET22" s="160">
        <v>1117</v>
      </c>
      <c r="EU22" s="160">
        <v>718</v>
      </c>
      <c r="EV22" s="160">
        <v>426</v>
      </c>
      <c r="EW22" s="160">
        <v>276</v>
      </c>
      <c r="EX22" s="160">
        <v>145</v>
      </c>
      <c r="EY22" s="165">
        <v>2682</v>
      </c>
      <c r="EZ22" s="164">
        <v>3332</v>
      </c>
    </row>
    <row r="23" spans="2:156" ht="21" customHeight="1" x14ac:dyDescent="0.2">
      <c r="B23" s="166" t="s">
        <v>21</v>
      </c>
      <c r="C23" s="159">
        <v>0</v>
      </c>
      <c r="D23" s="160">
        <v>0</v>
      </c>
      <c r="E23" s="161">
        <v>0</v>
      </c>
      <c r="F23" s="162">
        <v>0</v>
      </c>
      <c r="G23" s="160">
        <v>275</v>
      </c>
      <c r="H23" s="160">
        <v>344</v>
      </c>
      <c r="I23" s="160">
        <v>212</v>
      </c>
      <c r="J23" s="160">
        <v>120</v>
      </c>
      <c r="K23" s="160">
        <v>114</v>
      </c>
      <c r="L23" s="163">
        <v>1065</v>
      </c>
      <c r="M23" s="164">
        <v>1065</v>
      </c>
      <c r="N23" s="159">
        <v>0</v>
      </c>
      <c r="O23" s="160">
        <v>0</v>
      </c>
      <c r="P23" s="165">
        <v>0</v>
      </c>
      <c r="Q23" s="162">
        <v>0</v>
      </c>
      <c r="R23" s="160">
        <v>0</v>
      </c>
      <c r="S23" s="160">
        <v>4</v>
      </c>
      <c r="T23" s="160">
        <v>9</v>
      </c>
      <c r="U23" s="160">
        <v>26</v>
      </c>
      <c r="V23" s="160">
        <v>39</v>
      </c>
      <c r="W23" s="165">
        <v>78</v>
      </c>
      <c r="X23" s="164">
        <v>78</v>
      </c>
      <c r="Y23" s="159">
        <v>55</v>
      </c>
      <c r="Z23" s="160">
        <v>92</v>
      </c>
      <c r="AA23" s="165">
        <v>147</v>
      </c>
      <c r="AB23" s="162">
        <v>0</v>
      </c>
      <c r="AC23" s="160">
        <v>241</v>
      </c>
      <c r="AD23" s="160">
        <v>277</v>
      </c>
      <c r="AE23" s="160">
        <v>171</v>
      </c>
      <c r="AF23" s="160">
        <v>124</v>
      </c>
      <c r="AG23" s="160">
        <v>87</v>
      </c>
      <c r="AH23" s="165">
        <v>900</v>
      </c>
      <c r="AI23" s="164">
        <v>1047</v>
      </c>
      <c r="AJ23" s="159">
        <v>18</v>
      </c>
      <c r="AK23" s="160">
        <v>34</v>
      </c>
      <c r="AL23" s="165">
        <v>52</v>
      </c>
      <c r="AM23" s="162">
        <v>0</v>
      </c>
      <c r="AN23" s="160">
        <v>25</v>
      </c>
      <c r="AO23" s="160">
        <v>44</v>
      </c>
      <c r="AP23" s="160">
        <v>21</v>
      </c>
      <c r="AQ23" s="160">
        <v>9</v>
      </c>
      <c r="AR23" s="160">
        <v>8</v>
      </c>
      <c r="AS23" s="165">
        <v>107</v>
      </c>
      <c r="AT23" s="164">
        <v>159</v>
      </c>
      <c r="AU23" s="159">
        <v>46</v>
      </c>
      <c r="AV23" s="160">
        <v>42</v>
      </c>
      <c r="AW23" s="165">
        <v>88</v>
      </c>
      <c r="AX23" s="162">
        <v>0</v>
      </c>
      <c r="AY23" s="160">
        <v>302</v>
      </c>
      <c r="AZ23" s="160">
        <v>369</v>
      </c>
      <c r="BA23" s="160">
        <v>325</v>
      </c>
      <c r="BB23" s="160">
        <v>250</v>
      </c>
      <c r="BC23" s="160">
        <v>198</v>
      </c>
      <c r="BD23" s="163">
        <v>1444</v>
      </c>
      <c r="BE23" s="164">
        <v>1532</v>
      </c>
      <c r="BF23" s="159">
        <v>0</v>
      </c>
      <c r="BG23" s="160">
        <v>0</v>
      </c>
      <c r="BH23" s="165">
        <v>0</v>
      </c>
      <c r="BI23" s="162">
        <v>0</v>
      </c>
      <c r="BJ23" s="160">
        <v>328</v>
      </c>
      <c r="BK23" s="160">
        <v>346</v>
      </c>
      <c r="BL23" s="160">
        <v>207</v>
      </c>
      <c r="BM23" s="160">
        <v>90</v>
      </c>
      <c r="BN23" s="160">
        <v>39</v>
      </c>
      <c r="BO23" s="165">
        <v>1010</v>
      </c>
      <c r="BP23" s="164">
        <v>1010</v>
      </c>
      <c r="BQ23" s="159">
        <v>21</v>
      </c>
      <c r="BR23" s="160">
        <v>34</v>
      </c>
      <c r="BS23" s="165">
        <v>55</v>
      </c>
      <c r="BT23" s="162">
        <v>0</v>
      </c>
      <c r="BU23" s="160">
        <v>66</v>
      </c>
      <c r="BV23" s="160">
        <v>59</v>
      </c>
      <c r="BW23" s="160">
        <v>39</v>
      </c>
      <c r="BX23" s="160">
        <v>16</v>
      </c>
      <c r="BY23" s="160">
        <v>6</v>
      </c>
      <c r="BZ23" s="165">
        <v>186</v>
      </c>
      <c r="CA23" s="164">
        <v>241</v>
      </c>
      <c r="CB23" s="159">
        <v>2</v>
      </c>
      <c r="CC23" s="160">
        <v>3</v>
      </c>
      <c r="CD23" s="165">
        <v>5</v>
      </c>
      <c r="CE23" s="162">
        <v>0</v>
      </c>
      <c r="CF23" s="160">
        <v>28</v>
      </c>
      <c r="CG23" s="160">
        <v>46</v>
      </c>
      <c r="CH23" s="160">
        <v>61</v>
      </c>
      <c r="CI23" s="160">
        <v>49</v>
      </c>
      <c r="CJ23" s="160">
        <v>28</v>
      </c>
      <c r="CK23" s="165">
        <v>212</v>
      </c>
      <c r="CL23" s="164">
        <v>217</v>
      </c>
      <c r="CM23" s="159">
        <v>0</v>
      </c>
      <c r="CN23" s="160">
        <v>1</v>
      </c>
      <c r="CO23" s="165">
        <v>1</v>
      </c>
      <c r="CP23" s="162">
        <v>0</v>
      </c>
      <c r="CQ23" s="160">
        <v>0</v>
      </c>
      <c r="CR23" s="160">
        <v>2</v>
      </c>
      <c r="CS23" s="160">
        <v>6</v>
      </c>
      <c r="CT23" s="160">
        <v>2</v>
      </c>
      <c r="CU23" s="160">
        <v>2</v>
      </c>
      <c r="CV23" s="165">
        <v>12</v>
      </c>
      <c r="CW23" s="164">
        <v>13</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20</v>
      </c>
      <c r="DU23" s="160">
        <v>348</v>
      </c>
      <c r="DV23" s="165">
        <v>568</v>
      </c>
      <c r="DW23" s="162">
        <v>0</v>
      </c>
      <c r="DX23" s="160">
        <v>406</v>
      </c>
      <c r="DY23" s="160">
        <v>685</v>
      </c>
      <c r="DZ23" s="160">
        <v>415</v>
      </c>
      <c r="EA23" s="160">
        <v>252</v>
      </c>
      <c r="EB23" s="160">
        <v>175</v>
      </c>
      <c r="EC23" s="165">
        <v>1933</v>
      </c>
      <c r="ED23" s="164">
        <v>2501</v>
      </c>
      <c r="EE23" s="159">
        <v>19</v>
      </c>
      <c r="EF23" s="160">
        <v>13</v>
      </c>
      <c r="EG23" s="165">
        <v>32</v>
      </c>
      <c r="EH23" s="162">
        <v>0</v>
      </c>
      <c r="EI23" s="160">
        <v>78</v>
      </c>
      <c r="EJ23" s="160">
        <v>70</v>
      </c>
      <c r="EK23" s="160">
        <v>61</v>
      </c>
      <c r="EL23" s="160">
        <v>71</v>
      </c>
      <c r="EM23" s="160">
        <v>42</v>
      </c>
      <c r="EN23" s="165">
        <v>322</v>
      </c>
      <c r="EO23" s="164">
        <v>354</v>
      </c>
      <c r="EP23" s="159">
        <v>298</v>
      </c>
      <c r="EQ23" s="160">
        <v>443</v>
      </c>
      <c r="ER23" s="165">
        <v>741</v>
      </c>
      <c r="ES23" s="162">
        <v>0</v>
      </c>
      <c r="ET23" s="160">
        <v>924</v>
      </c>
      <c r="EU23" s="160">
        <v>907</v>
      </c>
      <c r="EV23" s="160">
        <v>493</v>
      </c>
      <c r="EW23" s="160">
        <v>272</v>
      </c>
      <c r="EX23" s="160">
        <v>179</v>
      </c>
      <c r="EY23" s="165">
        <v>2775</v>
      </c>
      <c r="EZ23" s="164">
        <v>3516</v>
      </c>
    </row>
    <row r="24" spans="2:156" ht="21" customHeight="1" x14ac:dyDescent="0.2">
      <c r="B24" s="166" t="s">
        <v>22</v>
      </c>
      <c r="C24" s="159">
        <v>0</v>
      </c>
      <c r="D24" s="160">
        <v>0</v>
      </c>
      <c r="E24" s="161">
        <v>0</v>
      </c>
      <c r="F24" s="162">
        <v>0</v>
      </c>
      <c r="G24" s="160">
        <v>65</v>
      </c>
      <c r="H24" s="160">
        <v>70</v>
      </c>
      <c r="I24" s="160">
        <v>37</v>
      </c>
      <c r="J24" s="160">
        <v>43</v>
      </c>
      <c r="K24" s="160">
        <v>30</v>
      </c>
      <c r="L24" s="163">
        <v>245</v>
      </c>
      <c r="M24" s="164">
        <v>245</v>
      </c>
      <c r="N24" s="159">
        <v>0</v>
      </c>
      <c r="O24" s="160">
        <v>0</v>
      </c>
      <c r="P24" s="165">
        <v>0</v>
      </c>
      <c r="Q24" s="162">
        <v>0</v>
      </c>
      <c r="R24" s="160">
        <v>2</v>
      </c>
      <c r="S24" s="160">
        <v>2</v>
      </c>
      <c r="T24" s="160">
        <v>1</v>
      </c>
      <c r="U24" s="160">
        <v>13</v>
      </c>
      <c r="V24" s="160">
        <v>20</v>
      </c>
      <c r="W24" s="165">
        <v>38</v>
      </c>
      <c r="X24" s="164">
        <v>38</v>
      </c>
      <c r="Y24" s="159">
        <v>8</v>
      </c>
      <c r="Z24" s="160">
        <v>17</v>
      </c>
      <c r="AA24" s="165">
        <v>25</v>
      </c>
      <c r="AB24" s="162">
        <v>0</v>
      </c>
      <c r="AC24" s="160">
        <v>52</v>
      </c>
      <c r="AD24" s="160">
        <v>77</v>
      </c>
      <c r="AE24" s="160">
        <v>39</v>
      </c>
      <c r="AF24" s="160">
        <v>50</v>
      </c>
      <c r="AG24" s="160">
        <v>30</v>
      </c>
      <c r="AH24" s="165">
        <v>248</v>
      </c>
      <c r="AI24" s="164">
        <v>273</v>
      </c>
      <c r="AJ24" s="159">
        <v>1</v>
      </c>
      <c r="AK24" s="160">
        <v>0</v>
      </c>
      <c r="AL24" s="165">
        <v>1</v>
      </c>
      <c r="AM24" s="162">
        <v>0</v>
      </c>
      <c r="AN24" s="160">
        <v>12</v>
      </c>
      <c r="AO24" s="160">
        <v>9</v>
      </c>
      <c r="AP24" s="160">
        <v>3</v>
      </c>
      <c r="AQ24" s="160">
        <v>6</v>
      </c>
      <c r="AR24" s="160">
        <v>2</v>
      </c>
      <c r="AS24" s="165">
        <v>32</v>
      </c>
      <c r="AT24" s="164">
        <v>33</v>
      </c>
      <c r="AU24" s="159">
        <v>7</v>
      </c>
      <c r="AV24" s="160">
        <v>9</v>
      </c>
      <c r="AW24" s="165">
        <v>16</v>
      </c>
      <c r="AX24" s="162">
        <v>0</v>
      </c>
      <c r="AY24" s="160">
        <v>73</v>
      </c>
      <c r="AZ24" s="160">
        <v>83</v>
      </c>
      <c r="BA24" s="160">
        <v>71</v>
      </c>
      <c r="BB24" s="160">
        <v>78</v>
      </c>
      <c r="BC24" s="160">
        <v>43</v>
      </c>
      <c r="BD24" s="163">
        <v>348</v>
      </c>
      <c r="BE24" s="164">
        <v>364</v>
      </c>
      <c r="BF24" s="159">
        <v>0</v>
      </c>
      <c r="BG24" s="160">
        <v>0</v>
      </c>
      <c r="BH24" s="165">
        <v>0</v>
      </c>
      <c r="BI24" s="162">
        <v>0</v>
      </c>
      <c r="BJ24" s="160">
        <v>107</v>
      </c>
      <c r="BK24" s="160">
        <v>127</v>
      </c>
      <c r="BL24" s="160">
        <v>66</v>
      </c>
      <c r="BM24" s="160">
        <v>43</v>
      </c>
      <c r="BN24" s="160">
        <v>12</v>
      </c>
      <c r="BO24" s="165">
        <v>355</v>
      </c>
      <c r="BP24" s="164">
        <v>355</v>
      </c>
      <c r="BQ24" s="159">
        <v>9</v>
      </c>
      <c r="BR24" s="160">
        <v>5</v>
      </c>
      <c r="BS24" s="165">
        <v>14</v>
      </c>
      <c r="BT24" s="162">
        <v>0</v>
      </c>
      <c r="BU24" s="160">
        <v>31</v>
      </c>
      <c r="BV24" s="160">
        <v>39</v>
      </c>
      <c r="BW24" s="160">
        <v>10</v>
      </c>
      <c r="BX24" s="160">
        <v>15</v>
      </c>
      <c r="BY24" s="160">
        <v>5</v>
      </c>
      <c r="BZ24" s="165">
        <v>100</v>
      </c>
      <c r="CA24" s="164">
        <v>114</v>
      </c>
      <c r="CB24" s="159">
        <v>1</v>
      </c>
      <c r="CC24" s="160">
        <v>1</v>
      </c>
      <c r="CD24" s="165">
        <v>2</v>
      </c>
      <c r="CE24" s="162">
        <v>0</v>
      </c>
      <c r="CF24" s="160">
        <v>15</v>
      </c>
      <c r="CG24" s="160">
        <v>20</v>
      </c>
      <c r="CH24" s="160">
        <v>24</v>
      </c>
      <c r="CI24" s="160">
        <v>21</v>
      </c>
      <c r="CJ24" s="160">
        <v>5</v>
      </c>
      <c r="CK24" s="165">
        <v>85</v>
      </c>
      <c r="CL24" s="164">
        <v>87</v>
      </c>
      <c r="CM24" s="159">
        <v>0</v>
      </c>
      <c r="CN24" s="160">
        <v>0</v>
      </c>
      <c r="CO24" s="165">
        <v>0</v>
      </c>
      <c r="CP24" s="162">
        <v>0</v>
      </c>
      <c r="CQ24" s="160">
        <v>3</v>
      </c>
      <c r="CR24" s="160">
        <v>2</v>
      </c>
      <c r="CS24" s="160">
        <v>4</v>
      </c>
      <c r="CT24" s="160">
        <v>5</v>
      </c>
      <c r="CU24" s="160">
        <v>0</v>
      </c>
      <c r="CV24" s="165">
        <v>14</v>
      </c>
      <c r="CW24" s="164">
        <v>14</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4</v>
      </c>
      <c r="DU24" s="160">
        <v>156</v>
      </c>
      <c r="DV24" s="165">
        <v>210</v>
      </c>
      <c r="DW24" s="162">
        <v>0</v>
      </c>
      <c r="DX24" s="160">
        <v>213</v>
      </c>
      <c r="DY24" s="160">
        <v>263</v>
      </c>
      <c r="DZ24" s="160">
        <v>140</v>
      </c>
      <c r="EA24" s="160">
        <v>113</v>
      </c>
      <c r="EB24" s="160">
        <v>60</v>
      </c>
      <c r="EC24" s="165">
        <v>789</v>
      </c>
      <c r="ED24" s="164">
        <v>999</v>
      </c>
      <c r="EE24" s="159">
        <v>7</v>
      </c>
      <c r="EF24" s="160">
        <v>8</v>
      </c>
      <c r="EG24" s="165">
        <v>15</v>
      </c>
      <c r="EH24" s="162">
        <v>0</v>
      </c>
      <c r="EI24" s="160">
        <v>36</v>
      </c>
      <c r="EJ24" s="160">
        <v>21</v>
      </c>
      <c r="EK24" s="160">
        <v>21</v>
      </c>
      <c r="EL24" s="160">
        <v>27</v>
      </c>
      <c r="EM24" s="160">
        <v>12</v>
      </c>
      <c r="EN24" s="165">
        <v>117</v>
      </c>
      <c r="EO24" s="164">
        <v>132</v>
      </c>
      <c r="EP24" s="159">
        <v>69</v>
      </c>
      <c r="EQ24" s="160">
        <v>163</v>
      </c>
      <c r="ER24" s="165">
        <v>232</v>
      </c>
      <c r="ES24" s="162">
        <v>0</v>
      </c>
      <c r="ET24" s="160">
        <v>355</v>
      </c>
      <c r="EU24" s="160">
        <v>336</v>
      </c>
      <c r="EV24" s="160">
        <v>168</v>
      </c>
      <c r="EW24" s="160">
        <v>120</v>
      </c>
      <c r="EX24" s="160">
        <v>53</v>
      </c>
      <c r="EY24" s="165">
        <v>1032</v>
      </c>
      <c r="EZ24" s="164">
        <v>1264</v>
      </c>
    </row>
    <row r="25" spans="2:156" ht="21" customHeight="1" x14ac:dyDescent="0.2">
      <c r="B25" s="166" t="s">
        <v>23</v>
      </c>
      <c r="C25" s="159">
        <v>0</v>
      </c>
      <c r="D25" s="160">
        <v>0</v>
      </c>
      <c r="E25" s="161">
        <v>0</v>
      </c>
      <c r="F25" s="162">
        <v>0</v>
      </c>
      <c r="G25" s="160">
        <v>134</v>
      </c>
      <c r="H25" s="160">
        <v>144</v>
      </c>
      <c r="I25" s="160">
        <v>75</v>
      </c>
      <c r="J25" s="160">
        <v>75</v>
      </c>
      <c r="K25" s="160">
        <v>47</v>
      </c>
      <c r="L25" s="163">
        <v>475</v>
      </c>
      <c r="M25" s="164">
        <v>475</v>
      </c>
      <c r="N25" s="159">
        <v>0</v>
      </c>
      <c r="O25" s="160">
        <v>0</v>
      </c>
      <c r="P25" s="165">
        <v>0</v>
      </c>
      <c r="Q25" s="162">
        <v>0</v>
      </c>
      <c r="R25" s="160">
        <v>1</v>
      </c>
      <c r="S25" s="160">
        <v>7</v>
      </c>
      <c r="T25" s="160">
        <v>3</v>
      </c>
      <c r="U25" s="160">
        <v>18</v>
      </c>
      <c r="V25" s="160">
        <v>24</v>
      </c>
      <c r="W25" s="165">
        <v>53</v>
      </c>
      <c r="X25" s="164">
        <v>53</v>
      </c>
      <c r="Y25" s="159">
        <v>35</v>
      </c>
      <c r="Z25" s="160">
        <v>66</v>
      </c>
      <c r="AA25" s="165">
        <v>101</v>
      </c>
      <c r="AB25" s="162">
        <v>0</v>
      </c>
      <c r="AC25" s="160">
        <v>85</v>
      </c>
      <c r="AD25" s="160">
        <v>133</v>
      </c>
      <c r="AE25" s="160">
        <v>55</v>
      </c>
      <c r="AF25" s="160">
        <v>68</v>
      </c>
      <c r="AG25" s="160">
        <v>38</v>
      </c>
      <c r="AH25" s="165">
        <v>379</v>
      </c>
      <c r="AI25" s="164">
        <v>480</v>
      </c>
      <c r="AJ25" s="159">
        <v>5</v>
      </c>
      <c r="AK25" s="160">
        <v>14</v>
      </c>
      <c r="AL25" s="165">
        <v>19</v>
      </c>
      <c r="AM25" s="162">
        <v>0</v>
      </c>
      <c r="AN25" s="160">
        <v>7</v>
      </c>
      <c r="AO25" s="160">
        <v>22</v>
      </c>
      <c r="AP25" s="160">
        <v>12</v>
      </c>
      <c r="AQ25" s="160">
        <v>8</v>
      </c>
      <c r="AR25" s="160">
        <v>2</v>
      </c>
      <c r="AS25" s="165">
        <v>51</v>
      </c>
      <c r="AT25" s="164">
        <v>70</v>
      </c>
      <c r="AU25" s="159">
        <v>25</v>
      </c>
      <c r="AV25" s="160">
        <v>15</v>
      </c>
      <c r="AW25" s="165">
        <v>40</v>
      </c>
      <c r="AX25" s="162">
        <v>0</v>
      </c>
      <c r="AY25" s="160">
        <v>184</v>
      </c>
      <c r="AZ25" s="160">
        <v>168</v>
      </c>
      <c r="BA25" s="160">
        <v>130</v>
      </c>
      <c r="BB25" s="160">
        <v>180</v>
      </c>
      <c r="BC25" s="160">
        <v>119</v>
      </c>
      <c r="BD25" s="163">
        <v>781</v>
      </c>
      <c r="BE25" s="164">
        <v>821</v>
      </c>
      <c r="BF25" s="159">
        <v>0</v>
      </c>
      <c r="BG25" s="160">
        <v>0</v>
      </c>
      <c r="BH25" s="165">
        <v>0</v>
      </c>
      <c r="BI25" s="162">
        <v>0</v>
      </c>
      <c r="BJ25" s="160">
        <v>240</v>
      </c>
      <c r="BK25" s="160">
        <v>211</v>
      </c>
      <c r="BL25" s="160">
        <v>106</v>
      </c>
      <c r="BM25" s="160">
        <v>49</v>
      </c>
      <c r="BN25" s="160">
        <v>23</v>
      </c>
      <c r="BO25" s="165">
        <v>629</v>
      </c>
      <c r="BP25" s="164">
        <v>629</v>
      </c>
      <c r="BQ25" s="159">
        <v>4</v>
      </c>
      <c r="BR25" s="160">
        <v>11</v>
      </c>
      <c r="BS25" s="165">
        <v>15</v>
      </c>
      <c r="BT25" s="162">
        <v>0</v>
      </c>
      <c r="BU25" s="160">
        <v>30</v>
      </c>
      <c r="BV25" s="160">
        <v>43</v>
      </c>
      <c r="BW25" s="160">
        <v>27</v>
      </c>
      <c r="BX25" s="160">
        <v>22</v>
      </c>
      <c r="BY25" s="160">
        <v>5</v>
      </c>
      <c r="BZ25" s="165">
        <v>127</v>
      </c>
      <c r="CA25" s="164">
        <v>142</v>
      </c>
      <c r="CB25" s="159">
        <v>0</v>
      </c>
      <c r="CC25" s="160">
        <v>2</v>
      </c>
      <c r="CD25" s="165">
        <v>2</v>
      </c>
      <c r="CE25" s="162">
        <v>0</v>
      </c>
      <c r="CF25" s="160">
        <v>28</v>
      </c>
      <c r="CG25" s="160">
        <v>36</v>
      </c>
      <c r="CH25" s="160">
        <v>42</v>
      </c>
      <c r="CI25" s="160">
        <v>28</v>
      </c>
      <c r="CJ25" s="160">
        <v>9</v>
      </c>
      <c r="CK25" s="165">
        <v>143</v>
      </c>
      <c r="CL25" s="164">
        <v>145</v>
      </c>
      <c r="CM25" s="159">
        <v>0</v>
      </c>
      <c r="CN25" s="160">
        <v>0</v>
      </c>
      <c r="CO25" s="165">
        <v>0</v>
      </c>
      <c r="CP25" s="162">
        <v>0</v>
      </c>
      <c r="CQ25" s="160">
        <v>2</v>
      </c>
      <c r="CR25" s="160">
        <v>0</v>
      </c>
      <c r="CS25" s="160">
        <v>0</v>
      </c>
      <c r="CT25" s="160">
        <v>3</v>
      </c>
      <c r="CU25" s="160">
        <v>3</v>
      </c>
      <c r="CV25" s="165">
        <v>8</v>
      </c>
      <c r="CW25" s="164">
        <v>8</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5</v>
      </c>
      <c r="DU25" s="160">
        <v>257</v>
      </c>
      <c r="DV25" s="165">
        <v>362</v>
      </c>
      <c r="DW25" s="162">
        <v>0</v>
      </c>
      <c r="DX25" s="160">
        <v>250</v>
      </c>
      <c r="DY25" s="160">
        <v>411</v>
      </c>
      <c r="DZ25" s="160">
        <v>221</v>
      </c>
      <c r="EA25" s="160">
        <v>186</v>
      </c>
      <c r="EB25" s="160">
        <v>92</v>
      </c>
      <c r="EC25" s="165">
        <v>1160</v>
      </c>
      <c r="ED25" s="164">
        <v>1522</v>
      </c>
      <c r="EE25" s="159">
        <v>9</v>
      </c>
      <c r="EF25" s="160">
        <v>3</v>
      </c>
      <c r="EG25" s="165">
        <v>12</v>
      </c>
      <c r="EH25" s="162">
        <v>0</v>
      </c>
      <c r="EI25" s="160">
        <v>60</v>
      </c>
      <c r="EJ25" s="160">
        <v>42</v>
      </c>
      <c r="EK25" s="160">
        <v>33</v>
      </c>
      <c r="EL25" s="160">
        <v>55</v>
      </c>
      <c r="EM25" s="160">
        <v>38</v>
      </c>
      <c r="EN25" s="165">
        <v>228</v>
      </c>
      <c r="EO25" s="164">
        <v>240</v>
      </c>
      <c r="EP25" s="159">
        <v>141</v>
      </c>
      <c r="EQ25" s="160">
        <v>301</v>
      </c>
      <c r="ER25" s="165">
        <v>442</v>
      </c>
      <c r="ES25" s="162">
        <v>0</v>
      </c>
      <c r="ET25" s="160">
        <v>525</v>
      </c>
      <c r="EU25" s="160">
        <v>552</v>
      </c>
      <c r="EV25" s="160">
        <v>270</v>
      </c>
      <c r="EW25" s="160">
        <v>202</v>
      </c>
      <c r="EX25" s="160">
        <v>92</v>
      </c>
      <c r="EY25" s="165">
        <v>1641</v>
      </c>
      <c r="EZ25" s="164">
        <v>2083</v>
      </c>
    </row>
    <row r="26" spans="2:156" ht="21" customHeight="1" x14ac:dyDescent="0.2">
      <c r="B26" s="166" t="s">
        <v>24</v>
      </c>
      <c r="C26" s="159">
        <v>0</v>
      </c>
      <c r="D26" s="160">
        <v>0</v>
      </c>
      <c r="E26" s="161">
        <v>0</v>
      </c>
      <c r="F26" s="162">
        <v>0</v>
      </c>
      <c r="G26" s="160">
        <v>56</v>
      </c>
      <c r="H26" s="160">
        <v>57</v>
      </c>
      <c r="I26" s="160">
        <v>39</v>
      </c>
      <c r="J26" s="160">
        <v>32</v>
      </c>
      <c r="K26" s="160">
        <v>27</v>
      </c>
      <c r="L26" s="163">
        <v>211</v>
      </c>
      <c r="M26" s="164">
        <v>211</v>
      </c>
      <c r="N26" s="159">
        <v>0</v>
      </c>
      <c r="O26" s="160">
        <v>0</v>
      </c>
      <c r="P26" s="165">
        <v>0</v>
      </c>
      <c r="Q26" s="162">
        <v>0</v>
      </c>
      <c r="R26" s="160">
        <v>0</v>
      </c>
      <c r="S26" s="160">
        <v>3</v>
      </c>
      <c r="T26" s="160">
        <v>7</v>
      </c>
      <c r="U26" s="160">
        <v>10</v>
      </c>
      <c r="V26" s="160">
        <v>21</v>
      </c>
      <c r="W26" s="165">
        <v>41</v>
      </c>
      <c r="X26" s="164">
        <v>41</v>
      </c>
      <c r="Y26" s="159">
        <v>15</v>
      </c>
      <c r="Z26" s="160">
        <v>30</v>
      </c>
      <c r="AA26" s="165">
        <v>45</v>
      </c>
      <c r="AB26" s="162">
        <v>0</v>
      </c>
      <c r="AC26" s="160">
        <v>61</v>
      </c>
      <c r="AD26" s="160">
        <v>72</v>
      </c>
      <c r="AE26" s="160">
        <v>45</v>
      </c>
      <c r="AF26" s="160">
        <v>41</v>
      </c>
      <c r="AG26" s="160">
        <v>30</v>
      </c>
      <c r="AH26" s="165">
        <v>249</v>
      </c>
      <c r="AI26" s="164">
        <v>294</v>
      </c>
      <c r="AJ26" s="159">
        <v>1</v>
      </c>
      <c r="AK26" s="160">
        <v>1</v>
      </c>
      <c r="AL26" s="165">
        <v>2</v>
      </c>
      <c r="AM26" s="162">
        <v>0</v>
      </c>
      <c r="AN26" s="160">
        <v>4</v>
      </c>
      <c r="AO26" s="160">
        <v>5</v>
      </c>
      <c r="AP26" s="160">
        <v>4</v>
      </c>
      <c r="AQ26" s="160">
        <v>4</v>
      </c>
      <c r="AR26" s="160">
        <v>3</v>
      </c>
      <c r="AS26" s="165">
        <v>20</v>
      </c>
      <c r="AT26" s="164">
        <v>22</v>
      </c>
      <c r="AU26" s="159">
        <v>25</v>
      </c>
      <c r="AV26" s="160">
        <v>18</v>
      </c>
      <c r="AW26" s="165">
        <v>43</v>
      </c>
      <c r="AX26" s="162">
        <v>0</v>
      </c>
      <c r="AY26" s="160">
        <v>82</v>
      </c>
      <c r="AZ26" s="160">
        <v>88</v>
      </c>
      <c r="BA26" s="160">
        <v>92</v>
      </c>
      <c r="BB26" s="160">
        <v>98</v>
      </c>
      <c r="BC26" s="160">
        <v>64</v>
      </c>
      <c r="BD26" s="163">
        <v>424</v>
      </c>
      <c r="BE26" s="164">
        <v>467</v>
      </c>
      <c r="BF26" s="159">
        <v>0</v>
      </c>
      <c r="BG26" s="160">
        <v>0</v>
      </c>
      <c r="BH26" s="165">
        <v>0</v>
      </c>
      <c r="BI26" s="162">
        <v>0</v>
      </c>
      <c r="BJ26" s="160">
        <v>122</v>
      </c>
      <c r="BK26" s="160">
        <v>89</v>
      </c>
      <c r="BL26" s="160">
        <v>36</v>
      </c>
      <c r="BM26" s="160">
        <v>30</v>
      </c>
      <c r="BN26" s="160">
        <v>8</v>
      </c>
      <c r="BO26" s="165">
        <v>285</v>
      </c>
      <c r="BP26" s="164">
        <v>285</v>
      </c>
      <c r="BQ26" s="159">
        <v>12</v>
      </c>
      <c r="BR26" s="160">
        <v>15</v>
      </c>
      <c r="BS26" s="165">
        <v>27</v>
      </c>
      <c r="BT26" s="162">
        <v>0</v>
      </c>
      <c r="BU26" s="160">
        <v>50</v>
      </c>
      <c r="BV26" s="160">
        <v>29</v>
      </c>
      <c r="BW26" s="160">
        <v>21</v>
      </c>
      <c r="BX26" s="160">
        <v>14</v>
      </c>
      <c r="BY26" s="160">
        <v>10</v>
      </c>
      <c r="BZ26" s="165">
        <v>124</v>
      </c>
      <c r="CA26" s="164">
        <v>151</v>
      </c>
      <c r="CB26" s="159">
        <v>2</v>
      </c>
      <c r="CC26" s="160">
        <v>1</v>
      </c>
      <c r="CD26" s="165">
        <v>3</v>
      </c>
      <c r="CE26" s="162">
        <v>0</v>
      </c>
      <c r="CF26" s="160">
        <v>15</v>
      </c>
      <c r="CG26" s="160">
        <v>26</v>
      </c>
      <c r="CH26" s="160">
        <v>20</v>
      </c>
      <c r="CI26" s="160">
        <v>21</v>
      </c>
      <c r="CJ26" s="160">
        <v>11</v>
      </c>
      <c r="CK26" s="165">
        <v>93</v>
      </c>
      <c r="CL26" s="164">
        <v>96</v>
      </c>
      <c r="CM26" s="159">
        <v>0</v>
      </c>
      <c r="CN26" s="160">
        <v>0</v>
      </c>
      <c r="CO26" s="165">
        <v>0</v>
      </c>
      <c r="CP26" s="162">
        <v>0</v>
      </c>
      <c r="CQ26" s="160">
        <v>2</v>
      </c>
      <c r="CR26" s="160">
        <v>0</v>
      </c>
      <c r="CS26" s="160">
        <v>2</v>
      </c>
      <c r="CT26" s="160">
        <v>1</v>
      </c>
      <c r="CU26" s="160">
        <v>2</v>
      </c>
      <c r="CV26" s="165">
        <v>7</v>
      </c>
      <c r="CW26" s="164">
        <v>7</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9</v>
      </c>
      <c r="DU26" s="160">
        <v>100</v>
      </c>
      <c r="DV26" s="165">
        <v>189</v>
      </c>
      <c r="DW26" s="162">
        <v>0</v>
      </c>
      <c r="DX26" s="160">
        <v>146</v>
      </c>
      <c r="DY26" s="160">
        <v>163</v>
      </c>
      <c r="DZ26" s="160">
        <v>114</v>
      </c>
      <c r="EA26" s="160">
        <v>92</v>
      </c>
      <c r="EB26" s="160">
        <v>55</v>
      </c>
      <c r="EC26" s="165">
        <v>570</v>
      </c>
      <c r="ED26" s="164">
        <v>759</v>
      </c>
      <c r="EE26" s="159">
        <v>13</v>
      </c>
      <c r="EF26" s="160">
        <v>9</v>
      </c>
      <c r="EG26" s="165">
        <v>22</v>
      </c>
      <c r="EH26" s="162">
        <v>0</v>
      </c>
      <c r="EI26" s="160">
        <v>42</v>
      </c>
      <c r="EJ26" s="160">
        <v>28</v>
      </c>
      <c r="EK26" s="160">
        <v>29</v>
      </c>
      <c r="EL26" s="160">
        <v>39</v>
      </c>
      <c r="EM26" s="160">
        <v>22</v>
      </c>
      <c r="EN26" s="165">
        <v>160</v>
      </c>
      <c r="EO26" s="164">
        <v>182</v>
      </c>
      <c r="EP26" s="159">
        <v>107</v>
      </c>
      <c r="EQ26" s="160">
        <v>122</v>
      </c>
      <c r="ER26" s="165">
        <v>229</v>
      </c>
      <c r="ES26" s="162">
        <v>0</v>
      </c>
      <c r="ET26" s="160">
        <v>277</v>
      </c>
      <c r="EU26" s="160">
        <v>218</v>
      </c>
      <c r="EV26" s="160">
        <v>133</v>
      </c>
      <c r="EW26" s="160">
        <v>99</v>
      </c>
      <c r="EX26" s="160">
        <v>55</v>
      </c>
      <c r="EY26" s="165">
        <v>782</v>
      </c>
      <c r="EZ26" s="164">
        <v>1011</v>
      </c>
    </row>
    <row r="27" spans="2:156" ht="21" customHeight="1" x14ac:dyDescent="0.2">
      <c r="B27" s="166" t="s">
        <v>25</v>
      </c>
      <c r="C27" s="159">
        <v>0</v>
      </c>
      <c r="D27" s="160">
        <v>0</v>
      </c>
      <c r="E27" s="161">
        <v>0</v>
      </c>
      <c r="F27" s="162">
        <v>0</v>
      </c>
      <c r="G27" s="160">
        <v>104</v>
      </c>
      <c r="H27" s="160">
        <v>102</v>
      </c>
      <c r="I27" s="160">
        <v>48</v>
      </c>
      <c r="J27" s="160">
        <v>51</v>
      </c>
      <c r="K27" s="160">
        <v>24</v>
      </c>
      <c r="L27" s="163">
        <v>329</v>
      </c>
      <c r="M27" s="164">
        <v>329</v>
      </c>
      <c r="N27" s="159">
        <v>0</v>
      </c>
      <c r="O27" s="160">
        <v>0</v>
      </c>
      <c r="P27" s="165">
        <v>0</v>
      </c>
      <c r="Q27" s="162">
        <v>0</v>
      </c>
      <c r="R27" s="160">
        <v>2</v>
      </c>
      <c r="S27" s="160">
        <v>8</v>
      </c>
      <c r="T27" s="160">
        <v>10</v>
      </c>
      <c r="U27" s="160">
        <v>13</v>
      </c>
      <c r="V27" s="160">
        <v>12</v>
      </c>
      <c r="W27" s="165">
        <v>45</v>
      </c>
      <c r="X27" s="164">
        <v>45</v>
      </c>
      <c r="Y27" s="159">
        <v>23</v>
      </c>
      <c r="Z27" s="160">
        <v>51</v>
      </c>
      <c r="AA27" s="165">
        <v>74</v>
      </c>
      <c r="AB27" s="162">
        <v>0</v>
      </c>
      <c r="AC27" s="160">
        <v>90</v>
      </c>
      <c r="AD27" s="160">
        <v>106</v>
      </c>
      <c r="AE27" s="160">
        <v>38</v>
      </c>
      <c r="AF27" s="160">
        <v>43</v>
      </c>
      <c r="AG27" s="160">
        <v>25</v>
      </c>
      <c r="AH27" s="165">
        <v>302</v>
      </c>
      <c r="AI27" s="164">
        <v>376</v>
      </c>
      <c r="AJ27" s="159">
        <v>1</v>
      </c>
      <c r="AK27" s="160">
        <v>6</v>
      </c>
      <c r="AL27" s="165">
        <v>7</v>
      </c>
      <c r="AM27" s="162">
        <v>0</v>
      </c>
      <c r="AN27" s="160">
        <v>2</v>
      </c>
      <c r="AO27" s="160">
        <v>14</v>
      </c>
      <c r="AP27" s="160">
        <v>4</v>
      </c>
      <c r="AQ27" s="160">
        <v>4</v>
      </c>
      <c r="AR27" s="160">
        <v>2</v>
      </c>
      <c r="AS27" s="165">
        <v>26</v>
      </c>
      <c r="AT27" s="164">
        <v>33</v>
      </c>
      <c r="AU27" s="159">
        <v>10</v>
      </c>
      <c r="AV27" s="160">
        <v>14</v>
      </c>
      <c r="AW27" s="165">
        <v>24</v>
      </c>
      <c r="AX27" s="162">
        <v>0</v>
      </c>
      <c r="AY27" s="160">
        <v>73</v>
      </c>
      <c r="AZ27" s="160">
        <v>82</v>
      </c>
      <c r="BA27" s="160">
        <v>64</v>
      </c>
      <c r="BB27" s="160">
        <v>78</v>
      </c>
      <c r="BC27" s="160">
        <v>43</v>
      </c>
      <c r="BD27" s="163">
        <v>340</v>
      </c>
      <c r="BE27" s="164">
        <v>364</v>
      </c>
      <c r="BF27" s="159">
        <v>0</v>
      </c>
      <c r="BG27" s="160">
        <v>0</v>
      </c>
      <c r="BH27" s="165">
        <v>0</v>
      </c>
      <c r="BI27" s="162">
        <v>0</v>
      </c>
      <c r="BJ27" s="160">
        <v>165</v>
      </c>
      <c r="BK27" s="160">
        <v>111</v>
      </c>
      <c r="BL27" s="160">
        <v>57</v>
      </c>
      <c r="BM27" s="160">
        <v>38</v>
      </c>
      <c r="BN27" s="160">
        <v>12</v>
      </c>
      <c r="BO27" s="165">
        <v>383</v>
      </c>
      <c r="BP27" s="164">
        <v>383</v>
      </c>
      <c r="BQ27" s="159">
        <v>1</v>
      </c>
      <c r="BR27" s="160">
        <v>7</v>
      </c>
      <c r="BS27" s="165">
        <v>8</v>
      </c>
      <c r="BT27" s="162">
        <v>0</v>
      </c>
      <c r="BU27" s="160">
        <v>29</v>
      </c>
      <c r="BV27" s="160">
        <v>59</v>
      </c>
      <c r="BW27" s="160">
        <v>23</v>
      </c>
      <c r="BX27" s="160">
        <v>13</v>
      </c>
      <c r="BY27" s="160">
        <v>2</v>
      </c>
      <c r="BZ27" s="165">
        <v>126</v>
      </c>
      <c r="CA27" s="164">
        <v>134</v>
      </c>
      <c r="CB27" s="159">
        <v>0</v>
      </c>
      <c r="CC27" s="160">
        <v>1</v>
      </c>
      <c r="CD27" s="165">
        <v>1</v>
      </c>
      <c r="CE27" s="162">
        <v>0</v>
      </c>
      <c r="CF27" s="160">
        <v>15</v>
      </c>
      <c r="CG27" s="160">
        <v>29</v>
      </c>
      <c r="CH27" s="160">
        <v>29</v>
      </c>
      <c r="CI27" s="160">
        <v>14</v>
      </c>
      <c r="CJ27" s="160">
        <v>4</v>
      </c>
      <c r="CK27" s="165">
        <v>91</v>
      </c>
      <c r="CL27" s="164">
        <v>92</v>
      </c>
      <c r="CM27" s="159">
        <v>0</v>
      </c>
      <c r="CN27" s="160">
        <v>0</v>
      </c>
      <c r="CO27" s="165">
        <v>0</v>
      </c>
      <c r="CP27" s="162">
        <v>0</v>
      </c>
      <c r="CQ27" s="160">
        <v>0</v>
      </c>
      <c r="CR27" s="160">
        <v>11</v>
      </c>
      <c r="CS27" s="160">
        <v>6</v>
      </c>
      <c r="CT27" s="160">
        <v>6</v>
      </c>
      <c r="CU27" s="160">
        <v>0</v>
      </c>
      <c r="CV27" s="165">
        <v>23</v>
      </c>
      <c r="CW27" s="164">
        <v>23</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94</v>
      </c>
      <c r="DU27" s="160">
        <v>170</v>
      </c>
      <c r="DV27" s="165">
        <v>264</v>
      </c>
      <c r="DW27" s="162">
        <v>0</v>
      </c>
      <c r="DX27" s="160">
        <v>142</v>
      </c>
      <c r="DY27" s="160">
        <v>270</v>
      </c>
      <c r="DZ27" s="160">
        <v>120</v>
      </c>
      <c r="EA27" s="160">
        <v>108</v>
      </c>
      <c r="EB27" s="160">
        <v>41</v>
      </c>
      <c r="EC27" s="165">
        <v>681</v>
      </c>
      <c r="ED27" s="164">
        <v>945</v>
      </c>
      <c r="EE27" s="159">
        <v>5</v>
      </c>
      <c r="EF27" s="160">
        <v>4</v>
      </c>
      <c r="EG27" s="165">
        <v>9</v>
      </c>
      <c r="EH27" s="162">
        <v>0</v>
      </c>
      <c r="EI27" s="160">
        <v>22</v>
      </c>
      <c r="EJ27" s="160">
        <v>11</v>
      </c>
      <c r="EK27" s="160">
        <v>13</v>
      </c>
      <c r="EL27" s="160">
        <v>21</v>
      </c>
      <c r="EM27" s="160">
        <v>11</v>
      </c>
      <c r="EN27" s="165">
        <v>78</v>
      </c>
      <c r="EO27" s="164">
        <v>87</v>
      </c>
      <c r="EP27" s="159">
        <v>111</v>
      </c>
      <c r="EQ27" s="160">
        <v>193</v>
      </c>
      <c r="ER27" s="165">
        <v>304</v>
      </c>
      <c r="ES27" s="162">
        <v>0</v>
      </c>
      <c r="ET27" s="160">
        <v>349</v>
      </c>
      <c r="EU27" s="160">
        <v>337</v>
      </c>
      <c r="EV27" s="160">
        <v>147</v>
      </c>
      <c r="EW27" s="160">
        <v>120</v>
      </c>
      <c r="EX27" s="160">
        <v>45</v>
      </c>
      <c r="EY27" s="165">
        <v>998</v>
      </c>
      <c r="EZ27" s="164">
        <v>1302</v>
      </c>
    </row>
    <row r="28" spans="2:156" ht="21" customHeight="1" x14ac:dyDescent="0.2">
      <c r="B28" s="166" t="s">
        <v>26</v>
      </c>
      <c r="C28" s="159">
        <v>0</v>
      </c>
      <c r="D28" s="160">
        <v>0</v>
      </c>
      <c r="E28" s="161">
        <v>0</v>
      </c>
      <c r="F28" s="162">
        <v>0</v>
      </c>
      <c r="G28" s="160">
        <v>72</v>
      </c>
      <c r="H28" s="160">
        <v>96</v>
      </c>
      <c r="I28" s="160">
        <v>59</v>
      </c>
      <c r="J28" s="160">
        <v>37</v>
      </c>
      <c r="K28" s="160">
        <v>46</v>
      </c>
      <c r="L28" s="163">
        <v>310</v>
      </c>
      <c r="M28" s="164">
        <v>310</v>
      </c>
      <c r="N28" s="159">
        <v>0</v>
      </c>
      <c r="O28" s="160">
        <v>0</v>
      </c>
      <c r="P28" s="165">
        <v>0</v>
      </c>
      <c r="Q28" s="162">
        <v>0</v>
      </c>
      <c r="R28" s="160">
        <v>0</v>
      </c>
      <c r="S28" s="160">
        <v>1</v>
      </c>
      <c r="T28" s="160">
        <v>5</v>
      </c>
      <c r="U28" s="160">
        <v>10</v>
      </c>
      <c r="V28" s="160">
        <v>18</v>
      </c>
      <c r="W28" s="165">
        <v>34</v>
      </c>
      <c r="X28" s="164">
        <v>34</v>
      </c>
      <c r="Y28" s="159">
        <v>14</v>
      </c>
      <c r="Z28" s="160">
        <v>18</v>
      </c>
      <c r="AA28" s="165">
        <v>32</v>
      </c>
      <c r="AB28" s="162">
        <v>0</v>
      </c>
      <c r="AC28" s="160">
        <v>72</v>
      </c>
      <c r="AD28" s="160">
        <v>82</v>
      </c>
      <c r="AE28" s="160">
        <v>43</v>
      </c>
      <c r="AF28" s="160">
        <v>42</v>
      </c>
      <c r="AG28" s="160">
        <v>44</v>
      </c>
      <c r="AH28" s="165">
        <v>283</v>
      </c>
      <c r="AI28" s="164">
        <v>315</v>
      </c>
      <c r="AJ28" s="159">
        <v>2</v>
      </c>
      <c r="AK28" s="160">
        <v>1</v>
      </c>
      <c r="AL28" s="165">
        <v>3</v>
      </c>
      <c r="AM28" s="162">
        <v>0</v>
      </c>
      <c r="AN28" s="160">
        <v>1</v>
      </c>
      <c r="AO28" s="160">
        <v>5</v>
      </c>
      <c r="AP28" s="160">
        <v>6</v>
      </c>
      <c r="AQ28" s="160">
        <v>2</v>
      </c>
      <c r="AR28" s="160">
        <v>3</v>
      </c>
      <c r="AS28" s="165">
        <v>17</v>
      </c>
      <c r="AT28" s="164">
        <v>20</v>
      </c>
      <c r="AU28" s="159">
        <v>12</v>
      </c>
      <c r="AV28" s="160">
        <v>3</v>
      </c>
      <c r="AW28" s="165">
        <v>15</v>
      </c>
      <c r="AX28" s="162">
        <v>0</v>
      </c>
      <c r="AY28" s="160">
        <v>64</v>
      </c>
      <c r="AZ28" s="160">
        <v>71</v>
      </c>
      <c r="BA28" s="160">
        <v>95</v>
      </c>
      <c r="BB28" s="160">
        <v>67</v>
      </c>
      <c r="BC28" s="160">
        <v>62</v>
      </c>
      <c r="BD28" s="163">
        <v>359</v>
      </c>
      <c r="BE28" s="164">
        <v>374</v>
      </c>
      <c r="BF28" s="159">
        <v>0</v>
      </c>
      <c r="BG28" s="160">
        <v>0</v>
      </c>
      <c r="BH28" s="165">
        <v>0</v>
      </c>
      <c r="BI28" s="162">
        <v>0</v>
      </c>
      <c r="BJ28" s="160">
        <v>124</v>
      </c>
      <c r="BK28" s="160">
        <v>92</v>
      </c>
      <c r="BL28" s="160">
        <v>47</v>
      </c>
      <c r="BM28" s="160">
        <v>27</v>
      </c>
      <c r="BN28" s="160">
        <v>15</v>
      </c>
      <c r="BO28" s="165">
        <v>305</v>
      </c>
      <c r="BP28" s="164">
        <v>305</v>
      </c>
      <c r="BQ28" s="159">
        <v>6</v>
      </c>
      <c r="BR28" s="160">
        <v>7</v>
      </c>
      <c r="BS28" s="165">
        <v>13</v>
      </c>
      <c r="BT28" s="162">
        <v>0</v>
      </c>
      <c r="BU28" s="160">
        <v>17</v>
      </c>
      <c r="BV28" s="160">
        <v>29</v>
      </c>
      <c r="BW28" s="160">
        <v>14</v>
      </c>
      <c r="BX28" s="160">
        <v>11</v>
      </c>
      <c r="BY28" s="160">
        <v>5</v>
      </c>
      <c r="BZ28" s="165">
        <v>76</v>
      </c>
      <c r="CA28" s="164">
        <v>89</v>
      </c>
      <c r="CB28" s="159">
        <v>0</v>
      </c>
      <c r="CC28" s="160">
        <v>0</v>
      </c>
      <c r="CD28" s="165">
        <v>0</v>
      </c>
      <c r="CE28" s="162">
        <v>0</v>
      </c>
      <c r="CF28" s="160">
        <v>13</v>
      </c>
      <c r="CG28" s="160">
        <v>18</v>
      </c>
      <c r="CH28" s="160">
        <v>21</v>
      </c>
      <c r="CI28" s="160">
        <v>20</v>
      </c>
      <c r="CJ28" s="160">
        <v>13</v>
      </c>
      <c r="CK28" s="165">
        <v>85</v>
      </c>
      <c r="CL28" s="164">
        <v>85</v>
      </c>
      <c r="CM28" s="159">
        <v>0</v>
      </c>
      <c r="CN28" s="160">
        <v>0</v>
      </c>
      <c r="CO28" s="165">
        <v>0</v>
      </c>
      <c r="CP28" s="162">
        <v>0</v>
      </c>
      <c r="CQ28" s="160">
        <v>2</v>
      </c>
      <c r="CR28" s="160">
        <v>7</v>
      </c>
      <c r="CS28" s="160">
        <v>1</v>
      </c>
      <c r="CT28" s="160">
        <v>2</v>
      </c>
      <c r="CU28" s="160">
        <v>3</v>
      </c>
      <c r="CV28" s="165">
        <v>15</v>
      </c>
      <c r="CW28" s="164">
        <v>15</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70</v>
      </c>
      <c r="DU28" s="160">
        <v>120</v>
      </c>
      <c r="DV28" s="165">
        <v>190</v>
      </c>
      <c r="DW28" s="162">
        <v>0</v>
      </c>
      <c r="DX28" s="160">
        <v>141</v>
      </c>
      <c r="DY28" s="160">
        <v>205</v>
      </c>
      <c r="DZ28" s="160">
        <v>108</v>
      </c>
      <c r="EA28" s="160">
        <v>87</v>
      </c>
      <c r="EB28" s="160">
        <v>67</v>
      </c>
      <c r="EC28" s="165">
        <v>608</v>
      </c>
      <c r="ED28" s="164">
        <v>798</v>
      </c>
      <c r="EE28" s="159">
        <v>7</v>
      </c>
      <c r="EF28" s="160">
        <v>3</v>
      </c>
      <c r="EG28" s="165">
        <v>10</v>
      </c>
      <c r="EH28" s="162">
        <v>0</v>
      </c>
      <c r="EI28" s="160">
        <v>31</v>
      </c>
      <c r="EJ28" s="160">
        <v>22</v>
      </c>
      <c r="EK28" s="160">
        <v>28</v>
      </c>
      <c r="EL28" s="160">
        <v>24</v>
      </c>
      <c r="EM28" s="160">
        <v>12</v>
      </c>
      <c r="EN28" s="165">
        <v>117</v>
      </c>
      <c r="EO28" s="164">
        <v>127</v>
      </c>
      <c r="EP28" s="159">
        <v>80</v>
      </c>
      <c r="EQ28" s="160">
        <v>133</v>
      </c>
      <c r="ER28" s="165">
        <v>213</v>
      </c>
      <c r="ES28" s="162">
        <v>0</v>
      </c>
      <c r="ET28" s="160">
        <v>270</v>
      </c>
      <c r="EU28" s="160">
        <v>265</v>
      </c>
      <c r="EV28" s="160">
        <v>138</v>
      </c>
      <c r="EW28" s="160">
        <v>92</v>
      </c>
      <c r="EX28" s="160">
        <v>69</v>
      </c>
      <c r="EY28" s="165">
        <v>834</v>
      </c>
      <c r="EZ28" s="164">
        <v>1047</v>
      </c>
    </row>
    <row r="29" spans="2:156" ht="21" customHeight="1" x14ac:dyDescent="0.2">
      <c r="B29" s="166" t="s">
        <v>27</v>
      </c>
      <c r="C29" s="159">
        <v>0</v>
      </c>
      <c r="D29" s="160">
        <v>0</v>
      </c>
      <c r="E29" s="161">
        <v>0</v>
      </c>
      <c r="F29" s="162">
        <v>0</v>
      </c>
      <c r="G29" s="160">
        <v>58</v>
      </c>
      <c r="H29" s="160">
        <v>64</v>
      </c>
      <c r="I29" s="160">
        <v>37</v>
      </c>
      <c r="J29" s="160">
        <v>31</v>
      </c>
      <c r="K29" s="160">
        <v>31</v>
      </c>
      <c r="L29" s="163">
        <v>221</v>
      </c>
      <c r="M29" s="164">
        <v>221</v>
      </c>
      <c r="N29" s="159">
        <v>0</v>
      </c>
      <c r="O29" s="160">
        <v>0</v>
      </c>
      <c r="P29" s="165">
        <v>0</v>
      </c>
      <c r="Q29" s="162">
        <v>0</v>
      </c>
      <c r="R29" s="160">
        <v>1</v>
      </c>
      <c r="S29" s="160">
        <v>5</v>
      </c>
      <c r="T29" s="160">
        <v>4</v>
      </c>
      <c r="U29" s="160">
        <v>7</v>
      </c>
      <c r="V29" s="160">
        <v>18</v>
      </c>
      <c r="W29" s="165">
        <v>35</v>
      </c>
      <c r="X29" s="164">
        <v>35</v>
      </c>
      <c r="Y29" s="159">
        <v>23</v>
      </c>
      <c r="Z29" s="160">
        <v>44</v>
      </c>
      <c r="AA29" s="165">
        <v>67</v>
      </c>
      <c r="AB29" s="162">
        <v>0</v>
      </c>
      <c r="AC29" s="160">
        <v>36</v>
      </c>
      <c r="AD29" s="160">
        <v>49</v>
      </c>
      <c r="AE29" s="160">
        <v>43</v>
      </c>
      <c r="AF29" s="160">
        <v>28</v>
      </c>
      <c r="AG29" s="160">
        <v>23</v>
      </c>
      <c r="AH29" s="165">
        <v>179</v>
      </c>
      <c r="AI29" s="164">
        <v>246</v>
      </c>
      <c r="AJ29" s="159">
        <v>0</v>
      </c>
      <c r="AK29" s="160">
        <v>1</v>
      </c>
      <c r="AL29" s="165">
        <v>1</v>
      </c>
      <c r="AM29" s="162">
        <v>0</v>
      </c>
      <c r="AN29" s="160">
        <v>2</v>
      </c>
      <c r="AO29" s="160">
        <v>1</v>
      </c>
      <c r="AP29" s="160">
        <v>1</v>
      </c>
      <c r="AQ29" s="160">
        <v>0</v>
      </c>
      <c r="AR29" s="160">
        <v>2</v>
      </c>
      <c r="AS29" s="165">
        <v>6</v>
      </c>
      <c r="AT29" s="164">
        <v>7</v>
      </c>
      <c r="AU29" s="159">
        <v>10</v>
      </c>
      <c r="AV29" s="160">
        <v>17</v>
      </c>
      <c r="AW29" s="165">
        <v>27</v>
      </c>
      <c r="AX29" s="162">
        <v>0</v>
      </c>
      <c r="AY29" s="160">
        <v>70</v>
      </c>
      <c r="AZ29" s="160">
        <v>64</v>
      </c>
      <c r="BA29" s="160">
        <v>65</v>
      </c>
      <c r="BB29" s="160">
        <v>66</v>
      </c>
      <c r="BC29" s="160">
        <v>52</v>
      </c>
      <c r="BD29" s="163">
        <v>317</v>
      </c>
      <c r="BE29" s="164">
        <v>344</v>
      </c>
      <c r="BF29" s="159">
        <v>0</v>
      </c>
      <c r="BG29" s="160">
        <v>0</v>
      </c>
      <c r="BH29" s="165">
        <v>0</v>
      </c>
      <c r="BI29" s="162">
        <v>0</v>
      </c>
      <c r="BJ29" s="160">
        <v>105</v>
      </c>
      <c r="BK29" s="160">
        <v>58</v>
      </c>
      <c r="BL29" s="160">
        <v>36</v>
      </c>
      <c r="BM29" s="160">
        <v>34</v>
      </c>
      <c r="BN29" s="160">
        <v>11</v>
      </c>
      <c r="BO29" s="165">
        <v>244</v>
      </c>
      <c r="BP29" s="164">
        <v>244</v>
      </c>
      <c r="BQ29" s="159">
        <v>20</v>
      </c>
      <c r="BR29" s="160">
        <v>32</v>
      </c>
      <c r="BS29" s="165">
        <v>52</v>
      </c>
      <c r="BT29" s="162">
        <v>0</v>
      </c>
      <c r="BU29" s="160">
        <v>26</v>
      </c>
      <c r="BV29" s="160">
        <v>31</v>
      </c>
      <c r="BW29" s="160">
        <v>21</v>
      </c>
      <c r="BX29" s="160">
        <v>6</v>
      </c>
      <c r="BY29" s="160">
        <v>5</v>
      </c>
      <c r="BZ29" s="165">
        <v>89</v>
      </c>
      <c r="CA29" s="164">
        <v>141</v>
      </c>
      <c r="CB29" s="159">
        <v>0</v>
      </c>
      <c r="CC29" s="160">
        <v>0</v>
      </c>
      <c r="CD29" s="165">
        <v>0</v>
      </c>
      <c r="CE29" s="162">
        <v>0</v>
      </c>
      <c r="CF29" s="160">
        <v>14</v>
      </c>
      <c r="CG29" s="160">
        <v>9</v>
      </c>
      <c r="CH29" s="160">
        <v>14</v>
      </c>
      <c r="CI29" s="160">
        <v>11</v>
      </c>
      <c r="CJ29" s="160">
        <v>4</v>
      </c>
      <c r="CK29" s="165">
        <v>52</v>
      </c>
      <c r="CL29" s="164">
        <v>52</v>
      </c>
      <c r="CM29" s="159">
        <v>1</v>
      </c>
      <c r="CN29" s="160">
        <v>1</v>
      </c>
      <c r="CO29" s="165">
        <v>2</v>
      </c>
      <c r="CP29" s="162">
        <v>0</v>
      </c>
      <c r="CQ29" s="160">
        <v>0</v>
      </c>
      <c r="CR29" s="160">
        <v>0</v>
      </c>
      <c r="CS29" s="160">
        <v>2</v>
      </c>
      <c r="CT29" s="160">
        <v>1</v>
      </c>
      <c r="CU29" s="160">
        <v>0</v>
      </c>
      <c r="CV29" s="165">
        <v>3</v>
      </c>
      <c r="CW29" s="164">
        <v>5</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1</v>
      </c>
      <c r="DU29" s="160">
        <v>158</v>
      </c>
      <c r="DV29" s="165">
        <v>259</v>
      </c>
      <c r="DW29" s="162">
        <v>0</v>
      </c>
      <c r="DX29" s="160">
        <v>88</v>
      </c>
      <c r="DY29" s="160">
        <v>123</v>
      </c>
      <c r="DZ29" s="160">
        <v>88</v>
      </c>
      <c r="EA29" s="160">
        <v>58</v>
      </c>
      <c r="EB29" s="160">
        <v>39</v>
      </c>
      <c r="EC29" s="165">
        <v>396</v>
      </c>
      <c r="ED29" s="164">
        <v>655</v>
      </c>
      <c r="EE29" s="159">
        <v>10</v>
      </c>
      <c r="EF29" s="160">
        <v>16</v>
      </c>
      <c r="EG29" s="165">
        <v>26</v>
      </c>
      <c r="EH29" s="162">
        <v>0</v>
      </c>
      <c r="EI29" s="160">
        <v>45</v>
      </c>
      <c r="EJ29" s="160">
        <v>31</v>
      </c>
      <c r="EK29" s="160">
        <v>29</v>
      </c>
      <c r="EL29" s="160">
        <v>31</v>
      </c>
      <c r="EM29" s="160">
        <v>19</v>
      </c>
      <c r="EN29" s="165">
        <v>155</v>
      </c>
      <c r="EO29" s="164">
        <v>181</v>
      </c>
      <c r="EP29" s="159">
        <v>134</v>
      </c>
      <c r="EQ29" s="160">
        <v>188</v>
      </c>
      <c r="ER29" s="165">
        <v>322</v>
      </c>
      <c r="ES29" s="162">
        <v>0</v>
      </c>
      <c r="ET29" s="160">
        <v>217</v>
      </c>
      <c r="EU29" s="160">
        <v>157</v>
      </c>
      <c r="EV29" s="160">
        <v>98</v>
      </c>
      <c r="EW29" s="160">
        <v>62</v>
      </c>
      <c r="EX29" s="160">
        <v>41</v>
      </c>
      <c r="EY29" s="165">
        <v>575</v>
      </c>
      <c r="EZ29" s="164">
        <v>897</v>
      </c>
    </row>
    <row r="30" spans="2:156" ht="21" customHeight="1" x14ac:dyDescent="0.2">
      <c r="B30" s="166" t="s">
        <v>28</v>
      </c>
      <c r="C30" s="159">
        <v>0</v>
      </c>
      <c r="D30" s="160">
        <v>0</v>
      </c>
      <c r="E30" s="161">
        <v>0</v>
      </c>
      <c r="F30" s="162">
        <v>0</v>
      </c>
      <c r="G30" s="160">
        <v>16</v>
      </c>
      <c r="H30" s="160">
        <v>15</v>
      </c>
      <c r="I30" s="160">
        <v>8</v>
      </c>
      <c r="J30" s="160">
        <v>9</v>
      </c>
      <c r="K30" s="160">
        <v>10</v>
      </c>
      <c r="L30" s="163">
        <v>58</v>
      </c>
      <c r="M30" s="164">
        <v>58</v>
      </c>
      <c r="N30" s="159">
        <v>0</v>
      </c>
      <c r="O30" s="160">
        <v>0</v>
      </c>
      <c r="P30" s="165">
        <v>0</v>
      </c>
      <c r="Q30" s="162">
        <v>0</v>
      </c>
      <c r="R30" s="160">
        <v>0</v>
      </c>
      <c r="S30" s="160">
        <v>0</v>
      </c>
      <c r="T30" s="160">
        <v>3</v>
      </c>
      <c r="U30" s="160">
        <v>2</v>
      </c>
      <c r="V30" s="160">
        <v>4</v>
      </c>
      <c r="W30" s="165">
        <v>9</v>
      </c>
      <c r="X30" s="164">
        <v>9</v>
      </c>
      <c r="Y30" s="159">
        <v>1</v>
      </c>
      <c r="Z30" s="160">
        <v>4</v>
      </c>
      <c r="AA30" s="165">
        <v>5</v>
      </c>
      <c r="AB30" s="162">
        <v>0</v>
      </c>
      <c r="AC30" s="160">
        <v>8</v>
      </c>
      <c r="AD30" s="160">
        <v>13</v>
      </c>
      <c r="AE30" s="160">
        <v>9</v>
      </c>
      <c r="AF30" s="160">
        <v>16</v>
      </c>
      <c r="AG30" s="160">
        <v>12</v>
      </c>
      <c r="AH30" s="165">
        <v>58</v>
      </c>
      <c r="AI30" s="164">
        <v>63</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1</v>
      </c>
      <c r="AZ30" s="160">
        <v>23</v>
      </c>
      <c r="BA30" s="160">
        <v>16</v>
      </c>
      <c r="BB30" s="160">
        <v>19</v>
      </c>
      <c r="BC30" s="160">
        <v>19</v>
      </c>
      <c r="BD30" s="163">
        <v>88</v>
      </c>
      <c r="BE30" s="164">
        <v>90</v>
      </c>
      <c r="BF30" s="159">
        <v>0</v>
      </c>
      <c r="BG30" s="160">
        <v>0</v>
      </c>
      <c r="BH30" s="165">
        <v>0</v>
      </c>
      <c r="BI30" s="162">
        <v>0</v>
      </c>
      <c r="BJ30" s="160">
        <v>26</v>
      </c>
      <c r="BK30" s="160">
        <v>39</v>
      </c>
      <c r="BL30" s="160">
        <v>24</v>
      </c>
      <c r="BM30" s="160">
        <v>11</v>
      </c>
      <c r="BN30" s="160">
        <v>6</v>
      </c>
      <c r="BO30" s="165">
        <v>106</v>
      </c>
      <c r="BP30" s="164">
        <v>106</v>
      </c>
      <c r="BQ30" s="159">
        <v>2</v>
      </c>
      <c r="BR30" s="160">
        <v>4</v>
      </c>
      <c r="BS30" s="165">
        <v>6</v>
      </c>
      <c r="BT30" s="162">
        <v>0</v>
      </c>
      <c r="BU30" s="160">
        <v>12</v>
      </c>
      <c r="BV30" s="160">
        <v>15</v>
      </c>
      <c r="BW30" s="160">
        <v>5</v>
      </c>
      <c r="BX30" s="160">
        <v>9</v>
      </c>
      <c r="BY30" s="160">
        <v>5</v>
      </c>
      <c r="BZ30" s="165">
        <v>46</v>
      </c>
      <c r="CA30" s="164">
        <v>52</v>
      </c>
      <c r="CB30" s="159">
        <v>0</v>
      </c>
      <c r="CC30" s="160">
        <v>1</v>
      </c>
      <c r="CD30" s="165">
        <v>1</v>
      </c>
      <c r="CE30" s="162">
        <v>0</v>
      </c>
      <c r="CF30" s="160">
        <v>1</v>
      </c>
      <c r="CG30" s="160">
        <v>6</v>
      </c>
      <c r="CH30" s="160">
        <v>4</v>
      </c>
      <c r="CI30" s="160">
        <v>8</v>
      </c>
      <c r="CJ30" s="160">
        <v>4</v>
      </c>
      <c r="CK30" s="165">
        <v>23</v>
      </c>
      <c r="CL30" s="164">
        <v>24</v>
      </c>
      <c r="CM30" s="159">
        <v>0</v>
      </c>
      <c r="CN30" s="160">
        <v>0</v>
      </c>
      <c r="CO30" s="165">
        <v>0</v>
      </c>
      <c r="CP30" s="162">
        <v>0</v>
      </c>
      <c r="CQ30" s="160">
        <v>0</v>
      </c>
      <c r="CR30" s="160">
        <v>1</v>
      </c>
      <c r="CS30" s="160">
        <v>3</v>
      </c>
      <c r="CT30" s="160">
        <v>0</v>
      </c>
      <c r="CU30" s="160">
        <v>1</v>
      </c>
      <c r="CV30" s="165">
        <v>5</v>
      </c>
      <c r="CW30" s="164">
        <v>5</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6</v>
      </c>
      <c r="DU30" s="160">
        <v>22</v>
      </c>
      <c r="DV30" s="165">
        <v>28</v>
      </c>
      <c r="DW30" s="162">
        <v>0</v>
      </c>
      <c r="DX30" s="160">
        <v>42</v>
      </c>
      <c r="DY30" s="160">
        <v>63</v>
      </c>
      <c r="DZ30" s="160">
        <v>36</v>
      </c>
      <c r="EA30" s="160">
        <v>25</v>
      </c>
      <c r="EB30" s="160">
        <v>18</v>
      </c>
      <c r="EC30" s="165">
        <v>184</v>
      </c>
      <c r="ED30" s="164">
        <v>212</v>
      </c>
      <c r="EE30" s="159">
        <v>0</v>
      </c>
      <c r="EF30" s="160">
        <v>0</v>
      </c>
      <c r="EG30" s="165">
        <v>0</v>
      </c>
      <c r="EH30" s="162">
        <v>0</v>
      </c>
      <c r="EI30" s="160">
        <v>6</v>
      </c>
      <c r="EJ30" s="160">
        <v>7</v>
      </c>
      <c r="EK30" s="160">
        <v>4</v>
      </c>
      <c r="EL30" s="160">
        <v>4</v>
      </c>
      <c r="EM30" s="160">
        <v>3</v>
      </c>
      <c r="EN30" s="165">
        <v>24</v>
      </c>
      <c r="EO30" s="164">
        <v>24</v>
      </c>
      <c r="EP30" s="159">
        <v>8</v>
      </c>
      <c r="EQ30" s="160">
        <v>23</v>
      </c>
      <c r="ER30" s="165">
        <v>31</v>
      </c>
      <c r="ES30" s="162">
        <v>0</v>
      </c>
      <c r="ET30" s="160">
        <v>80</v>
      </c>
      <c r="EU30" s="160">
        <v>88</v>
      </c>
      <c r="EV30" s="160">
        <v>46</v>
      </c>
      <c r="EW30" s="160">
        <v>31</v>
      </c>
      <c r="EX30" s="160">
        <v>19</v>
      </c>
      <c r="EY30" s="165">
        <v>264</v>
      </c>
      <c r="EZ30" s="164">
        <v>295</v>
      </c>
    </row>
    <row r="31" spans="2:156" ht="21" customHeight="1" x14ac:dyDescent="0.2">
      <c r="B31" s="166" t="s">
        <v>29</v>
      </c>
      <c r="C31" s="159">
        <v>0</v>
      </c>
      <c r="D31" s="160">
        <v>0</v>
      </c>
      <c r="E31" s="161">
        <v>0</v>
      </c>
      <c r="F31" s="162">
        <v>0</v>
      </c>
      <c r="G31" s="160">
        <v>26</v>
      </c>
      <c r="H31" s="160">
        <v>29</v>
      </c>
      <c r="I31" s="160">
        <v>17</v>
      </c>
      <c r="J31" s="160">
        <v>14</v>
      </c>
      <c r="K31" s="160">
        <v>14</v>
      </c>
      <c r="L31" s="163">
        <v>100</v>
      </c>
      <c r="M31" s="164">
        <v>100</v>
      </c>
      <c r="N31" s="159">
        <v>0</v>
      </c>
      <c r="O31" s="160">
        <v>0</v>
      </c>
      <c r="P31" s="165">
        <v>0</v>
      </c>
      <c r="Q31" s="162">
        <v>0</v>
      </c>
      <c r="R31" s="160">
        <v>0</v>
      </c>
      <c r="S31" s="160">
        <v>1</v>
      </c>
      <c r="T31" s="160">
        <v>0</v>
      </c>
      <c r="U31" s="160">
        <v>2</v>
      </c>
      <c r="V31" s="160">
        <v>9</v>
      </c>
      <c r="W31" s="165">
        <v>12</v>
      </c>
      <c r="X31" s="164">
        <v>12</v>
      </c>
      <c r="Y31" s="159">
        <v>2</v>
      </c>
      <c r="Z31" s="160">
        <v>5</v>
      </c>
      <c r="AA31" s="165">
        <v>7</v>
      </c>
      <c r="AB31" s="162">
        <v>0</v>
      </c>
      <c r="AC31" s="160">
        <v>21</v>
      </c>
      <c r="AD31" s="160">
        <v>26</v>
      </c>
      <c r="AE31" s="160">
        <v>17</v>
      </c>
      <c r="AF31" s="160">
        <v>12</v>
      </c>
      <c r="AG31" s="160">
        <v>13</v>
      </c>
      <c r="AH31" s="165">
        <v>89</v>
      </c>
      <c r="AI31" s="164">
        <v>96</v>
      </c>
      <c r="AJ31" s="159">
        <v>1</v>
      </c>
      <c r="AK31" s="160">
        <v>2</v>
      </c>
      <c r="AL31" s="165">
        <v>3</v>
      </c>
      <c r="AM31" s="162">
        <v>0</v>
      </c>
      <c r="AN31" s="160">
        <v>2</v>
      </c>
      <c r="AO31" s="160">
        <v>2</v>
      </c>
      <c r="AP31" s="160">
        <v>2</v>
      </c>
      <c r="AQ31" s="160">
        <v>2</v>
      </c>
      <c r="AR31" s="160">
        <v>0</v>
      </c>
      <c r="AS31" s="165">
        <v>8</v>
      </c>
      <c r="AT31" s="164">
        <v>11</v>
      </c>
      <c r="AU31" s="159">
        <v>4</v>
      </c>
      <c r="AV31" s="160">
        <v>3</v>
      </c>
      <c r="AW31" s="165">
        <v>7</v>
      </c>
      <c r="AX31" s="162">
        <v>0</v>
      </c>
      <c r="AY31" s="160">
        <v>26</v>
      </c>
      <c r="AZ31" s="160">
        <v>30</v>
      </c>
      <c r="BA31" s="160">
        <v>24</v>
      </c>
      <c r="BB31" s="160">
        <v>23</v>
      </c>
      <c r="BC31" s="160">
        <v>18</v>
      </c>
      <c r="BD31" s="163">
        <v>121</v>
      </c>
      <c r="BE31" s="164">
        <v>128</v>
      </c>
      <c r="BF31" s="159">
        <v>0</v>
      </c>
      <c r="BG31" s="160">
        <v>0</v>
      </c>
      <c r="BH31" s="165">
        <v>0</v>
      </c>
      <c r="BI31" s="162">
        <v>0</v>
      </c>
      <c r="BJ31" s="160">
        <v>31</v>
      </c>
      <c r="BK31" s="160">
        <v>35</v>
      </c>
      <c r="BL31" s="160">
        <v>26</v>
      </c>
      <c r="BM31" s="160">
        <v>12</v>
      </c>
      <c r="BN31" s="160">
        <v>9</v>
      </c>
      <c r="BO31" s="165">
        <v>113</v>
      </c>
      <c r="BP31" s="164">
        <v>113</v>
      </c>
      <c r="BQ31" s="159">
        <v>2</v>
      </c>
      <c r="BR31" s="160">
        <v>6</v>
      </c>
      <c r="BS31" s="165">
        <v>8</v>
      </c>
      <c r="BT31" s="162">
        <v>0</v>
      </c>
      <c r="BU31" s="160">
        <v>11</v>
      </c>
      <c r="BV31" s="160">
        <v>15</v>
      </c>
      <c r="BW31" s="160">
        <v>15</v>
      </c>
      <c r="BX31" s="160">
        <v>3</v>
      </c>
      <c r="BY31" s="160">
        <v>1</v>
      </c>
      <c r="BZ31" s="165">
        <v>45</v>
      </c>
      <c r="CA31" s="164">
        <v>53</v>
      </c>
      <c r="CB31" s="159">
        <v>0</v>
      </c>
      <c r="CC31" s="160">
        <v>0</v>
      </c>
      <c r="CD31" s="165">
        <v>0</v>
      </c>
      <c r="CE31" s="162">
        <v>0</v>
      </c>
      <c r="CF31" s="160">
        <v>3</v>
      </c>
      <c r="CG31" s="160">
        <v>10</v>
      </c>
      <c r="CH31" s="160">
        <v>16</v>
      </c>
      <c r="CI31" s="160">
        <v>8</v>
      </c>
      <c r="CJ31" s="160">
        <v>8</v>
      </c>
      <c r="CK31" s="165">
        <v>45</v>
      </c>
      <c r="CL31" s="164">
        <v>45</v>
      </c>
      <c r="CM31" s="159">
        <v>0</v>
      </c>
      <c r="CN31" s="160">
        <v>0</v>
      </c>
      <c r="CO31" s="165">
        <v>0</v>
      </c>
      <c r="CP31" s="162">
        <v>0</v>
      </c>
      <c r="CQ31" s="160">
        <v>0</v>
      </c>
      <c r="CR31" s="160">
        <v>1</v>
      </c>
      <c r="CS31" s="160">
        <v>1</v>
      </c>
      <c r="CT31" s="160">
        <v>1</v>
      </c>
      <c r="CU31" s="160">
        <v>0</v>
      </c>
      <c r="CV31" s="165">
        <v>3</v>
      </c>
      <c r="CW31" s="164">
        <v>3</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0</v>
      </c>
      <c r="DU31" s="160">
        <v>32</v>
      </c>
      <c r="DV31" s="165">
        <v>62</v>
      </c>
      <c r="DW31" s="162">
        <v>0</v>
      </c>
      <c r="DX31" s="160">
        <v>45</v>
      </c>
      <c r="DY31" s="160">
        <v>84</v>
      </c>
      <c r="DZ31" s="160">
        <v>45</v>
      </c>
      <c r="EA31" s="160">
        <v>33</v>
      </c>
      <c r="EB31" s="160">
        <v>26</v>
      </c>
      <c r="EC31" s="165">
        <v>233</v>
      </c>
      <c r="ED31" s="164">
        <v>295</v>
      </c>
      <c r="EE31" s="159">
        <v>2</v>
      </c>
      <c r="EF31" s="160">
        <v>0</v>
      </c>
      <c r="EG31" s="165">
        <v>2</v>
      </c>
      <c r="EH31" s="162">
        <v>0</v>
      </c>
      <c r="EI31" s="160">
        <v>9</v>
      </c>
      <c r="EJ31" s="160">
        <v>6</v>
      </c>
      <c r="EK31" s="160">
        <v>3</v>
      </c>
      <c r="EL31" s="160">
        <v>7</v>
      </c>
      <c r="EM31" s="160">
        <v>5</v>
      </c>
      <c r="EN31" s="165">
        <v>30</v>
      </c>
      <c r="EO31" s="164">
        <v>32</v>
      </c>
      <c r="EP31" s="159">
        <v>34</v>
      </c>
      <c r="EQ31" s="160">
        <v>38</v>
      </c>
      <c r="ER31" s="165">
        <v>72</v>
      </c>
      <c r="ES31" s="162">
        <v>0</v>
      </c>
      <c r="ET31" s="160">
        <v>65</v>
      </c>
      <c r="EU31" s="160">
        <v>83</v>
      </c>
      <c r="EV31" s="160">
        <v>49</v>
      </c>
      <c r="EW31" s="160">
        <v>24</v>
      </c>
      <c r="EX31" s="160">
        <v>20</v>
      </c>
      <c r="EY31" s="165">
        <v>241</v>
      </c>
      <c r="EZ31" s="164">
        <v>313</v>
      </c>
    </row>
    <row r="32" spans="2:156" ht="21" customHeight="1" x14ac:dyDescent="0.2">
      <c r="B32" s="166" t="s">
        <v>30</v>
      </c>
      <c r="C32" s="159">
        <v>0</v>
      </c>
      <c r="D32" s="160">
        <v>0</v>
      </c>
      <c r="E32" s="161">
        <v>0</v>
      </c>
      <c r="F32" s="162">
        <v>0</v>
      </c>
      <c r="G32" s="160">
        <v>17</v>
      </c>
      <c r="H32" s="160">
        <v>18</v>
      </c>
      <c r="I32" s="160">
        <v>12</v>
      </c>
      <c r="J32" s="160">
        <v>15</v>
      </c>
      <c r="K32" s="160">
        <v>10</v>
      </c>
      <c r="L32" s="163">
        <v>72</v>
      </c>
      <c r="M32" s="164">
        <v>72</v>
      </c>
      <c r="N32" s="159">
        <v>0</v>
      </c>
      <c r="O32" s="160">
        <v>0</v>
      </c>
      <c r="P32" s="165">
        <v>0</v>
      </c>
      <c r="Q32" s="162">
        <v>0</v>
      </c>
      <c r="R32" s="160">
        <v>1</v>
      </c>
      <c r="S32" s="160">
        <v>1</v>
      </c>
      <c r="T32" s="160">
        <v>3</v>
      </c>
      <c r="U32" s="160">
        <v>6</v>
      </c>
      <c r="V32" s="160">
        <v>2</v>
      </c>
      <c r="W32" s="165">
        <v>13</v>
      </c>
      <c r="X32" s="164">
        <v>13</v>
      </c>
      <c r="Y32" s="159">
        <v>4</v>
      </c>
      <c r="Z32" s="160">
        <v>10</v>
      </c>
      <c r="AA32" s="165">
        <v>14</v>
      </c>
      <c r="AB32" s="162">
        <v>0</v>
      </c>
      <c r="AC32" s="160">
        <v>22</v>
      </c>
      <c r="AD32" s="160">
        <v>22</v>
      </c>
      <c r="AE32" s="160">
        <v>15</v>
      </c>
      <c r="AF32" s="160">
        <v>11</v>
      </c>
      <c r="AG32" s="160">
        <v>5</v>
      </c>
      <c r="AH32" s="165">
        <v>75</v>
      </c>
      <c r="AI32" s="164">
        <v>89</v>
      </c>
      <c r="AJ32" s="159">
        <v>1</v>
      </c>
      <c r="AK32" s="160">
        <v>0</v>
      </c>
      <c r="AL32" s="165">
        <v>1</v>
      </c>
      <c r="AM32" s="162">
        <v>0</v>
      </c>
      <c r="AN32" s="160">
        <v>3</v>
      </c>
      <c r="AO32" s="160">
        <v>3</v>
      </c>
      <c r="AP32" s="160">
        <v>4</v>
      </c>
      <c r="AQ32" s="160">
        <v>0</v>
      </c>
      <c r="AR32" s="160">
        <v>0</v>
      </c>
      <c r="AS32" s="165">
        <v>10</v>
      </c>
      <c r="AT32" s="164">
        <v>11</v>
      </c>
      <c r="AU32" s="159">
        <v>1</v>
      </c>
      <c r="AV32" s="160">
        <v>2</v>
      </c>
      <c r="AW32" s="165">
        <v>3</v>
      </c>
      <c r="AX32" s="162">
        <v>0</v>
      </c>
      <c r="AY32" s="160">
        <v>32</v>
      </c>
      <c r="AZ32" s="160">
        <v>19</v>
      </c>
      <c r="BA32" s="160">
        <v>21</v>
      </c>
      <c r="BB32" s="160">
        <v>27</v>
      </c>
      <c r="BC32" s="160">
        <v>6</v>
      </c>
      <c r="BD32" s="163">
        <v>105</v>
      </c>
      <c r="BE32" s="164">
        <v>108</v>
      </c>
      <c r="BF32" s="159">
        <v>0</v>
      </c>
      <c r="BG32" s="160">
        <v>0</v>
      </c>
      <c r="BH32" s="165">
        <v>0</v>
      </c>
      <c r="BI32" s="162">
        <v>0</v>
      </c>
      <c r="BJ32" s="160">
        <v>26</v>
      </c>
      <c r="BK32" s="160">
        <v>21</v>
      </c>
      <c r="BL32" s="160">
        <v>13</v>
      </c>
      <c r="BM32" s="160">
        <v>10</v>
      </c>
      <c r="BN32" s="160">
        <v>4</v>
      </c>
      <c r="BO32" s="165">
        <v>74</v>
      </c>
      <c r="BP32" s="164">
        <v>74</v>
      </c>
      <c r="BQ32" s="159">
        <v>5</v>
      </c>
      <c r="BR32" s="160">
        <v>7</v>
      </c>
      <c r="BS32" s="165">
        <v>12</v>
      </c>
      <c r="BT32" s="162">
        <v>0</v>
      </c>
      <c r="BU32" s="160">
        <v>8</v>
      </c>
      <c r="BV32" s="160">
        <v>9</v>
      </c>
      <c r="BW32" s="160">
        <v>4</v>
      </c>
      <c r="BX32" s="160">
        <v>4</v>
      </c>
      <c r="BY32" s="160">
        <v>1</v>
      </c>
      <c r="BZ32" s="165">
        <v>26</v>
      </c>
      <c r="CA32" s="164">
        <v>38</v>
      </c>
      <c r="CB32" s="159">
        <v>1</v>
      </c>
      <c r="CC32" s="160">
        <v>0</v>
      </c>
      <c r="CD32" s="165">
        <v>1</v>
      </c>
      <c r="CE32" s="162">
        <v>0</v>
      </c>
      <c r="CF32" s="160">
        <v>4</v>
      </c>
      <c r="CG32" s="160">
        <v>10</v>
      </c>
      <c r="CH32" s="160">
        <v>6</v>
      </c>
      <c r="CI32" s="160">
        <v>5</v>
      </c>
      <c r="CJ32" s="160">
        <v>1</v>
      </c>
      <c r="CK32" s="165">
        <v>26</v>
      </c>
      <c r="CL32" s="164">
        <v>27</v>
      </c>
      <c r="CM32" s="159">
        <v>0</v>
      </c>
      <c r="CN32" s="160">
        <v>0</v>
      </c>
      <c r="CO32" s="165">
        <v>0</v>
      </c>
      <c r="CP32" s="162">
        <v>0</v>
      </c>
      <c r="CQ32" s="160">
        <v>0</v>
      </c>
      <c r="CR32" s="160">
        <v>1</v>
      </c>
      <c r="CS32" s="160">
        <v>0</v>
      </c>
      <c r="CT32" s="160">
        <v>1</v>
      </c>
      <c r="CU32" s="160">
        <v>0</v>
      </c>
      <c r="CV32" s="165">
        <v>2</v>
      </c>
      <c r="CW32" s="164">
        <v>2</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5</v>
      </c>
      <c r="DU32" s="160">
        <v>30</v>
      </c>
      <c r="DV32" s="165">
        <v>65</v>
      </c>
      <c r="DW32" s="162">
        <v>0</v>
      </c>
      <c r="DX32" s="160">
        <v>54</v>
      </c>
      <c r="DY32" s="160">
        <v>53</v>
      </c>
      <c r="DZ32" s="160">
        <v>40</v>
      </c>
      <c r="EA32" s="160">
        <v>28</v>
      </c>
      <c r="EB32" s="160">
        <v>13</v>
      </c>
      <c r="EC32" s="165">
        <v>188</v>
      </c>
      <c r="ED32" s="164">
        <v>253</v>
      </c>
      <c r="EE32" s="159">
        <v>0</v>
      </c>
      <c r="EF32" s="160">
        <v>0</v>
      </c>
      <c r="EG32" s="165">
        <v>0</v>
      </c>
      <c r="EH32" s="162">
        <v>0</v>
      </c>
      <c r="EI32" s="160">
        <v>10</v>
      </c>
      <c r="EJ32" s="160">
        <v>8</v>
      </c>
      <c r="EK32" s="160">
        <v>7</v>
      </c>
      <c r="EL32" s="160">
        <v>5</v>
      </c>
      <c r="EM32" s="160">
        <v>2</v>
      </c>
      <c r="EN32" s="165">
        <v>32</v>
      </c>
      <c r="EO32" s="164">
        <v>32</v>
      </c>
      <c r="EP32" s="159">
        <v>39</v>
      </c>
      <c r="EQ32" s="160">
        <v>34</v>
      </c>
      <c r="ER32" s="165">
        <v>73</v>
      </c>
      <c r="ES32" s="162">
        <v>0</v>
      </c>
      <c r="ET32" s="160">
        <v>84</v>
      </c>
      <c r="EU32" s="160">
        <v>65</v>
      </c>
      <c r="EV32" s="160">
        <v>38</v>
      </c>
      <c r="EW32" s="160">
        <v>30</v>
      </c>
      <c r="EX32" s="160">
        <v>12</v>
      </c>
      <c r="EY32" s="165">
        <v>229</v>
      </c>
      <c r="EZ32" s="164">
        <v>302</v>
      </c>
    </row>
    <row r="33" spans="2:156" ht="21" customHeight="1" x14ac:dyDescent="0.2">
      <c r="B33" s="166" t="s">
        <v>31</v>
      </c>
      <c r="C33" s="159">
        <v>0</v>
      </c>
      <c r="D33" s="160">
        <v>0</v>
      </c>
      <c r="E33" s="161">
        <v>0</v>
      </c>
      <c r="F33" s="162">
        <v>0</v>
      </c>
      <c r="G33" s="160">
        <v>11</v>
      </c>
      <c r="H33" s="160">
        <v>13</v>
      </c>
      <c r="I33" s="160">
        <v>10</v>
      </c>
      <c r="J33" s="160">
        <v>7</v>
      </c>
      <c r="K33" s="160">
        <v>5</v>
      </c>
      <c r="L33" s="163">
        <v>46</v>
      </c>
      <c r="M33" s="164">
        <v>46</v>
      </c>
      <c r="N33" s="159">
        <v>0</v>
      </c>
      <c r="O33" s="160">
        <v>0</v>
      </c>
      <c r="P33" s="165">
        <v>0</v>
      </c>
      <c r="Q33" s="162">
        <v>0</v>
      </c>
      <c r="R33" s="160">
        <v>2</v>
      </c>
      <c r="S33" s="160">
        <v>2</v>
      </c>
      <c r="T33" s="160">
        <v>3</v>
      </c>
      <c r="U33" s="160">
        <v>5</v>
      </c>
      <c r="V33" s="160">
        <v>4</v>
      </c>
      <c r="W33" s="165">
        <v>16</v>
      </c>
      <c r="X33" s="164">
        <v>16</v>
      </c>
      <c r="Y33" s="159">
        <v>2</v>
      </c>
      <c r="Z33" s="160">
        <v>5</v>
      </c>
      <c r="AA33" s="165">
        <v>7</v>
      </c>
      <c r="AB33" s="162">
        <v>0</v>
      </c>
      <c r="AC33" s="160">
        <v>15</v>
      </c>
      <c r="AD33" s="160">
        <v>17</v>
      </c>
      <c r="AE33" s="160">
        <v>17</v>
      </c>
      <c r="AF33" s="160">
        <v>14</v>
      </c>
      <c r="AG33" s="160">
        <v>6</v>
      </c>
      <c r="AH33" s="165">
        <v>69</v>
      </c>
      <c r="AI33" s="164">
        <v>76</v>
      </c>
      <c r="AJ33" s="159">
        <v>1</v>
      </c>
      <c r="AK33" s="160">
        <v>2</v>
      </c>
      <c r="AL33" s="165">
        <v>3</v>
      </c>
      <c r="AM33" s="162">
        <v>0</v>
      </c>
      <c r="AN33" s="160">
        <v>3</v>
      </c>
      <c r="AO33" s="160">
        <v>1</v>
      </c>
      <c r="AP33" s="160">
        <v>3</v>
      </c>
      <c r="AQ33" s="160">
        <v>3</v>
      </c>
      <c r="AR33" s="160">
        <v>0</v>
      </c>
      <c r="AS33" s="165">
        <v>10</v>
      </c>
      <c r="AT33" s="164">
        <v>13</v>
      </c>
      <c r="AU33" s="159">
        <v>3</v>
      </c>
      <c r="AV33" s="160">
        <v>0</v>
      </c>
      <c r="AW33" s="165">
        <v>3</v>
      </c>
      <c r="AX33" s="162">
        <v>0</v>
      </c>
      <c r="AY33" s="160">
        <v>9</v>
      </c>
      <c r="AZ33" s="160">
        <v>21</v>
      </c>
      <c r="BA33" s="160">
        <v>12</v>
      </c>
      <c r="BB33" s="160">
        <v>16</v>
      </c>
      <c r="BC33" s="160">
        <v>10</v>
      </c>
      <c r="BD33" s="163">
        <v>68</v>
      </c>
      <c r="BE33" s="164">
        <v>71</v>
      </c>
      <c r="BF33" s="159">
        <v>0</v>
      </c>
      <c r="BG33" s="160">
        <v>0</v>
      </c>
      <c r="BH33" s="165">
        <v>0</v>
      </c>
      <c r="BI33" s="162">
        <v>0</v>
      </c>
      <c r="BJ33" s="160">
        <v>51</v>
      </c>
      <c r="BK33" s="160">
        <v>37</v>
      </c>
      <c r="BL33" s="160">
        <v>16</v>
      </c>
      <c r="BM33" s="160">
        <v>8</v>
      </c>
      <c r="BN33" s="160">
        <v>5</v>
      </c>
      <c r="BO33" s="165">
        <v>117</v>
      </c>
      <c r="BP33" s="164">
        <v>117</v>
      </c>
      <c r="BQ33" s="159">
        <v>1</v>
      </c>
      <c r="BR33" s="160">
        <v>2</v>
      </c>
      <c r="BS33" s="165">
        <v>3</v>
      </c>
      <c r="BT33" s="162">
        <v>0</v>
      </c>
      <c r="BU33" s="160">
        <v>8</v>
      </c>
      <c r="BV33" s="160">
        <v>6</v>
      </c>
      <c r="BW33" s="160">
        <v>8</v>
      </c>
      <c r="BX33" s="160">
        <v>3</v>
      </c>
      <c r="BY33" s="160">
        <v>2</v>
      </c>
      <c r="BZ33" s="165">
        <v>27</v>
      </c>
      <c r="CA33" s="164">
        <v>30</v>
      </c>
      <c r="CB33" s="159">
        <v>0</v>
      </c>
      <c r="CC33" s="160">
        <v>1</v>
      </c>
      <c r="CD33" s="165">
        <v>1</v>
      </c>
      <c r="CE33" s="162">
        <v>0</v>
      </c>
      <c r="CF33" s="160">
        <v>5</v>
      </c>
      <c r="CG33" s="160">
        <v>3</v>
      </c>
      <c r="CH33" s="160">
        <v>11</v>
      </c>
      <c r="CI33" s="160">
        <v>6</v>
      </c>
      <c r="CJ33" s="160">
        <v>1</v>
      </c>
      <c r="CK33" s="165">
        <v>26</v>
      </c>
      <c r="CL33" s="164">
        <v>27</v>
      </c>
      <c r="CM33" s="159">
        <v>0</v>
      </c>
      <c r="CN33" s="160">
        <v>0</v>
      </c>
      <c r="CO33" s="165">
        <v>0</v>
      </c>
      <c r="CP33" s="162">
        <v>0</v>
      </c>
      <c r="CQ33" s="160">
        <v>1</v>
      </c>
      <c r="CR33" s="160">
        <v>0</v>
      </c>
      <c r="CS33" s="160">
        <v>2</v>
      </c>
      <c r="CT33" s="160">
        <v>0</v>
      </c>
      <c r="CU33" s="160">
        <v>2</v>
      </c>
      <c r="CV33" s="165">
        <v>5</v>
      </c>
      <c r="CW33" s="164">
        <v>5</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3</v>
      </c>
      <c r="DU33" s="160">
        <v>66</v>
      </c>
      <c r="DV33" s="165">
        <v>89</v>
      </c>
      <c r="DW33" s="162">
        <v>0</v>
      </c>
      <c r="DX33" s="160">
        <v>55</v>
      </c>
      <c r="DY33" s="160">
        <v>65</v>
      </c>
      <c r="DZ33" s="160">
        <v>41</v>
      </c>
      <c r="EA33" s="160">
        <v>25</v>
      </c>
      <c r="EB33" s="160">
        <v>12</v>
      </c>
      <c r="EC33" s="165">
        <v>198</v>
      </c>
      <c r="ED33" s="164">
        <v>287</v>
      </c>
      <c r="EE33" s="159">
        <v>3</v>
      </c>
      <c r="EF33" s="160">
        <v>0</v>
      </c>
      <c r="EG33" s="165">
        <v>3</v>
      </c>
      <c r="EH33" s="162">
        <v>0</v>
      </c>
      <c r="EI33" s="160">
        <v>4</v>
      </c>
      <c r="EJ33" s="160">
        <v>7</v>
      </c>
      <c r="EK33" s="160">
        <v>4</v>
      </c>
      <c r="EL33" s="160">
        <v>5</v>
      </c>
      <c r="EM33" s="160">
        <v>1</v>
      </c>
      <c r="EN33" s="165">
        <v>21</v>
      </c>
      <c r="EO33" s="164">
        <v>24</v>
      </c>
      <c r="EP33" s="159">
        <v>26</v>
      </c>
      <c r="EQ33" s="160">
        <v>68</v>
      </c>
      <c r="ER33" s="165">
        <v>94</v>
      </c>
      <c r="ES33" s="162">
        <v>0</v>
      </c>
      <c r="ET33" s="160">
        <v>101</v>
      </c>
      <c r="EU33" s="160">
        <v>80</v>
      </c>
      <c r="EV33" s="160">
        <v>47</v>
      </c>
      <c r="EW33" s="160">
        <v>25</v>
      </c>
      <c r="EX33" s="160">
        <v>12</v>
      </c>
      <c r="EY33" s="165">
        <v>265</v>
      </c>
      <c r="EZ33" s="164">
        <v>359</v>
      </c>
    </row>
    <row r="34" spans="2:156" ht="21" customHeight="1" x14ac:dyDescent="0.2">
      <c r="B34" s="166" t="s">
        <v>32</v>
      </c>
      <c r="C34" s="159">
        <v>0</v>
      </c>
      <c r="D34" s="160">
        <v>0</v>
      </c>
      <c r="E34" s="161">
        <v>0</v>
      </c>
      <c r="F34" s="162">
        <v>0</v>
      </c>
      <c r="G34" s="160">
        <v>22</v>
      </c>
      <c r="H34" s="160">
        <v>19</v>
      </c>
      <c r="I34" s="160">
        <v>10</v>
      </c>
      <c r="J34" s="160">
        <v>9</v>
      </c>
      <c r="K34" s="160">
        <v>8</v>
      </c>
      <c r="L34" s="163">
        <v>68</v>
      </c>
      <c r="M34" s="164">
        <v>68</v>
      </c>
      <c r="N34" s="159">
        <v>0</v>
      </c>
      <c r="O34" s="160">
        <v>0</v>
      </c>
      <c r="P34" s="165">
        <v>0</v>
      </c>
      <c r="Q34" s="162">
        <v>0</v>
      </c>
      <c r="R34" s="160">
        <v>0</v>
      </c>
      <c r="S34" s="160">
        <v>1</v>
      </c>
      <c r="T34" s="160">
        <v>1</v>
      </c>
      <c r="U34" s="160">
        <v>6</v>
      </c>
      <c r="V34" s="160">
        <v>5</v>
      </c>
      <c r="W34" s="165">
        <v>13</v>
      </c>
      <c r="X34" s="164">
        <v>13</v>
      </c>
      <c r="Y34" s="159">
        <v>7</v>
      </c>
      <c r="Z34" s="160">
        <v>10</v>
      </c>
      <c r="AA34" s="165">
        <v>17</v>
      </c>
      <c r="AB34" s="162">
        <v>0</v>
      </c>
      <c r="AC34" s="160">
        <v>28</v>
      </c>
      <c r="AD34" s="160">
        <v>34</v>
      </c>
      <c r="AE34" s="160">
        <v>12</v>
      </c>
      <c r="AF34" s="160">
        <v>9</v>
      </c>
      <c r="AG34" s="160">
        <v>9</v>
      </c>
      <c r="AH34" s="165">
        <v>92</v>
      </c>
      <c r="AI34" s="164">
        <v>109</v>
      </c>
      <c r="AJ34" s="159">
        <v>0</v>
      </c>
      <c r="AK34" s="160">
        <v>0</v>
      </c>
      <c r="AL34" s="165">
        <v>0</v>
      </c>
      <c r="AM34" s="162">
        <v>0</v>
      </c>
      <c r="AN34" s="160">
        <v>4</v>
      </c>
      <c r="AO34" s="160">
        <v>2</v>
      </c>
      <c r="AP34" s="160">
        <v>0</v>
      </c>
      <c r="AQ34" s="160">
        <v>3</v>
      </c>
      <c r="AR34" s="160">
        <v>2</v>
      </c>
      <c r="AS34" s="165">
        <v>11</v>
      </c>
      <c r="AT34" s="164">
        <v>11</v>
      </c>
      <c r="AU34" s="159">
        <v>3</v>
      </c>
      <c r="AV34" s="160">
        <v>5</v>
      </c>
      <c r="AW34" s="165">
        <v>8</v>
      </c>
      <c r="AX34" s="162">
        <v>0</v>
      </c>
      <c r="AY34" s="160">
        <v>19</v>
      </c>
      <c r="AZ34" s="160">
        <v>26</v>
      </c>
      <c r="BA34" s="160">
        <v>25</v>
      </c>
      <c r="BB34" s="160">
        <v>33</v>
      </c>
      <c r="BC34" s="160">
        <v>21</v>
      </c>
      <c r="BD34" s="163">
        <v>124</v>
      </c>
      <c r="BE34" s="164">
        <v>132</v>
      </c>
      <c r="BF34" s="159">
        <v>0</v>
      </c>
      <c r="BG34" s="160">
        <v>0</v>
      </c>
      <c r="BH34" s="165">
        <v>0</v>
      </c>
      <c r="BI34" s="162">
        <v>0</v>
      </c>
      <c r="BJ34" s="160">
        <v>47</v>
      </c>
      <c r="BK34" s="160">
        <v>51</v>
      </c>
      <c r="BL34" s="160">
        <v>14</v>
      </c>
      <c r="BM34" s="160">
        <v>17</v>
      </c>
      <c r="BN34" s="160">
        <v>7</v>
      </c>
      <c r="BO34" s="165">
        <v>136</v>
      </c>
      <c r="BP34" s="164">
        <v>136</v>
      </c>
      <c r="BQ34" s="159">
        <v>3</v>
      </c>
      <c r="BR34" s="160">
        <v>6</v>
      </c>
      <c r="BS34" s="165">
        <v>9</v>
      </c>
      <c r="BT34" s="162">
        <v>0</v>
      </c>
      <c r="BU34" s="160">
        <v>8</v>
      </c>
      <c r="BV34" s="160">
        <v>14</v>
      </c>
      <c r="BW34" s="160">
        <v>3</v>
      </c>
      <c r="BX34" s="160">
        <v>5</v>
      </c>
      <c r="BY34" s="160">
        <v>3</v>
      </c>
      <c r="BZ34" s="165">
        <v>33</v>
      </c>
      <c r="CA34" s="164">
        <v>42</v>
      </c>
      <c r="CB34" s="159">
        <v>0</v>
      </c>
      <c r="CC34" s="160">
        <v>1</v>
      </c>
      <c r="CD34" s="165">
        <v>1</v>
      </c>
      <c r="CE34" s="162">
        <v>0</v>
      </c>
      <c r="CF34" s="160">
        <v>3</v>
      </c>
      <c r="CG34" s="160">
        <v>11</v>
      </c>
      <c r="CH34" s="160">
        <v>7</v>
      </c>
      <c r="CI34" s="160">
        <v>4</v>
      </c>
      <c r="CJ34" s="160">
        <v>3</v>
      </c>
      <c r="CK34" s="165">
        <v>28</v>
      </c>
      <c r="CL34" s="164">
        <v>29</v>
      </c>
      <c r="CM34" s="159">
        <v>0</v>
      </c>
      <c r="CN34" s="160">
        <v>0</v>
      </c>
      <c r="CO34" s="165">
        <v>0</v>
      </c>
      <c r="CP34" s="162">
        <v>0</v>
      </c>
      <c r="CQ34" s="160">
        <v>0</v>
      </c>
      <c r="CR34" s="160">
        <v>5</v>
      </c>
      <c r="CS34" s="160">
        <v>0</v>
      </c>
      <c r="CT34" s="160">
        <v>0</v>
      </c>
      <c r="CU34" s="160">
        <v>2</v>
      </c>
      <c r="CV34" s="165">
        <v>7</v>
      </c>
      <c r="CW34" s="164">
        <v>7</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5</v>
      </c>
      <c r="DU34" s="160">
        <v>54</v>
      </c>
      <c r="DV34" s="165">
        <v>79</v>
      </c>
      <c r="DW34" s="162">
        <v>0</v>
      </c>
      <c r="DX34" s="160">
        <v>82</v>
      </c>
      <c r="DY34" s="160">
        <v>84</v>
      </c>
      <c r="DZ34" s="160">
        <v>33</v>
      </c>
      <c r="EA34" s="160">
        <v>32</v>
      </c>
      <c r="EB34" s="160">
        <v>21</v>
      </c>
      <c r="EC34" s="165">
        <v>252</v>
      </c>
      <c r="ED34" s="164">
        <v>331</v>
      </c>
      <c r="EE34" s="159">
        <v>3</v>
      </c>
      <c r="EF34" s="160">
        <v>4</v>
      </c>
      <c r="EG34" s="165">
        <v>7</v>
      </c>
      <c r="EH34" s="162">
        <v>0</v>
      </c>
      <c r="EI34" s="160">
        <v>6</v>
      </c>
      <c r="EJ34" s="160">
        <v>7</v>
      </c>
      <c r="EK34" s="160">
        <v>5</v>
      </c>
      <c r="EL34" s="160">
        <v>13</v>
      </c>
      <c r="EM34" s="160">
        <v>7</v>
      </c>
      <c r="EN34" s="165">
        <v>38</v>
      </c>
      <c r="EO34" s="164">
        <v>45</v>
      </c>
      <c r="EP34" s="159">
        <v>30</v>
      </c>
      <c r="EQ34" s="160">
        <v>60</v>
      </c>
      <c r="ER34" s="165">
        <v>90</v>
      </c>
      <c r="ES34" s="162">
        <v>0</v>
      </c>
      <c r="ET34" s="160">
        <v>146</v>
      </c>
      <c r="EU34" s="160">
        <v>114</v>
      </c>
      <c r="EV34" s="160">
        <v>36</v>
      </c>
      <c r="EW34" s="160">
        <v>30</v>
      </c>
      <c r="EX34" s="160">
        <v>22</v>
      </c>
      <c r="EY34" s="165">
        <v>348</v>
      </c>
      <c r="EZ34" s="164">
        <v>438</v>
      </c>
    </row>
    <row r="35" spans="2:156" ht="21" customHeight="1" x14ac:dyDescent="0.2">
      <c r="B35" s="166" t="s">
        <v>33</v>
      </c>
      <c r="C35" s="159">
        <v>0</v>
      </c>
      <c r="D35" s="160">
        <v>0</v>
      </c>
      <c r="E35" s="161">
        <v>0</v>
      </c>
      <c r="F35" s="162">
        <v>0</v>
      </c>
      <c r="G35" s="160">
        <v>30</v>
      </c>
      <c r="H35" s="160">
        <v>12</v>
      </c>
      <c r="I35" s="160">
        <v>11</v>
      </c>
      <c r="J35" s="160">
        <v>2</v>
      </c>
      <c r="K35" s="160">
        <v>7</v>
      </c>
      <c r="L35" s="163">
        <v>62</v>
      </c>
      <c r="M35" s="164">
        <v>62</v>
      </c>
      <c r="N35" s="159">
        <v>0</v>
      </c>
      <c r="O35" s="160">
        <v>0</v>
      </c>
      <c r="P35" s="165">
        <v>0</v>
      </c>
      <c r="Q35" s="162">
        <v>0</v>
      </c>
      <c r="R35" s="160">
        <v>1</v>
      </c>
      <c r="S35" s="160">
        <v>1</v>
      </c>
      <c r="T35" s="160">
        <v>1</v>
      </c>
      <c r="U35" s="160">
        <v>1</v>
      </c>
      <c r="V35" s="160">
        <v>4</v>
      </c>
      <c r="W35" s="165">
        <v>8</v>
      </c>
      <c r="X35" s="164">
        <v>8</v>
      </c>
      <c r="Y35" s="159">
        <v>0</v>
      </c>
      <c r="Z35" s="160">
        <v>3</v>
      </c>
      <c r="AA35" s="165">
        <v>3</v>
      </c>
      <c r="AB35" s="162">
        <v>0</v>
      </c>
      <c r="AC35" s="160">
        <v>22</v>
      </c>
      <c r="AD35" s="160">
        <v>14</v>
      </c>
      <c r="AE35" s="160">
        <v>9</v>
      </c>
      <c r="AF35" s="160">
        <v>6</v>
      </c>
      <c r="AG35" s="160">
        <v>6</v>
      </c>
      <c r="AH35" s="165">
        <v>57</v>
      </c>
      <c r="AI35" s="164">
        <v>60</v>
      </c>
      <c r="AJ35" s="159">
        <v>10</v>
      </c>
      <c r="AK35" s="160">
        <v>19</v>
      </c>
      <c r="AL35" s="165">
        <v>29</v>
      </c>
      <c r="AM35" s="162">
        <v>0</v>
      </c>
      <c r="AN35" s="160">
        <v>39</v>
      </c>
      <c r="AO35" s="160">
        <v>18</v>
      </c>
      <c r="AP35" s="160">
        <v>12</v>
      </c>
      <c r="AQ35" s="160">
        <v>4</v>
      </c>
      <c r="AR35" s="160">
        <v>3</v>
      </c>
      <c r="AS35" s="165">
        <v>76</v>
      </c>
      <c r="AT35" s="164">
        <v>105</v>
      </c>
      <c r="AU35" s="159">
        <v>6</v>
      </c>
      <c r="AV35" s="160">
        <v>6</v>
      </c>
      <c r="AW35" s="165">
        <v>12</v>
      </c>
      <c r="AX35" s="162">
        <v>0</v>
      </c>
      <c r="AY35" s="160">
        <v>38</v>
      </c>
      <c r="AZ35" s="160">
        <v>31</v>
      </c>
      <c r="BA35" s="160">
        <v>37</v>
      </c>
      <c r="BB35" s="160">
        <v>16</v>
      </c>
      <c r="BC35" s="160">
        <v>17</v>
      </c>
      <c r="BD35" s="163">
        <v>139</v>
      </c>
      <c r="BE35" s="164">
        <v>151</v>
      </c>
      <c r="BF35" s="159">
        <v>0</v>
      </c>
      <c r="BG35" s="160">
        <v>0</v>
      </c>
      <c r="BH35" s="165">
        <v>0</v>
      </c>
      <c r="BI35" s="162">
        <v>0</v>
      </c>
      <c r="BJ35" s="160">
        <v>7</v>
      </c>
      <c r="BK35" s="160">
        <v>8</v>
      </c>
      <c r="BL35" s="160">
        <v>4</v>
      </c>
      <c r="BM35" s="160">
        <v>4</v>
      </c>
      <c r="BN35" s="160">
        <v>2</v>
      </c>
      <c r="BO35" s="165">
        <v>25</v>
      </c>
      <c r="BP35" s="164">
        <v>25</v>
      </c>
      <c r="BQ35" s="159">
        <v>7</v>
      </c>
      <c r="BR35" s="160">
        <v>11</v>
      </c>
      <c r="BS35" s="165">
        <v>18</v>
      </c>
      <c r="BT35" s="162">
        <v>0</v>
      </c>
      <c r="BU35" s="160">
        <v>37</v>
      </c>
      <c r="BV35" s="160">
        <v>15</v>
      </c>
      <c r="BW35" s="160">
        <v>9</v>
      </c>
      <c r="BX35" s="160">
        <v>4</v>
      </c>
      <c r="BY35" s="160">
        <v>2</v>
      </c>
      <c r="BZ35" s="165">
        <v>67</v>
      </c>
      <c r="CA35" s="164">
        <v>85</v>
      </c>
      <c r="CB35" s="159">
        <v>0</v>
      </c>
      <c r="CC35" s="160">
        <v>0</v>
      </c>
      <c r="CD35" s="165">
        <v>0</v>
      </c>
      <c r="CE35" s="162">
        <v>0</v>
      </c>
      <c r="CF35" s="160">
        <v>4</v>
      </c>
      <c r="CG35" s="160">
        <v>7</v>
      </c>
      <c r="CH35" s="160">
        <v>6</v>
      </c>
      <c r="CI35" s="160">
        <v>3</v>
      </c>
      <c r="CJ35" s="160">
        <v>2</v>
      </c>
      <c r="CK35" s="165">
        <v>22</v>
      </c>
      <c r="CL35" s="164">
        <v>22</v>
      </c>
      <c r="CM35" s="159">
        <v>0</v>
      </c>
      <c r="CN35" s="160">
        <v>0</v>
      </c>
      <c r="CO35" s="165">
        <v>0</v>
      </c>
      <c r="CP35" s="162">
        <v>0</v>
      </c>
      <c r="CQ35" s="160">
        <v>4</v>
      </c>
      <c r="CR35" s="160">
        <v>3</v>
      </c>
      <c r="CS35" s="160">
        <v>0</v>
      </c>
      <c r="CT35" s="160">
        <v>1</v>
      </c>
      <c r="CU35" s="160">
        <v>0</v>
      </c>
      <c r="CV35" s="165">
        <v>8</v>
      </c>
      <c r="CW35" s="164">
        <v>8</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6</v>
      </c>
      <c r="DU35" s="160">
        <v>33</v>
      </c>
      <c r="DV35" s="165">
        <v>49</v>
      </c>
      <c r="DW35" s="162">
        <v>0</v>
      </c>
      <c r="DX35" s="160">
        <v>64</v>
      </c>
      <c r="DY35" s="160">
        <v>52</v>
      </c>
      <c r="DZ35" s="160">
        <v>25</v>
      </c>
      <c r="EA35" s="160">
        <v>17</v>
      </c>
      <c r="EB35" s="160">
        <v>13</v>
      </c>
      <c r="EC35" s="165">
        <v>171</v>
      </c>
      <c r="ED35" s="164">
        <v>220</v>
      </c>
      <c r="EE35" s="159">
        <v>2</v>
      </c>
      <c r="EF35" s="160">
        <v>3</v>
      </c>
      <c r="EG35" s="165">
        <v>5</v>
      </c>
      <c r="EH35" s="162">
        <v>0</v>
      </c>
      <c r="EI35" s="160">
        <v>15</v>
      </c>
      <c r="EJ35" s="160">
        <v>15</v>
      </c>
      <c r="EK35" s="160">
        <v>21</v>
      </c>
      <c r="EL35" s="160">
        <v>7</v>
      </c>
      <c r="EM35" s="160">
        <v>8</v>
      </c>
      <c r="EN35" s="165">
        <v>66</v>
      </c>
      <c r="EO35" s="164">
        <v>71</v>
      </c>
      <c r="EP35" s="159">
        <v>27</v>
      </c>
      <c r="EQ35" s="160">
        <v>51</v>
      </c>
      <c r="ER35" s="165">
        <v>78</v>
      </c>
      <c r="ES35" s="162">
        <v>0</v>
      </c>
      <c r="ET35" s="160">
        <v>126</v>
      </c>
      <c r="EU35" s="160">
        <v>64</v>
      </c>
      <c r="EV35" s="160">
        <v>39</v>
      </c>
      <c r="EW35" s="160">
        <v>20</v>
      </c>
      <c r="EX35" s="160">
        <v>16</v>
      </c>
      <c r="EY35" s="165">
        <v>265</v>
      </c>
      <c r="EZ35" s="164">
        <v>343</v>
      </c>
    </row>
    <row r="36" spans="2:156" ht="21" customHeight="1" x14ac:dyDescent="0.2">
      <c r="B36" s="166" t="s">
        <v>34</v>
      </c>
      <c r="C36" s="159">
        <v>0</v>
      </c>
      <c r="D36" s="160">
        <v>0</v>
      </c>
      <c r="E36" s="161">
        <v>0</v>
      </c>
      <c r="F36" s="162">
        <v>0</v>
      </c>
      <c r="G36" s="160">
        <v>17</v>
      </c>
      <c r="H36" s="160">
        <v>6</v>
      </c>
      <c r="I36" s="160">
        <v>4</v>
      </c>
      <c r="J36" s="160">
        <v>6</v>
      </c>
      <c r="K36" s="160">
        <v>4</v>
      </c>
      <c r="L36" s="163">
        <v>37</v>
      </c>
      <c r="M36" s="164">
        <v>37</v>
      </c>
      <c r="N36" s="159">
        <v>0</v>
      </c>
      <c r="O36" s="160">
        <v>0</v>
      </c>
      <c r="P36" s="165">
        <v>0</v>
      </c>
      <c r="Q36" s="162">
        <v>0</v>
      </c>
      <c r="R36" s="160">
        <v>0</v>
      </c>
      <c r="S36" s="160">
        <v>1</v>
      </c>
      <c r="T36" s="160">
        <v>0</v>
      </c>
      <c r="U36" s="160">
        <v>1</v>
      </c>
      <c r="V36" s="160">
        <v>8</v>
      </c>
      <c r="W36" s="165">
        <v>10</v>
      </c>
      <c r="X36" s="164">
        <v>10</v>
      </c>
      <c r="Y36" s="159">
        <v>2</v>
      </c>
      <c r="Z36" s="160">
        <v>6</v>
      </c>
      <c r="AA36" s="165">
        <v>8</v>
      </c>
      <c r="AB36" s="162">
        <v>0</v>
      </c>
      <c r="AC36" s="160">
        <v>23</v>
      </c>
      <c r="AD36" s="160">
        <v>12</v>
      </c>
      <c r="AE36" s="160">
        <v>5</v>
      </c>
      <c r="AF36" s="160">
        <v>8</v>
      </c>
      <c r="AG36" s="160">
        <v>8</v>
      </c>
      <c r="AH36" s="165">
        <v>56</v>
      </c>
      <c r="AI36" s="164">
        <v>64</v>
      </c>
      <c r="AJ36" s="159">
        <v>1</v>
      </c>
      <c r="AK36" s="160">
        <v>0</v>
      </c>
      <c r="AL36" s="165">
        <v>1</v>
      </c>
      <c r="AM36" s="162">
        <v>0</v>
      </c>
      <c r="AN36" s="160">
        <v>7</v>
      </c>
      <c r="AO36" s="160">
        <v>2</v>
      </c>
      <c r="AP36" s="160">
        <v>3</v>
      </c>
      <c r="AQ36" s="160">
        <v>1</v>
      </c>
      <c r="AR36" s="160">
        <v>2</v>
      </c>
      <c r="AS36" s="165">
        <v>15</v>
      </c>
      <c r="AT36" s="164">
        <v>16</v>
      </c>
      <c r="AU36" s="159">
        <v>6</v>
      </c>
      <c r="AV36" s="160">
        <v>7</v>
      </c>
      <c r="AW36" s="165">
        <v>13</v>
      </c>
      <c r="AX36" s="162">
        <v>0</v>
      </c>
      <c r="AY36" s="160">
        <v>39</v>
      </c>
      <c r="AZ36" s="160">
        <v>31</v>
      </c>
      <c r="BA36" s="160">
        <v>13</v>
      </c>
      <c r="BB36" s="160">
        <v>21</v>
      </c>
      <c r="BC36" s="160">
        <v>17</v>
      </c>
      <c r="BD36" s="163">
        <v>121</v>
      </c>
      <c r="BE36" s="164">
        <v>134</v>
      </c>
      <c r="BF36" s="159">
        <v>0</v>
      </c>
      <c r="BG36" s="160">
        <v>0</v>
      </c>
      <c r="BH36" s="165">
        <v>0</v>
      </c>
      <c r="BI36" s="162">
        <v>0</v>
      </c>
      <c r="BJ36" s="160">
        <v>34</v>
      </c>
      <c r="BK36" s="160">
        <v>15</v>
      </c>
      <c r="BL36" s="160">
        <v>13</v>
      </c>
      <c r="BM36" s="160">
        <v>7</v>
      </c>
      <c r="BN36" s="160">
        <v>1</v>
      </c>
      <c r="BO36" s="165">
        <v>70</v>
      </c>
      <c r="BP36" s="164">
        <v>70</v>
      </c>
      <c r="BQ36" s="159">
        <v>0</v>
      </c>
      <c r="BR36" s="160">
        <v>3</v>
      </c>
      <c r="BS36" s="165">
        <v>3</v>
      </c>
      <c r="BT36" s="162">
        <v>0</v>
      </c>
      <c r="BU36" s="160">
        <v>12</v>
      </c>
      <c r="BV36" s="160">
        <v>3</v>
      </c>
      <c r="BW36" s="160">
        <v>3</v>
      </c>
      <c r="BX36" s="160">
        <v>1</v>
      </c>
      <c r="BY36" s="160">
        <v>0</v>
      </c>
      <c r="BZ36" s="165">
        <v>19</v>
      </c>
      <c r="CA36" s="164">
        <v>22</v>
      </c>
      <c r="CB36" s="159">
        <v>0</v>
      </c>
      <c r="CC36" s="160">
        <v>0</v>
      </c>
      <c r="CD36" s="165">
        <v>0</v>
      </c>
      <c r="CE36" s="162">
        <v>0</v>
      </c>
      <c r="CF36" s="160">
        <v>6</v>
      </c>
      <c r="CG36" s="160">
        <v>2</v>
      </c>
      <c r="CH36" s="160">
        <v>5</v>
      </c>
      <c r="CI36" s="160">
        <v>3</v>
      </c>
      <c r="CJ36" s="160">
        <v>1</v>
      </c>
      <c r="CK36" s="165">
        <v>17</v>
      </c>
      <c r="CL36" s="164">
        <v>17</v>
      </c>
      <c r="CM36" s="159">
        <v>0</v>
      </c>
      <c r="CN36" s="160">
        <v>0</v>
      </c>
      <c r="CO36" s="165">
        <v>0</v>
      </c>
      <c r="CP36" s="162">
        <v>0</v>
      </c>
      <c r="CQ36" s="160">
        <v>2</v>
      </c>
      <c r="CR36" s="160">
        <v>1</v>
      </c>
      <c r="CS36" s="160">
        <v>0</v>
      </c>
      <c r="CT36" s="160">
        <v>0</v>
      </c>
      <c r="CU36" s="160">
        <v>0</v>
      </c>
      <c r="CV36" s="165">
        <v>3</v>
      </c>
      <c r="CW36" s="164">
        <v>3</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2</v>
      </c>
      <c r="DU36" s="160">
        <v>26</v>
      </c>
      <c r="DV36" s="165">
        <v>38</v>
      </c>
      <c r="DW36" s="162">
        <v>0</v>
      </c>
      <c r="DX36" s="160">
        <v>55</v>
      </c>
      <c r="DY36" s="160">
        <v>49</v>
      </c>
      <c r="DZ36" s="160">
        <v>27</v>
      </c>
      <c r="EA36" s="160">
        <v>19</v>
      </c>
      <c r="EB36" s="160">
        <v>13</v>
      </c>
      <c r="EC36" s="165">
        <v>163</v>
      </c>
      <c r="ED36" s="164">
        <v>201</v>
      </c>
      <c r="EE36" s="159">
        <v>4</v>
      </c>
      <c r="EF36" s="160">
        <v>3</v>
      </c>
      <c r="EG36" s="165">
        <v>7</v>
      </c>
      <c r="EH36" s="162">
        <v>0</v>
      </c>
      <c r="EI36" s="160">
        <v>11</v>
      </c>
      <c r="EJ36" s="160">
        <v>7</v>
      </c>
      <c r="EK36" s="160">
        <v>3</v>
      </c>
      <c r="EL36" s="160">
        <v>6</v>
      </c>
      <c r="EM36" s="160">
        <v>5</v>
      </c>
      <c r="EN36" s="165">
        <v>32</v>
      </c>
      <c r="EO36" s="164">
        <v>39</v>
      </c>
      <c r="EP36" s="159">
        <v>16</v>
      </c>
      <c r="EQ36" s="160">
        <v>27</v>
      </c>
      <c r="ER36" s="165">
        <v>43</v>
      </c>
      <c r="ES36" s="162">
        <v>0</v>
      </c>
      <c r="ET36" s="160">
        <v>91</v>
      </c>
      <c r="EU36" s="160">
        <v>47</v>
      </c>
      <c r="EV36" s="160">
        <v>26</v>
      </c>
      <c r="EW36" s="160">
        <v>18</v>
      </c>
      <c r="EX36" s="160">
        <v>11</v>
      </c>
      <c r="EY36" s="165">
        <v>193</v>
      </c>
      <c r="EZ36" s="164">
        <v>236</v>
      </c>
    </row>
    <row r="37" spans="2:156" ht="21" customHeight="1" x14ac:dyDescent="0.2">
      <c r="B37" s="166" t="s">
        <v>35</v>
      </c>
      <c r="C37" s="159">
        <v>0</v>
      </c>
      <c r="D37" s="160">
        <v>0</v>
      </c>
      <c r="E37" s="161">
        <v>0</v>
      </c>
      <c r="F37" s="162">
        <v>0</v>
      </c>
      <c r="G37" s="160">
        <v>96</v>
      </c>
      <c r="H37" s="160">
        <v>47</v>
      </c>
      <c r="I37" s="160">
        <v>30</v>
      </c>
      <c r="J37" s="160">
        <v>24</v>
      </c>
      <c r="K37" s="160">
        <v>20</v>
      </c>
      <c r="L37" s="163">
        <v>217</v>
      </c>
      <c r="M37" s="164">
        <v>217</v>
      </c>
      <c r="N37" s="159">
        <v>0</v>
      </c>
      <c r="O37" s="160">
        <v>0</v>
      </c>
      <c r="P37" s="165">
        <v>0</v>
      </c>
      <c r="Q37" s="162">
        <v>0</v>
      </c>
      <c r="R37" s="160">
        <v>0</v>
      </c>
      <c r="S37" s="160">
        <v>3</v>
      </c>
      <c r="T37" s="160">
        <v>3</v>
      </c>
      <c r="U37" s="160">
        <v>9</v>
      </c>
      <c r="V37" s="160">
        <v>11</v>
      </c>
      <c r="W37" s="165">
        <v>26</v>
      </c>
      <c r="X37" s="164">
        <v>26</v>
      </c>
      <c r="Y37" s="159">
        <v>6</v>
      </c>
      <c r="Z37" s="160">
        <v>16</v>
      </c>
      <c r="AA37" s="165">
        <v>22</v>
      </c>
      <c r="AB37" s="162">
        <v>0</v>
      </c>
      <c r="AC37" s="160">
        <v>62</v>
      </c>
      <c r="AD37" s="160">
        <v>38</v>
      </c>
      <c r="AE37" s="160">
        <v>34</v>
      </c>
      <c r="AF37" s="160">
        <v>23</v>
      </c>
      <c r="AG37" s="160">
        <v>23</v>
      </c>
      <c r="AH37" s="165">
        <v>180</v>
      </c>
      <c r="AI37" s="164">
        <v>202</v>
      </c>
      <c r="AJ37" s="159">
        <v>7</v>
      </c>
      <c r="AK37" s="160">
        <v>19</v>
      </c>
      <c r="AL37" s="165">
        <v>26</v>
      </c>
      <c r="AM37" s="162">
        <v>0</v>
      </c>
      <c r="AN37" s="160">
        <v>19</v>
      </c>
      <c r="AO37" s="160">
        <v>16</v>
      </c>
      <c r="AP37" s="160">
        <v>6</v>
      </c>
      <c r="AQ37" s="160">
        <v>9</v>
      </c>
      <c r="AR37" s="160">
        <v>8</v>
      </c>
      <c r="AS37" s="165">
        <v>58</v>
      </c>
      <c r="AT37" s="164">
        <v>84</v>
      </c>
      <c r="AU37" s="159">
        <v>15</v>
      </c>
      <c r="AV37" s="160">
        <v>18</v>
      </c>
      <c r="AW37" s="165">
        <v>33</v>
      </c>
      <c r="AX37" s="162">
        <v>0</v>
      </c>
      <c r="AY37" s="160">
        <v>107</v>
      </c>
      <c r="AZ37" s="160">
        <v>66</v>
      </c>
      <c r="BA37" s="160">
        <v>79</v>
      </c>
      <c r="BB37" s="160">
        <v>86</v>
      </c>
      <c r="BC37" s="160">
        <v>57</v>
      </c>
      <c r="BD37" s="163">
        <v>395</v>
      </c>
      <c r="BE37" s="164">
        <v>428</v>
      </c>
      <c r="BF37" s="159">
        <v>0</v>
      </c>
      <c r="BG37" s="160">
        <v>0</v>
      </c>
      <c r="BH37" s="165">
        <v>0</v>
      </c>
      <c r="BI37" s="162">
        <v>0</v>
      </c>
      <c r="BJ37" s="160">
        <v>141</v>
      </c>
      <c r="BK37" s="160">
        <v>77</v>
      </c>
      <c r="BL37" s="160">
        <v>54</v>
      </c>
      <c r="BM37" s="160">
        <v>32</v>
      </c>
      <c r="BN37" s="160">
        <v>19</v>
      </c>
      <c r="BO37" s="165">
        <v>323</v>
      </c>
      <c r="BP37" s="164">
        <v>323</v>
      </c>
      <c r="BQ37" s="159">
        <v>7</v>
      </c>
      <c r="BR37" s="160">
        <v>17</v>
      </c>
      <c r="BS37" s="165">
        <v>24</v>
      </c>
      <c r="BT37" s="162">
        <v>0</v>
      </c>
      <c r="BU37" s="160">
        <v>66</v>
      </c>
      <c r="BV37" s="160">
        <v>29</v>
      </c>
      <c r="BW37" s="160">
        <v>15</v>
      </c>
      <c r="BX37" s="160">
        <v>9</v>
      </c>
      <c r="BY37" s="160">
        <v>2</v>
      </c>
      <c r="BZ37" s="165">
        <v>121</v>
      </c>
      <c r="CA37" s="164">
        <v>145</v>
      </c>
      <c r="CB37" s="159">
        <v>0</v>
      </c>
      <c r="CC37" s="160">
        <v>1</v>
      </c>
      <c r="CD37" s="165">
        <v>1</v>
      </c>
      <c r="CE37" s="162">
        <v>0</v>
      </c>
      <c r="CF37" s="160">
        <v>12</v>
      </c>
      <c r="CG37" s="160">
        <v>4</v>
      </c>
      <c r="CH37" s="160">
        <v>10</v>
      </c>
      <c r="CI37" s="160">
        <v>14</v>
      </c>
      <c r="CJ37" s="160">
        <v>3</v>
      </c>
      <c r="CK37" s="165">
        <v>43</v>
      </c>
      <c r="CL37" s="164">
        <v>44</v>
      </c>
      <c r="CM37" s="159">
        <v>0</v>
      </c>
      <c r="CN37" s="160">
        <v>1</v>
      </c>
      <c r="CO37" s="165">
        <v>1</v>
      </c>
      <c r="CP37" s="162">
        <v>0</v>
      </c>
      <c r="CQ37" s="160">
        <v>8</v>
      </c>
      <c r="CR37" s="160">
        <v>5</v>
      </c>
      <c r="CS37" s="160">
        <v>3</v>
      </c>
      <c r="CT37" s="160">
        <v>4</v>
      </c>
      <c r="CU37" s="160">
        <v>2</v>
      </c>
      <c r="CV37" s="165">
        <v>22</v>
      </c>
      <c r="CW37" s="164">
        <v>23</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61</v>
      </c>
      <c r="DU37" s="160">
        <v>104</v>
      </c>
      <c r="DV37" s="165">
        <v>165</v>
      </c>
      <c r="DW37" s="162">
        <v>0</v>
      </c>
      <c r="DX37" s="160">
        <v>192</v>
      </c>
      <c r="DY37" s="160">
        <v>138</v>
      </c>
      <c r="DZ37" s="160">
        <v>88</v>
      </c>
      <c r="EA37" s="160">
        <v>66</v>
      </c>
      <c r="EB37" s="160">
        <v>44</v>
      </c>
      <c r="EC37" s="165">
        <v>528</v>
      </c>
      <c r="ED37" s="164">
        <v>693</v>
      </c>
      <c r="EE37" s="159">
        <v>16</v>
      </c>
      <c r="EF37" s="160">
        <v>12</v>
      </c>
      <c r="EG37" s="165">
        <v>28</v>
      </c>
      <c r="EH37" s="162">
        <v>0</v>
      </c>
      <c r="EI37" s="160">
        <v>39</v>
      </c>
      <c r="EJ37" s="160">
        <v>13</v>
      </c>
      <c r="EK37" s="160">
        <v>19</v>
      </c>
      <c r="EL37" s="160">
        <v>33</v>
      </c>
      <c r="EM37" s="160">
        <v>14</v>
      </c>
      <c r="EN37" s="165">
        <v>118</v>
      </c>
      <c r="EO37" s="164">
        <v>146</v>
      </c>
      <c r="EP37" s="159">
        <v>76</v>
      </c>
      <c r="EQ37" s="160">
        <v>136</v>
      </c>
      <c r="ER37" s="165">
        <v>212</v>
      </c>
      <c r="ES37" s="162">
        <v>0</v>
      </c>
      <c r="ET37" s="160">
        <v>327</v>
      </c>
      <c r="EU37" s="160">
        <v>165</v>
      </c>
      <c r="EV37" s="160">
        <v>101</v>
      </c>
      <c r="EW37" s="160">
        <v>71</v>
      </c>
      <c r="EX37" s="160">
        <v>45</v>
      </c>
      <c r="EY37" s="165">
        <v>709</v>
      </c>
      <c r="EZ37" s="164">
        <v>921</v>
      </c>
    </row>
    <row r="38" spans="2:156" ht="21" customHeight="1" x14ac:dyDescent="0.2">
      <c r="B38" s="166" t="s">
        <v>36</v>
      </c>
      <c r="C38" s="159">
        <v>0</v>
      </c>
      <c r="D38" s="160">
        <v>0</v>
      </c>
      <c r="E38" s="161">
        <v>0</v>
      </c>
      <c r="F38" s="162">
        <v>0</v>
      </c>
      <c r="G38" s="160">
        <v>53</v>
      </c>
      <c r="H38" s="160">
        <v>73</v>
      </c>
      <c r="I38" s="160">
        <v>41</v>
      </c>
      <c r="J38" s="160">
        <v>26</v>
      </c>
      <c r="K38" s="160">
        <v>37</v>
      </c>
      <c r="L38" s="163">
        <v>230</v>
      </c>
      <c r="M38" s="164">
        <v>230</v>
      </c>
      <c r="N38" s="159">
        <v>0</v>
      </c>
      <c r="O38" s="160">
        <v>1</v>
      </c>
      <c r="P38" s="165">
        <v>1</v>
      </c>
      <c r="Q38" s="162">
        <v>0</v>
      </c>
      <c r="R38" s="160">
        <v>2</v>
      </c>
      <c r="S38" s="160">
        <v>4</v>
      </c>
      <c r="T38" s="160">
        <v>8</v>
      </c>
      <c r="U38" s="160">
        <v>10</v>
      </c>
      <c r="V38" s="160">
        <v>9</v>
      </c>
      <c r="W38" s="165">
        <v>33</v>
      </c>
      <c r="X38" s="164">
        <v>34</v>
      </c>
      <c r="Y38" s="159">
        <v>5</v>
      </c>
      <c r="Z38" s="160">
        <v>22</v>
      </c>
      <c r="AA38" s="165">
        <v>27</v>
      </c>
      <c r="AB38" s="162">
        <v>0</v>
      </c>
      <c r="AC38" s="160">
        <v>45</v>
      </c>
      <c r="AD38" s="160">
        <v>56</v>
      </c>
      <c r="AE38" s="160">
        <v>36</v>
      </c>
      <c r="AF38" s="160">
        <v>26</v>
      </c>
      <c r="AG38" s="160">
        <v>29</v>
      </c>
      <c r="AH38" s="165">
        <v>192</v>
      </c>
      <c r="AI38" s="164">
        <v>219</v>
      </c>
      <c r="AJ38" s="159">
        <v>1</v>
      </c>
      <c r="AK38" s="160">
        <v>14</v>
      </c>
      <c r="AL38" s="165">
        <v>15</v>
      </c>
      <c r="AM38" s="162">
        <v>0</v>
      </c>
      <c r="AN38" s="160">
        <v>19</v>
      </c>
      <c r="AO38" s="160">
        <v>20</v>
      </c>
      <c r="AP38" s="160">
        <v>9</v>
      </c>
      <c r="AQ38" s="160">
        <v>5</v>
      </c>
      <c r="AR38" s="160">
        <v>9</v>
      </c>
      <c r="AS38" s="165">
        <v>62</v>
      </c>
      <c r="AT38" s="164">
        <v>77</v>
      </c>
      <c r="AU38" s="159">
        <v>8</v>
      </c>
      <c r="AV38" s="160">
        <v>6</v>
      </c>
      <c r="AW38" s="165">
        <v>14</v>
      </c>
      <c r="AX38" s="162">
        <v>0</v>
      </c>
      <c r="AY38" s="160">
        <v>56</v>
      </c>
      <c r="AZ38" s="160">
        <v>104</v>
      </c>
      <c r="BA38" s="160">
        <v>71</v>
      </c>
      <c r="BB38" s="160">
        <v>49</v>
      </c>
      <c r="BC38" s="160">
        <v>59</v>
      </c>
      <c r="BD38" s="163">
        <v>339</v>
      </c>
      <c r="BE38" s="164">
        <v>353</v>
      </c>
      <c r="BF38" s="159">
        <v>0</v>
      </c>
      <c r="BG38" s="160">
        <v>0</v>
      </c>
      <c r="BH38" s="165">
        <v>0</v>
      </c>
      <c r="BI38" s="162">
        <v>0</v>
      </c>
      <c r="BJ38" s="160">
        <v>78</v>
      </c>
      <c r="BK38" s="160">
        <v>92</v>
      </c>
      <c r="BL38" s="160">
        <v>43</v>
      </c>
      <c r="BM38" s="160">
        <v>28</v>
      </c>
      <c r="BN38" s="160">
        <v>20</v>
      </c>
      <c r="BO38" s="165">
        <v>261</v>
      </c>
      <c r="BP38" s="164">
        <v>261</v>
      </c>
      <c r="BQ38" s="159">
        <v>8</v>
      </c>
      <c r="BR38" s="160">
        <v>5</v>
      </c>
      <c r="BS38" s="165">
        <v>13</v>
      </c>
      <c r="BT38" s="162">
        <v>0</v>
      </c>
      <c r="BU38" s="160">
        <v>26</v>
      </c>
      <c r="BV38" s="160">
        <v>34</v>
      </c>
      <c r="BW38" s="160">
        <v>19</v>
      </c>
      <c r="BX38" s="160">
        <v>10</v>
      </c>
      <c r="BY38" s="160">
        <v>4</v>
      </c>
      <c r="BZ38" s="165">
        <v>93</v>
      </c>
      <c r="CA38" s="164">
        <v>106</v>
      </c>
      <c r="CB38" s="159">
        <v>0</v>
      </c>
      <c r="CC38" s="160">
        <v>3</v>
      </c>
      <c r="CD38" s="165">
        <v>3</v>
      </c>
      <c r="CE38" s="162">
        <v>0</v>
      </c>
      <c r="CF38" s="160">
        <v>6</v>
      </c>
      <c r="CG38" s="160">
        <v>22</v>
      </c>
      <c r="CH38" s="160">
        <v>16</v>
      </c>
      <c r="CI38" s="160">
        <v>13</v>
      </c>
      <c r="CJ38" s="160">
        <v>15</v>
      </c>
      <c r="CK38" s="165">
        <v>72</v>
      </c>
      <c r="CL38" s="164">
        <v>75</v>
      </c>
      <c r="CM38" s="159">
        <v>0</v>
      </c>
      <c r="CN38" s="160">
        <v>0</v>
      </c>
      <c r="CO38" s="165">
        <v>0</v>
      </c>
      <c r="CP38" s="162">
        <v>0</v>
      </c>
      <c r="CQ38" s="160">
        <v>1</v>
      </c>
      <c r="CR38" s="160">
        <v>4</v>
      </c>
      <c r="CS38" s="160">
        <v>0</v>
      </c>
      <c r="CT38" s="160">
        <v>1</v>
      </c>
      <c r="CU38" s="160">
        <v>0</v>
      </c>
      <c r="CV38" s="165">
        <v>6</v>
      </c>
      <c r="CW38" s="164">
        <v>6</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1</v>
      </c>
      <c r="DU38" s="160">
        <v>116</v>
      </c>
      <c r="DV38" s="165">
        <v>147</v>
      </c>
      <c r="DW38" s="162">
        <v>0</v>
      </c>
      <c r="DX38" s="160">
        <v>149</v>
      </c>
      <c r="DY38" s="160">
        <v>217</v>
      </c>
      <c r="DZ38" s="160">
        <v>115</v>
      </c>
      <c r="EA38" s="160">
        <v>71</v>
      </c>
      <c r="EB38" s="160">
        <v>58</v>
      </c>
      <c r="EC38" s="165">
        <v>610</v>
      </c>
      <c r="ED38" s="164">
        <v>757</v>
      </c>
      <c r="EE38" s="159">
        <v>3</v>
      </c>
      <c r="EF38" s="160">
        <v>1</v>
      </c>
      <c r="EG38" s="165">
        <v>4</v>
      </c>
      <c r="EH38" s="162">
        <v>0</v>
      </c>
      <c r="EI38" s="160">
        <v>22</v>
      </c>
      <c r="EJ38" s="160">
        <v>15</v>
      </c>
      <c r="EK38" s="160">
        <v>15</v>
      </c>
      <c r="EL38" s="160">
        <v>5</v>
      </c>
      <c r="EM38" s="160">
        <v>3</v>
      </c>
      <c r="EN38" s="165">
        <v>60</v>
      </c>
      <c r="EO38" s="164">
        <v>64</v>
      </c>
      <c r="EP38" s="159">
        <v>45</v>
      </c>
      <c r="EQ38" s="160">
        <v>139</v>
      </c>
      <c r="ER38" s="165">
        <v>184</v>
      </c>
      <c r="ES38" s="162">
        <v>0</v>
      </c>
      <c r="ET38" s="160">
        <v>258</v>
      </c>
      <c r="EU38" s="160">
        <v>269</v>
      </c>
      <c r="EV38" s="160">
        <v>143</v>
      </c>
      <c r="EW38" s="160">
        <v>83</v>
      </c>
      <c r="EX38" s="160">
        <v>75</v>
      </c>
      <c r="EY38" s="165">
        <v>828</v>
      </c>
      <c r="EZ38" s="164">
        <v>1012</v>
      </c>
    </row>
    <row r="39" spans="2:156" ht="21" customHeight="1" thickBot="1" x14ac:dyDescent="0.25">
      <c r="B39" s="167" t="s">
        <v>37</v>
      </c>
      <c r="C39" s="168">
        <v>0</v>
      </c>
      <c r="D39" s="169">
        <v>0</v>
      </c>
      <c r="E39" s="170">
        <v>0</v>
      </c>
      <c r="F39" s="171">
        <v>0</v>
      </c>
      <c r="G39" s="169">
        <v>6</v>
      </c>
      <c r="H39" s="169">
        <v>5</v>
      </c>
      <c r="I39" s="169">
        <v>5</v>
      </c>
      <c r="J39" s="169">
        <v>3</v>
      </c>
      <c r="K39" s="169">
        <v>4</v>
      </c>
      <c r="L39" s="172">
        <v>23</v>
      </c>
      <c r="M39" s="173">
        <v>23</v>
      </c>
      <c r="N39" s="168">
        <v>0</v>
      </c>
      <c r="O39" s="169">
        <v>0</v>
      </c>
      <c r="P39" s="174">
        <v>0</v>
      </c>
      <c r="Q39" s="171">
        <v>0</v>
      </c>
      <c r="R39" s="169">
        <v>0</v>
      </c>
      <c r="S39" s="169">
        <v>0</v>
      </c>
      <c r="T39" s="169">
        <v>0</v>
      </c>
      <c r="U39" s="169">
        <v>0</v>
      </c>
      <c r="V39" s="169">
        <v>0</v>
      </c>
      <c r="W39" s="174">
        <v>0</v>
      </c>
      <c r="X39" s="173">
        <v>0</v>
      </c>
      <c r="Y39" s="168">
        <v>1</v>
      </c>
      <c r="Z39" s="169">
        <v>1</v>
      </c>
      <c r="AA39" s="174">
        <v>2</v>
      </c>
      <c r="AB39" s="171">
        <v>0</v>
      </c>
      <c r="AC39" s="169">
        <v>5</v>
      </c>
      <c r="AD39" s="169">
        <v>4</v>
      </c>
      <c r="AE39" s="169">
        <v>6</v>
      </c>
      <c r="AF39" s="169">
        <v>6</v>
      </c>
      <c r="AG39" s="169">
        <v>3</v>
      </c>
      <c r="AH39" s="174">
        <v>24</v>
      </c>
      <c r="AI39" s="173">
        <v>26</v>
      </c>
      <c r="AJ39" s="168">
        <v>0</v>
      </c>
      <c r="AK39" s="169">
        <v>0</v>
      </c>
      <c r="AL39" s="174">
        <v>0</v>
      </c>
      <c r="AM39" s="171">
        <v>0</v>
      </c>
      <c r="AN39" s="169">
        <v>1</v>
      </c>
      <c r="AO39" s="169">
        <v>1</v>
      </c>
      <c r="AP39" s="169">
        <v>0</v>
      </c>
      <c r="AQ39" s="169">
        <v>1</v>
      </c>
      <c r="AR39" s="169">
        <v>1</v>
      </c>
      <c r="AS39" s="174">
        <v>4</v>
      </c>
      <c r="AT39" s="173">
        <v>4</v>
      </c>
      <c r="AU39" s="168">
        <v>2</v>
      </c>
      <c r="AV39" s="169">
        <v>0</v>
      </c>
      <c r="AW39" s="174">
        <v>2</v>
      </c>
      <c r="AX39" s="171">
        <v>0</v>
      </c>
      <c r="AY39" s="169">
        <v>4</v>
      </c>
      <c r="AZ39" s="169">
        <v>2</v>
      </c>
      <c r="BA39" s="169">
        <v>5</v>
      </c>
      <c r="BB39" s="169">
        <v>12</v>
      </c>
      <c r="BC39" s="169">
        <v>7</v>
      </c>
      <c r="BD39" s="172">
        <v>30</v>
      </c>
      <c r="BE39" s="173">
        <v>32</v>
      </c>
      <c r="BF39" s="168">
        <v>0</v>
      </c>
      <c r="BG39" s="169">
        <v>0</v>
      </c>
      <c r="BH39" s="174">
        <v>0</v>
      </c>
      <c r="BI39" s="171">
        <v>0</v>
      </c>
      <c r="BJ39" s="169">
        <v>5</v>
      </c>
      <c r="BK39" s="169">
        <v>4</v>
      </c>
      <c r="BL39" s="169">
        <v>5</v>
      </c>
      <c r="BM39" s="169">
        <v>4</v>
      </c>
      <c r="BN39" s="169">
        <v>2</v>
      </c>
      <c r="BO39" s="174">
        <v>20</v>
      </c>
      <c r="BP39" s="173">
        <v>20</v>
      </c>
      <c r="BQ39" s="168">
        <v>1</v>
      </c>
      <c r="BR39" s="169">
        <v>1</v>
      </c>
      <c r="BS39" s="174">
        <v>2</v>
      </c>
      <c r="BT39" s="171">
        <v>0</v>
      </c>
      <c r="BU39" s="169">
        <v>7</v>
      </c>
      <c r="BV39" s="169">
        <v>6</v>
      </c>
      <c r="BW39" s="169">
        <v>2</v>
      </c>
      <c r="BX39" s="169">
        <v>1</v>
      </c>
      <c r="BY39" s="169">
        <v>1</v>
      </c>
      <c r="BZ39" s="174">
        <v>17</v>
      </c>
      <c r="CA39" s="173">
        <v>19</v>
      </c>
      <c r="CB39" s="168">
        <v>0</v>
      </c>
      <c r="CC39" s="169">
        <v>0</v>
      </c>
      <c r="CD39" s="174">
        <v>0</v>
      </c>
      <c r="CE39" s="171">
        <v>0</v>
      </c>
      <c r="CF39" s="169">
        <v>1</v>
      </c>
      <c r="CG39" s="169">
        <v>3</v>
      </c>
      <c r="CH39" s="169">
        <v>2</v>
      </c>
      <c r="CI39" s="169">
        <v>2</v>
      </c>
      <c r="CJ39" s="169">
        <v>0</v>
      </c>
      <c r="CK39" s="174">
        <v>8</v>
      </c>
      <c r="CL39" s="173">
        <v>8</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13</v>
      </c>
      <c r="DU39" s="169">
        <v>1</v>
      </c>
      <c r="DV39" s="174">
        <v>14</v>
      </c>
      <c r="DW39" s="171">
        <v>0</v>
      </c>
      <c r="DX39" s="169">
        <v>18</v>
      </c>
      <c r="DY39" s="169">
        <v>21</v>
      </c>
      <c r="DZ39" s="169">
        <v>14</v>
      </c>
      <c r="EA39" s="169">
        <v>11</v>
      </c>
      <c r="EB39" s="169">
        <v>5</v>
      </c>
      <c r="EC39" s="174">
        <v>69</v>
      </c>
      <c r="ED39" s="173">
        <v>83</v>
      </c>
      <c r="EE39" s="168">
        <v>0</v>
      </c>
      <c r="EF39" s="169">
        <v>0</v>
      </c>
      <c r="EG39" s="174">
        <v>0</v>
      </c>
      <c r="EH39" s="171">
        <v>0</v>
      </c>
      <c r="EI39" s="169">
        <v>0</v>
      </c>
      <c r="EJ39" s="169">
        <v>0</v>
      </c>
      <c r="EK39" s="169">
        <v>0</v>
      </c>
      <c r="EL39" s="169">
        <v>0</v>
      </c>
      <c r="EM39" s="169">
        <v>0</v>
      </c>
      <c r="EN39" s="174">
        <v>0</v>
      </c>
      <c r="EO39" s="173">
        <v>0</v>
      </c>
      <c r="EP39" s="168">
        <v>16</v>
      </c>
      <c r="EQ39" s="169">
        <v>2</v>
      </c>
      <c r="ER39" s="174">
        <v>18</v>
      </c>
      <c r="ES39" s="171">
        <v>0</v>
      </c>
      <c r="ET39" s="169">
        <v>26</v>
      </c>
      <c r="EU39" s="169">
        <v>24</v>
      </c>
      <c r="EV39" s="169">
        <v>17</v>
      </c>
      <c r="EW39" s="169">
        <v>11</v>
      </c>
      <c r="EX39" s="169">
        <v>5</v>
      </c>
      <c r="EY39" s="174">
        <v>83</v>
      </c>
      <c r="EZ39" s="173">
        <v>101</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8</v>
      </c>
      <c r="L1" s="458">
        <f>IF(K1&lt;3,K1+12-2,K1-2)</f>
        <v>6</v>
      </c>
      <c r="M1" s="458"/>
    </row>
    <row r="2" spans="2:156" ht="24" customHeight="1" thickBot="1" x14ac:dyDescent="0.25">
      <c r="B2" s="142" t="s">
        <v>128</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167</v>
      </c>
      <c r="H6" s="152">
        <v>1336</v>
      </c>
      <c r="I6" s="152">
        <v>735</v>
      </c>
      <c r="J6" s="152">
        <v>547</v>
      </c>
      <c r="K6" s="152">
        <v>401</v>
      </c>
      <c r="L6" s="155">
        <v>4186</v>
      </c>
      <c r="M6" s="156">
        <v>4186</v>
      </c>
      <c r="N6" s="151">
        <v>0</v>
      </c>
      <c r="O6" s="152">
        <v>1</v>
      </c>
      <c r="P6" s="157">
        <v>1</v>
      </c>
      <c r="Q6" s="154">
        <v>0</v>
      </c>
      <c r="R6" s="152">
        <v>6</v>
      </c>
      <c r="S6" s="152">
        <v>31</v>
      </c>
      <c r="T6" s="152">
        <v>46</v>
      </c>
      <c r="U6" s="152">
        <v>97</v>
      </c>
      <c r="V6" s="152">
        <v>191</v>
      </c>
      <c r="W6" s="157">
        <v>371</v>
      </c>
      <c r="X6" s="156">
        <v>372</v>
      </c>
      <c r="Y6" s="151">
        <v>197</v>
      </c>
      <c r="Z6" s="152">
        <v>425</v>
      </c>
      <c r="AA6" s="157">
        <v>622</v>
      </c>
      <c r="AB6" s="154">
        <v>0</v>
      </c>
      <c r="AC6" s="152">
        <v>915</v>
      </c>
      <c r="AD6" s="152">
        <v>1328</v>
      </c>
      <c r="AE6" s="152">
        <v>797</v>
      </c>
      <c r="AF6" s="152">
        <v>551</v>
      </c>
      <c r="AG6" s="152">
        <v>356</v>
      </c>
      <c r="AH6" s="157">
        <v>3947</v>
      </c>
      <c r="AI6" s="156">
        <v>4569</v>
      </c>
      <c r="AJ6" s="151">
        <v>28</v>
      </c>
      <c r="AK6" s="152">
        <v>54</v>
      </c>
      <c r="AL6" s="157">
        <v>82</v>
      </c>
      <c r="AM6" s="154">
        <v>0</v>
      </c>
      <c r="AN6" s="152">
        <v>84</v>
      </c>
      <c r="AO6" s="152">
        <v>113</v>
      </c>
      <c r="AP6" s="152">
        <v>81</v>
      </c>
      <c r="AQ6" s="152">
        <v>55</v>
      </c>
      <c r="AR6" s="152">
        <v>36</v>
      </c>
      <c r="AS6" s="157">
        <v>369</v>
      </c>
      <c r="AT6" s="156">
        <v>451</v>
      </c>
      <c r="AU6" s="151">
        <v>290</v>
      </c>
      <c r="AV6" s="152">
        <v>378</v>
      </c>
      <c r="AW6" s="157">
        <v>668</v>
      </c>
      <c r="AX6" s="154">
        <v>0</v>
      </c>
      <c r="AY6" s="152">
        <v>1410</v>
      </c>
      <c r="AZ6" s="152">
        <v>1765</v>
      </c>
      <c r="BA6" s="152">
        <v>1477</v>
      </c>
      <c r="BB6" s="152">
        <v>1319</v>
      </c>
      <c r="BC6" s="152">
        <v>831</v>
      </c>
      <c r="BD6" s="155">
        <v>6802</v>
      </c>
      <c r="BE6" s="156">
        <v>7470</v>
      </c>
      <c r="BF6" s="151">
        <v>0</v>
      </c>
      <c r="BG6" s="152">
        <v>0</v>
      </c>
      <c r="BH6" s="157">
        <v>0</v>
      </c>
      <c r="BI6" s="154">
        <v>0</v>
      </c>
      <c r="BJ6" s="152">
        <v>1645</v>
      </c>
      <c r="BK6" s="152">
        <v>1443</v>
      </c>
      <c r="BL6" s="152">
        <v>753</v>
      </c>
      <c r="BM6" s="152">
        <v>330</v>
      </c>
      <c r="BN6" s="152">
        <v>134</v>
      </c>
      <c r="BO6" s="157">
        <v>4305</v>
      </c>
      <c r="BP6" s="156">
        <v>4305</v>
      </c>
      <c r="BQ6" s="151">
        <v>138</v>
      </c>
      <c r="BR6" s="152">
        <v>179</v>
      </c>
      <c r="BS6" s="157">
        <v>317</v>
      </c>
      <c r="BT6" s="154">
        <v>0</v>
      </c>
      <c r="BU6" s="152">
        <v>392</v>
      </c>
      <c r="BV6" s="152">
        <v>503</v>
      </c>
      <c r="BW6" s="152">
        <v>290</v>
      </c>
      <c r="BX6" s="152">
        <v>173</v>
      </c>
      <c r="BY6" s="152">
        <v>44</v>
      </c>
      <c r="BZ6" s="157">
        <v>1402</v>
      </c>
      <c r="CA6" s="156">
        <v>1719</v>
      </c>
      <c r="CB6" s="151">
        <v>9</v>
      </c>
      <c r="CC6" s="152">
        <v>20</v>
      </c>
      <c r="CD6" s="157">
        <v>29</v>
      </c>
      <c r="CE6" s="154">
        <v>0</v>
      </c>
      <c r="CF6" s="152">
        <v>166</v>
      </c>
      <c r="CG6" s="152">
        <v>269</v>
      </c>
      <c r="CH6" s="152">
        <v>271</v>
      </c>
      <c r="CI6" s="152">
        <v>189</v>
      </c>
      <c r="CJ6" s="152">
        <v>94</v>
      </c>
      <c r="CK6" s="157">
        <v>989</v>
      </c>
      <c r="CL6" s="156">
        <v>1018</v>
      </c>
      <c r="CM6" s="151">
        <v>0</v>
      </c>
      <c r="CN6" s="152">
        <v>0</v>
      </c>
      <c r="CO6" s="157">
        <v>0</v>
      </c>
      <c r="CP6" s="154">
        <v>0</v>
      </c>
      <c r="CQ6" s="152">
        <v>16</v>
      </c>
      <c r="CR6" s="152">
        <v>58</v>
      </c>
      <c r="CS6" s="152">
        <v>57</v>
      </c>
      <c r="CT6" s="152">
        <v>37</v>
      </c>
      <c r="CU6" s="152">
        <v>19</v>
      </c>
      <c r="CV6" s="157">
        <v>187</v>
      </c>
      <c r="CW6" s="156">
        <v>187</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96</v>
      </c>
      <c r="DU6" s="152">
        <v>1377</v>
      </c>
      <c r="DV6" s="157">
        <v>2073</v>
      </c>
      <c r="DW6" s="154">
        <v>0</v>
      </c>
      <c r="DX6" s="152">
        <v>1807</v>
      </c>
      <c r="DY6" s="152">
        <v>3203</v>
      </c>
      <c r="DZ6" s="152">
        <v>1798</v>
      </c>
      <c r="EA6" s="152">
        <v>1243</v>
      </c>
      <c r="EB6" s="152">
        <v>713</v>
      </c>
      <c r="EC6" s="157">
        <v>8764</v>
      </c>
      <c r="ED6" s="156">
        <v>10837</v>
      </c>
      <c r="EE6" s="151">
        <v>174</v>
      </c>
      <c r="EF6" s="152">
        <v>133</v>
      </c>
      <c r="EG6" s="157">
        <v>307</v>
      </c>
      <c r="EH6" s="154">
        <v>0</v>
      </c>
      <c r="EI6" s="152">
        <v>578</v>
      </c>
      <c r="EJ6" s="152">
        <v>560</v>
      </c>
      <c r="EK6" s="152">
        <v>434</v>
      </c>
      <c r="EL6" s="152">
        <v>478</v>
      </c>
      <c r="EM6" s="152">
        <v>223</v>
      </c>
      <c r="EN6" s="157">
        <v>2273</v>
      </c>
      <c r="EO6" s="156">
        <v>2580</v>
      </c>
      <c r="EP6" s="151">
        <v>981</v>
      </c>
      <c r="EQ6" s="152">
        <v>1759</v>
      </c>
      <c r="ER6" s="157">
        <v>2740</v>
      </c>
      <c r="ES6" s="154">
        <v>0</v>
      </c>
      <c r="ET6" s="152">
        <v>4228</v>
      </c>
      <c r="EU6" s="152">
        <v>4364</v>
      </c>
      <c r="EV6" s="152">
        <v>2174</v>
      </c>
      <c r="EW6" s="152">
        <v>1315</v>
      </c>
      <c r="EX6" s="152">
        <v>717</v>
      </c>
      <c r="EY6" s="157">
        <v>12798</v>
      </c>
      <c r="EZ6" s="156">
        <v>15538</v>
      </c>
    </row>
    <row r="7" spans="2:156" ht="21" customHeight="1" x14ac:dyDescent="0.2">
      <c r="B7" s="158" t="s">
        <v>5</v>
      </c>
      <c r="C7" s="159">
        <v>0</v>
      </c>
      <c r="D7" s="160">
        <v>0</v>
      </c>
      <c r="E7" s="161">
        <v>0</v>
      </c>
      <c r="F7" s="162">
        <v>0</v>
      </c>
      <c r="G7" s="160">
        <v>474</v>
      </c>
      <c r="H7" s="160">
        <v>681</v>
      </c>
      <c r="I7" s="160">
        <v>363</v>
      </c>
      <c r="J7" s="160">
        <v>233</v>
      </c>
      <c r="K7" s="160">
        <v>181</v>
      </c>
      <c r="L7" s="163">
        <v>1932</v>
      </c>
      <c r="M7" s="164">
        <v>1932</v>
      </c>
      <c r="N7" s="159">
        <v>0</v>
      </c>
      <c r="O7" s="160">
        <v>1</v>
      </c>
      <c r="P7" s="165">
        <v>1</v>
      </c>
      <c r="Q7" s="162">
        <v>0</v>
      </c>
      <c r="R7" s="160">
        <v>4</v>
      </c>
      <c r="S7" s="160">
        <v>15</v>
      </c>
      <c r="T7" s="160">
        <v>19</v>
      </c>
      <c r="U7" s="160">
        <v>46</v>
      </c>
      <c r="V7" s="160">
        <v>90</v>
      </c>
      <c r="W7" s="165">
        <v>174</v>
      </c>
      <c r="X7" s="164">
        <v>175</v>
      </c>
      <c r="Y7" s="159">
        <v>88</v>
      </c>
      <c r="Z7" s="160">
        <v>249</v>
      </c>
      <c r="AA7" s="165">
        <v>337</v>
      </c>
      <c r="AB7" s="162">
        <v>0</v>
      </c>
      <c r="AC7" s="160">
        <v>375</v>
      </c>
      <c r="AD7" s="160">
        <v>693</v>
      </c>
      <c r="AE7" s="160">
        <v>405</v>
      </c>
      <c r="AF7" s="160">
        <v>257</v>
      </c>
      <c r="AG7" s="160">
        <v>156</v>
      </c>
      <c r="AH7" s="165">
        <v>1886</v>
      </c>
      <c r="AI7" s="164">
        <v>2223</v>
      </c>
      <c r="AJ7" s="159">
        <v>9</v>
      </c>
      <c r="AK7" s="160">
        <v>26</v>
      </c>
      <c r="AL7" s="165">
        <v>35</v>
      </c>
      <c r="AM7" s="162">
        <v>0</v>
      </c>
      <c r="AN7" s="160">
        <v>27</v>
      </c>
      <c r="AO7" s="160">
        <v>42</v>
      </c>
      <c r="AP7" s="160">
        <v>33</v>
      </c>
      <c r="AQ7" s="160">
        <v>19</v>
      </c>
      <c r="AR7" s="160">
        <v>13</v>
      </c>
      <c r="AS7" s="165">
        <v>134</v>
      </c>
      <c r="AT7" s="164">
        <v>169</v>
      </c>
      <c r="AU7" s="159">
        <v>121</v>
      </c>
      <c r="AV7" s="160">
        <v>210</v>
      </c>
      <c r="AW7" s="165">
        <v>331</v>
      </c>
      <c r="AX7" s="162">
        <v>0</v>
      </c>
      <c r="AY7" s="160">
        <v>508</v>
      </c>
      <c r="AZ7" s="160">
        <v>832</v>
      </c>
      <c r="BA7" s="160">
        <v>642</v>
      </c>
      <c r="BB7" s="160">
        <v>561</v>
      </c>
      <c r="BC7" s="160">
        <v>363</v>
      </c>
      <c r="BD7" s="163">
        <v>2906</v>
      </c>
      <c r="BE7" s="164">
        <v>3237</v>
      </c>
      <c r="BF7" s="159">
        <v>0</v>
      </c>
      <c r="BG7" s="160">
        <v>0</v>
      </c>
      <c r="BH7" s="165">
        <v>0</v>
      </c>
      <c r="BI7" s="162">
        <v>0</v>
      </c>
      <c r="BJ7" s="160">
        <v>583</v>
      </c>
      <c r="BK7" s="160">
        <v>630</v>
      </c>
      <c r="BL7" s="160">
        <v>309</v>
      </c>
      <c r="BM7" s="160">
        <v>131</v>
      </c>
      <c r="BN7" s="160">
        <v>64</v>
      </c>
      <c r="BO7" s="165">
        <v>1717</v>
      </c>
      <c r="BP7" s="164">
        <v>1717</v>
      </c>
      <c r="BQ7" s="159">
        <v>65</v>
      </c>
      <c r="BR7" s="160">
        <v>88</v>
      </c>
      <c r="BS7" s="165">
        <v>153</v>
      </c>
      <c r="BT7" s="162">
        <v>0</v>
      </c>
      <c r="BU7" s="160">
        <v>129</v>
      </c>
      <c r="BV7" s="160">
        <v>234</v>
      </c>
      <c r="BW7" s="160">
        <v>145</v>
      </c>
      <c r="BX7" s="160">
        <v>86</v>
      </c>
      <c r="BY7" s="160">
        <v>17</v>
      </c>
      <c r="BZ7" s="165">
        <v>611</v>
      </c>
      <c r="CA7" s="164">
        <v>764</v>
      </c>
      <c r="CB7" s="159">
        <v>2</v>
      </c>
      <c r="CC7" s="160">
        <v>8</v>
      </c>
      <c r="CD7" s="165">
        <v>10</v>
      </c>
      <c r="CE7" s="162">
        <v>0</v>
      </c>
      <c r="CF7" s="160">
        <v>57</v>
      </c>
      <c r="CG7" s="160">
        <v>116</v>
      </c>
      <c r="CH7" s="160">
        <v>108</v>
      </c>
      <c r="CI7" s="160">
        <v>73</v>
      </c>
      <c r="CJ7" s="160">
        <v>36</v>
      </c>
      <c r="CK7" s="165">
        <v>390</v>
      </c>
      <c r="CL7" s="164">
        <v>400</v>
      </c>
      <c r="CM7" s="159">
        <v>0</v>
      </c>
      <c r="CN7" s="160">
        <v>0</v>
      </c>
      <c r="CO7" s="165">
        <v>0</v>
      </c>
      <c r="CP7" s="162">
        <v>0</v>
      </c>
      <c r="CQ7" s="160">
        <v>7</v>
      </c>
      <c r="CR7" s="160">
        <v>34</v>
      </c>
      <c r="CS7" s="160">
        <v>33</v>
      </c>
      <c r="CT7" s="160">
        <v>26</v>
      </c>
      <c r="CU7" s="160">
        <v>15</v>
      </c>
      <c r="CV7" s="165">
        <v>115</v>
      </c>
      <c r="CW7" s="164">
        <v>115</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48</v>
      </c>
      <c r="DU7" s="160">
        <v>662</v>
      </c>
      <c r="DV7" s="165">
        <v>910</v>
      </c>
      <c r="DW7" s="162">
        <v>0</v>
      </c>
      <c r="DX7" s="160">
        <v>578</v>
      </c>
      <c r="DY7" s="160">
        <v>1508</v>
      </c>
      <c r="DZ7" s="160">
        <v>829</v>
      </c>
      <c r="EA7" s="160">
        <v>540</v>
      </c>
      <c r="EB7" s="160">
        <v>310</v>
      </c>
      <c r="EC7" s="165">
        <v>3765</v>
      </c>
      <c r="ED7" s="164">
        <v>4675</v>
      </c>
      <c r="EE7" s="159">
        <v>65</v>
      </c>
      <c r="EF7" s="160">
        <v>72</v>
      </c>
      <c r="EG7" s="165">
        <v>137</v>
      </c>
      <c r="EH7" s="162">
        <v>0</v>
      </c>
      <c r="EI7" s="160">
        <v>205</v>
      </c>
      <c r="EJ7" s="160">
        <v>274</v>
      </c>
      <c r="EK7" s="160">
        <v>185</v>
      </c>
      <c r="EL7" s="160">
        <v>214</v>
      </c>
      <c r="EM7" s="160">
        <v>98</v>
      </c>
      <c r="EN7" s="165">
        <v>976</v>
      </c>
      <c r="EO7" s="164">
        <v>1113</v>
      </c>
      <c r="EP7" s="159">
        <v>382</v>
      </c>
      <c r="EQ7" s="160">
        <v>873</v>
      </c>
      <c r="ER7" s="165">
        <v>1255</v>
      </c>
      <c r="ES7" s="162">
        <v>0</v>
      </c>
      <c r="ET7" s="160">
        <v>1539</v>
      </c>
      <c r="EU7" s="160">
        <v>2056</v>
      </c>
      <c r="EV7" s="160">
        <v>1003</v>
      </c>
      <c r="EW7" s="160">
        <v>574</v>
      </c>
      <c r="EX7" s="160">
        <v>313</v>
      </c>
      <c r="EY7" s="165">
        <v>5485</v>
      </c>
      <c r="EZ7" s="164">
        <v>6740</v>
      </c>
    </row>
    <row r="8" spans="2:156" ht="21" customHeight="1" x14ac:dyDescent="0.2">
      <c r="B8" s="166" t="s">
        <v>6</v>
      </c>
      <c r="C8" s="159">
        <v>0</v>
      </c>
      <c r="D8" s="160">
        <v>0</v>
      </c>
      <c r="E8" s="161">
        <v>0</v>
      </c>
      <c r="F8" s="162">
        <v>0</v>
      </c>
      <c r="G8" s="160">
        <v>174</v>
      </c>
      <c r="H8" s="160">
        <v>163</v>
      </c>
      <c r="I8" s="160">
        <v>73</v>
      </c>
      <c r="J8" s="160">
        <v>65</v>
      </c>
      <c r="K8" s="160">
        <v>50</v>
      </c>
      <c r="L8" s="163">
        <v>525</v>
      </c>
      <c r="M8" s="164">
        <v>525</v>
      </c>
      <c r="N8" s="159">
        <v>0</v>
      </c>
      <c r="O8" s="160">
        <v>0</v>
      </c>
      <c r="P8" s="165">
        <v>0</v>
      </c>
      <c r="Q8" s="162">
        <v>0</v>
      </c>
      <c r="R8" s="160">
        <v>1</v>
      </c>
      <c r="S8" s="160">
        <v>3</v>
      </c>
      <c r="T8" s="160">
        <v>2</v>
      </c>
      <c r="U8" s="160">
        <v>7</v>
      </c>
      <c r="V8" s="160">
        <v>23</v>
      </c>
      <c r="W8" s="165">
        <v>36</v>
      </c>
      <c r="X8" s="164">
        <v>36</v>
      </c>
      <c r="Y8" s="159">
        <v>21</v>
      </c>
      <c r="Z8" s="160">
        <v>45</v>
      </c>
      <c r="AA8" s="165">
        <v>66</v>
      </c>
      <c r="AB8" s="162">
        <v>0</v>
      </c>
      <c r="AC8" s="160">
        <v>140</v>
      </c>
      <c r="AD8" s="160">
        <v>164</v>
      </c>
      <c r="AE8" s="160">
        <v>72</v>
      </c>
      <c r="AF8" s="160">
        <v>65</v>
      </c>
      <c r="AG8" s="160">
        <v>49</v>
      </c>
      <c r="AH8" s="165">
        <v>490</v>
      </c>
      <c r="AI8" s="164">
        <v>556</v>
      </c>
      <c r="AJ8" s="159">
        <v>4</v>
      </c>
      <c r="AK8" s="160">
        <v>4</v>
      </c>
      <c r="AL8" s="165">
        <v>8</v>
      </c>
      <c r="AM8" s="162">
        <v>0</v>
      </c>
      <c r="AN8" s="160">
        <v>17</v>
      </c>
      <c r="AO8" s="160">
        <v>19</v>
      </c>
      <c r="AP8" s="160">
        <v>7</v>
      </c>
      <c r="AQ8" s="160">
        <v>6</v>
      </c>
      <c r="AR8" s="160">
        <v>6</v>
      </c>
      <c r="AS8" s="165">
        <v>55</v>
      </c>
      <c r="AT8" s="164">
        <v>63</v>
      </c>
      <c r="AU8" s="159">
        <v>46</v>
      </c>
      <c r="AV8" s="160">
        <v>57</v>
      </c>
      <c r="AW8" s="165">
        <v>103</v>
      </c>
      <c r="AX8" s="162">
        <v>0</v>
      </c>
      <c r="AY8" s="160">
        <v>241</v>
      </c>
      <c r="AZ8" s="160">
        <v>232</v>
      </c>
      <c r="BA8" s="160">
        <v>175</v>
      </c>
      <c r="BB8" s="160">
        <v>189</v>
      </c>
      <c r="BC8" s="160">
        <v>115</v>
      </c>
      <c r="BD8" s="163">
        <v>952</v>
      </c>
      <c r="BE8" s="164">
        <v>1055</v>
      </c>
      <c r="BF8" s="159">
        <v>0</v>
      </c>
      <c r="BG8" s="160">
        <v>0</v>
      </c>
      <c r="BH8" s="165">
        <v>0</v>
      </c>
      <c r="BI8" s="162">
        <v>0</v>
      </c>
      <c r="BJ8" s="160">
        <v>242</v>
      </c>
      <c r="BK8" s="160">
        <v>211</v>
      </c>
      <c r="BL8" s="160">
        <v>88</v>
      </c>
      <c r="BM8" s="160">
        <v>45</v>
      </c>
      <c r="BN8" s="160">
        <v>17</v>
      </c>
      <c r="BO8" s="165">
        <v>603</v>
      </c>
      <c r="BP8" s="164">
        <v>603</v>
      </c>
      <c r="BQ8" s="159">
        <v>10</v>
      </c>
      <c r="BR8" s="160">
        <v>11</v>
      </c>
      <c r="BS8" s="165">
        <v>21</v>
      </c>
      <c r="BT8" s="162">
        <v>0</v>
      </c>
      <c r="BU8" s="160">
        <v>51</v>
      </c>
      <c r="BV8" s="160">
        <v>60</v>
      </c>
      <c r="BW8" s="160">
        <v>29</v>
      </c>
      <c r="BX8" s="160">
        <v>21</v>
      </c>
      <c r="BY8" s="160">
        <v>6</v>
      </c>
      <c r="BZ8" s="165">
        <v>167</v>
      </c>
      <c r="CA8" s="164">
        <v>188</v>
      </c>
      <c r="CB8" s="159">
        <v>2</v>
      </c>
      <c r="CC8" s="160">
        <v>3</v>
      </c>
      <c r="CD8" s="165">
        <v>5</v>
      </c>
      <c r="CE8" s="162">
        <v>0</v>
      </c>
      <c r="CF8" s="160">
        <v>15</v>
      </c>
      <c r="CG8" s="160">
        <v>33</v>
      </c>
      <c r="CH8" s="160">
        <v>23</v>
      </c>
      <c r="CI8" s="160">
        <v>17</v>
      </c>
      <c r="CJ8" s="160">
        <v>15</v>
      </c>
      <c r="CK8" s="165">
        <v>103</v>
      </c>
      <c r="CL8" s="164">
        <v>108</v>
      </c>
      <c r="CM8" s="159">
        <v>0</v>
      </c>
      <c r="CN8" s="160">
        <v>0</v>
      </c>
      <c r="CO8" s="165">
        <v>0</v>
      </c>
      <c r="CP8" s="162">
        <v>0</v>
      </c>
      <c r="CQ8" s="160">
        <v>3</v>
      </c>
      <c r="CR8" s="160">
        <v>7</v>
      </c>
      <c r="CS8" s="160">
        <v>5</v>
      </c>
      <c r="CT8" s="160">
        <v>4</v>
      </c>
      <c r="CU8" s="160">
        <v>3</v>
      </c>
      <c r="CV8" s="165">
        <v>22</v>
      </c>
      <c r="CW8" s="164">
        <v>22</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80</v>
      </c>
      <c r="DU8" s="160">
        <v>129</v>
      </c>
      <c r="DV8" s="165">
        <v>209</v>
      </c>
      <c r="DW8" s="162">
        <v>0</v>
      </c>
      <c r="DX8" s="160">
        <v>272</v>
      </c>
      <c r="DY8" s="160">
        <v>385</v>
      </c>
      <c r="DZ8" s="160">
        <v>187</v>
      </c>
      <c r="EA8" s="160">
        <v>160</v>
      </c>
      <c r="EB8" s="160">
        <v>91</v>
      </c>
      <c r="EC8" s="165">
        <v>1095</v>
      </c>
      <c r="ED8" s="164">
        <v>1304</v>
      </c>
      <c r="EE8" s="159">
        <v>25</v>
      </c>
      <c r="EF8" s="160">
        <v>16</v>
      </c>
      <c r="EG8" s="165">
        <v>41</v>
      </c>
      <c r="EH8" s="162">
        <v>0</v>
      </c>
      <c r="EI8" s="160">
        <v>94</v>
      </c>
      <c r="EJ8" s="160">
        <v>65</v>
      </c>
      <c r="EK8" s="160">
        <v>63</v>
      </c>
      <c r="EL8" s="160">
        <v>64</v>
      </c>
      <c r="EM8" s="160">
        <v>29</v>
      </c>
      <c r="EN8" s="165">
        <v>315</v>
      </c>
      <c r="EO8" s="164">
        <v>356</v>
      </c>
      <c r="EP8" s="159">
        <v>104</v>
      </c>
      <c r="EQ8" s="160">
        <v>166</v>
      </c>
      <c r="ER8" s="165">
        <v>270</v>
      </c>
      <c r="ES8" s="162">
        <v>0</v>
      </c>
      <c r="ET8" s="160">
        <v>591</v>
      </c>
      <c r="EU8" s="160">
        <v>535</v>
      </c>
      <c r="EV8" s="160">
        <v>221</v>
      </c>
      <c r="EW8" s="160">
        <v>157</v>
      </c>
      <c r="EX8" s="160">
        <v>96</v>
      </c>
      <c r="EY8" s="165">
        <v>1600</v>
      </c>
      <c r="EZ8" s="164">
        <v>1870</v>
      </c>
    </row>
    <row r="9" spans="2:156" ht="21" customHeight="1" x14ac:dyDescent="0.2">
      <c r="B9" s="166" t="s">
        <v>14</v>
      </c>
      <c r="C9" s="159">
        <v>0</v>
      </c>
      <c r="D9" s="160">
        <v>0</v>
      </c>
      <c r="E9" s="161">
        <v>0</v>
      </c>
      <c r="F9" s="162">
        <v>0</v>
      </c>
      <c r="G9" s="160">
        <v>57</v>
      </c>
      <c r="H9" s="160">
        <v>104</v>
      </c>
      <c r="I9" s="160">
        <v>50</v>
      </c>
      <c r="J9" s="160">
        <v>33</v>
      </c>
      <c r="K9" s="160">
        <v>28</v>
      </c>
      <c r="L9" s="163">
        <v>272</v>
      </c>
      <c r="M9" s="164">
        <v>272</v>
      </c>
      <c r="N9" s="159">
        <v>0</v>
      </c>
      <c r="O9" s="160">
        <v>0</v>
      </c>
      <c r="P9" s="165">
        <v>0</v>
      </c>
      <c r="Q9" s="162">
        <v>0</v>
      </c>
      <c r="R9" s="160">
        <v>0</v>
      </c>
      <c r="S9" s="160">
        <v>3</v>
      </c>
      <c r="T9" s="160">
        <v>4</v>
      </c>
      <c r="U9" s="160">
        <v>5</v>
      </c>
      <c r="V9" s="160">
        <v>6</v>
      </c>
      <c r="W9" s="165">
        <v>18</v>
      </c>
      <c r="X9" s="164">
        <v>18</v>
      </c>
      <c r="Y9" s="159">
        <v>13</v>
      </c>
      <c r="Z9" s="160">
        <v>30</v>
      </c>
      <c r="AA9" s="165">
        <v>43</v>
      </c>
      <c r="AB9" s="162">
        <v>0</v>
      </c>
      <c r="AC9" s="160">
        <v>46</v>
      </c>
      <c r="AD9" s="160">
        <v>93</v>
      </c>
      <c r="AE9" s="160">
        <v>61</v>
      </c>
      <c r="AF9" s="160">
        <v>42</v>
      </c>
      <c r="AG9" s="160">
        <v>27</v>
      </c>
      <c r="AH9" s="165">
        <v>269</v>
      </c>
      <c r="AI9" s="164">
        <v>312</v>
      </c>
      <c r="AJ9" s="159">
        <v>1</v>
      </c>
      <c r="AK9" s="160">
        <v>2</v>
      </c>
      <c r="AL9" s="165">
        <v>3</v>
      </c>
      <c r="AM9" s="162">
        <v>0</v>
      </c>
      <c r="AN9" s="160">
        <v>0</v>
      </c>
      <c r="AO9" s="160">
        <v>3</v>
      </c>
      <c r="AP9" s="160">
        <v>2</v>
      </c>
      <c r="AQ9" s="160">
        <v>3</v>
      </c>
      <c r="AR9" s="160">
        <v>1</v>
      </c>
      <c r="AS9" s="165">
        <v>9</v>
      </c>
      <c r="AT9" s="164">
        <v>12</v>
      </c>
      <c r="AU9" s="159">
        <v>27</v>
      </c>
      <c r="AV9" s="160">
        <v>24</v>
      </c>
      <c r="AW9" s="165">
        <v>51</v>
      </c>
      <c r="AX9" s="162">
        <v>0</v>
      </c>
      <c r="AY9" s="160">
        <v>89</v>
      </c>
      <c r="AZ9" s="160">
        <v>129</v>
      </c>
      <c r="BA9" s="160">
        <v>111</v>
      </c>
      <c r="BB9" s="160">
        <v>95</v>
      </c>
      <c r="BC9" s="160">
        <v>58</v>
      </c>
      <c r="BD9" s="163">
        <v>482</v>
      </c>
      <c r="BE9" s="164">
        <v>533</v>
      </c>
      <c r="BF9" s="159">
        <v>0</v>
      </c>
      <c r="BG9" s="160">
        <v>0</v>
      </c>
      <c r="BH9" s="165">
        <v>0</v>
      </c>
      <c r="BI9" s="162">
        <v>0</v>
      </c>
      <c r="BJ9" s="160">
        <v>107</v>
      </c>
      <c r="BK9" s="160">
        <v>127</v>
      </c>
      <c r="BL9" s="160">
        <v>89</v>
      </c>
      <c r="BM9" s="160">
        <v>37</v>
      </c>
      <c r="BN9" s="160">
        <v>13</v>
      </c>
      <c r="BO9" s="165">
        <v>373</v>
      </c>
      <c r="BP9" s="164">
        <v>373</v>
      </c>
      <c r="BQ9" s="159">
        <v>6</v>
      </c>
      <c r="BR9" s="160">
        <v>13</v>
      </c>
      <c r="BS9" s="165">
        <v>19</v>
      </c>
      <c r="BT9" s="162">
        <v>0</v>
      </c>
      <c r="BU9" s="160">
        <v>12</v>
      </c>
      <c r="BV9" s="160">
        <v>27</v>
      </c>
      <c r="BW9" s="160">
        <v>17</v>
      </c>
      <c r="BX9" s="160">
        <v>8</v>
      </c>
      <c r="BY9" s="160">
        <v>1</v>
      </c>
      <c r="BZ9" s="165">
        <v>65</v>
      </c>
      <c r="CA9" s="164">
        <v>84</v>
      </c>
      <c r="CB9" s="159">
        <v>1</v>
      </c>
      <c r="CC9" s="160">
        <v>0</v>
      </c>
      <c r="CD9" s="165">
        <v>1</v>
      </c>
      <c r="CE9" s="162">
        <v>0</v>
      </c>
      <c r="CF9" s="160">
        <v>6</v>
      </c>
      <c r="CG9" s="160">
        <v>16</v>
      </c>
      <c r="CH9" s="160">
        <v>27</v>
      </c>
      <c r="CI9" s="160">
        <v>14</v>
      </c>
      <c r="CJ9" s="160">
        <v>8</v>
      </c>
      <c r="CK9" s="165">
        <v>71</v>
      </c>
      <c r="CL9" s="164">
        <v>72</v>
      </c>
      <c r="CM9" s="159">
        <v>0</v>
      </c>
      <c r="CN9" s="160">
        <v>0</v>
      </c>
      <c r="CO9" s="165">
        <v>0</v>
      </c>
      <c r="CP9" s="162">
        <v>0</v>
      </c>
      <c r="CQ9" s="160">
        <v>0</v>
      </c>
      <c r="CR9" s="160">
        <v>2</v>
      </c>
      <c r="CS9" s="160">
        <v>3</v>
      </c>
      <c r="CT9" s="160">
        <v>2</v>
      </c>
      <c r="CU9" s="160">
        <v>0</v>
      </c>
      <c r="CV9" s="165">
        <v>7</v>
      </c>
      <c r="CW9" s="164">
        <v>7</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6</v>
      </c>
      <c r="DU9" s="160">
        <v>124</v>
      </c>
      <c r="DV9" s="165">
        <v>160</v>
      </c>
      <c r="DW9" s="162">
        <v>0</v>
      </c>
      <c r="DX9" s="160">
        <v>116</v>
      </c>
      <c r="DY9" s="160">
        <v>247</v>
      </c>
      <c r="DZ9" s="160">
        <v>159</v>
      </c>
      <c r="EA9" s="160">
        <v>106</v>
      </c>
      <c r="EB9" s="160">
        <v>53</v>
      </c>
      <c r="EC9" s="165">
        <v>681</v>
      </c>
      <c r="ED9" s="164">
        <v>841</v>
      </c>
      <c r="EE9" s="159">
        <v>14</v>
      </c>
      <c r="EF9" s="160">
        <v>7</v>
      </c>
      <c r="EG9" s="165">
        <v>21</v>
      </c>
      <c r="EH9" s="162">
        <v>0</v>
      </c>
      <c r="EI9" s="160">
        <v>35</v>
      </c>
      <c r="EJ9" s="160">
        <v>32</v>
      </c>
      <c r="EK9" s="160">
        <v>26</v>
      </c>
      <c r="EL9" s="160">
        <v>22</v>
      </c>
      <c r="EM9" s="160">
        <v>12</v>
      </c>
      <c r="EN9" s="165">
        <v>127</v>
      </c>
      <c r="EO9" s="164">
        <v>148</v>
      </c>
      <c r="EP9" s="159">
        <v>51</v>
      </c>
      <c r="EQ9" s="160">
        <v>152</v>
      </c>
      <c r="ER9" s="165">
        <v>203</v>
      </c>
      <c r="ES9" s="162">
        <v>0</v>
      </c>
      <c r="ET9" s="160">
        <v>261</v>
      </c>
      <c r="EU9" s="160">
        <v>339</v>
      </c>
      <c r="EV9" s="160">
        <v>198</v>
      </c>
      <c r="EW9" s="160">
        <v>109</v>
      </c>
      <c r="EX9" s="160">
        <v>54</v>
      </c>
      <c r="EY9" s="165">
        <v>961</v>
      </c>
      <c r="EZ9" s="164">
        <v>1164</v>
      </c>
    </row>
    <row r="10" spans="2:156" ht="21" customHeight="1" x14ac:dyDescent="0.2">
      <c r="B10" s="166" t="s">
        <v>7</v>
      </c>
      <c r="C10" s="159">
        <v>0</v>
      </c>
      <c r="D10" s="160">
        <v>0</v>
      </c>
      <c r="E10" s="161">
        <v>0</v>
      </c>
      <c r="F10" s="162">
        <v>0</v>
      </c>
      <c r="G10" s="160">
        <v>98</v>
      </c>
      <c r="H10" s="160">
        <v>86</v>
      </c>
      <c r="I10" s="160">
        <v>36</v>
      </c>
      <c r="J10" s="160">
        <v>40</v>
      </c>
      <c r="K10" s="160">
        <v>23</v>
      </c>
      <c r="L10" s="163">
        <v>283</v>
      </c>
      <c r="M10" s="164">
        <v>283</v>
      </c>
      <c r="N10" s="159">
        <v>0</v>
      </c>
      <c r="O10" s="160">
        <v>0</v>
      </c>
      <c r="P10" s="165">
        <v>0</v>
      </c>
      <c r="Q10" s="162">
        <v>0</v>
      </c>
      <c r="R10" s="160">
        <v>0</v>
      </c>
      <c r="S10" s="160">
        <v>2</v>
      </c>
      <c r="T10" s="160">
        <v>3</v>
      </c>
      <c r="U10" s="160">
        <v>6</v>
      </c>
      <c r="V10" s="160">
        <v>13</v>
      </c>
      <c r="W10" s="165">
        <v>24</v>
      </c>
      <c r="X10" s="164">
        <v>24</v>
      </c>
      <c r="Y10" s="159">
        <v>3</v>
      </c>
      <c r="Z10" s="160">
        <v>2</v>
      </c>
      <c r="AA10" s="165">
        <v>5</v>
      </c>
      <c r="AB10" s="162">
        <v>0</v>
      </c>
      <c r="AC10" s="160">
        <v>52</v>
      </c>
      <c r="AD10" s="160">
        <v>55</v>
      </c>
      <c r="AE10" s="160">
        <v>22</v>
      </c>
      <c r="AF10" s="160">
        <v>21</v>
      </c>
      <c r="AG10" s="160">
        <v>24</v>
      </c>
      <c r="AH10" s="165">
        <v>174</v>
      </c>
      <c r="AI10" s="164">
        <v>179</v>
      </c>
      <c r="AJ10" s="159">
        <v>0</v>
      </c>
      <c r="AK10" s="160">
        <v>1</v>
      </c>
      <c r="AL10" s="165">
        <v>1</v>
      </c>
      <c r="AM10" s="162">
        <v>0</v>
      </c>
      <c r="AN10" s="160">
        <v>4</v>
      </c>
      <c r="AO10" s="160">
        <v>7</v>
      </c>
      <c r="AP10" s="160">
        <v>4</v>
      </c>
      <c r="AQ10" s="160">
        <v>4</v>
      </c>
      <c r="AR10" s="160">
        <v>1</v>
      </c>
      <c r="AS10" s="165">
        <v>20</v>
      </c>
      <c r="AT10" s="164">
        <v>21</v>
      </c>
      <c r="AU10" s="159">
        <v>19</v>
      </c>
      <c r="AV10" s="160">
        <v>11</v>
      </c>
      <c r="AW10" s="165">
        <v>30</v>
      </c>
      <c r="AX10" s="162">
        <v>0</v>
      </c>
      <c r="AY10" s="160">
        <v>112</v>
      </c>
      <c r="AZ10" s="160">
        <v>127</v>
      </c>
      <c r="BA10" s="160">
        <v>96</v>
      </c>
      <c r="BB10" s="160">
        <v>73</v>
      </c>
      <c r="BC10" s="160">
        <v>52</v>
      </c>
      <c r="BD10" s="163">
        <v>460</v>
      </c>
      <c r="BE10" s="164">
        <v>490</v>
      </c>
      <c r="BF10" s="159">
        <v>0</v>
      </c>
      <c r="BG10" s="160">
        <v>0</v>
      </c>
      <c r="BH10" s="165">
        <v>0</v>
      </c>
      <c r="BI10" s="162">
        <v>0</v>
      </c>
      <c r="BJ10" s="160">
        <v>158</v>
      </c>
      <c r="BK10" s="160">
        <v>85</v>
      </c>
      <c r="BL10" s="160">
        <v>51</v>
      </c>
      <c r="BM10" s="160">
        <v>10</v>
      </c>
      <c r="BN10" s="160">
        <v>6</v>
      </c>
      <c r="BO10" s="165">
        <v>310</v>
      </c>
      <c r="BP10" s="164">
        <v>310</v>
      </c>
      <c r="BQ10" s="159">
        <v>1</v>
      </c>
      <c r="BR10" s="160">
        <v>4</v>
      </c>
      <c r="BS10" s="165">
        <v>5</v>
      </c>
      <c r="BT10" s="162">
        <v>0</v>
      </c>
      <c r="BU10" s="160">
        <v>21</v>
      </c>
      <c r="BV10" s="160">
        <v>23</v>
      </c>
      <c r="BW10" s="160">
        <v>7</v>
      </c>
      <c r="BX10" s="160">
        <v>4</v>
      </c>
      <c r="BY10" s="160">
        <v>2</v>
      </c>
      <c r="BZ10" s="165">
        <v>57</v>
      </c>
      <c r="CA10" s="164">
        <v>62</v>
      </c>
      <c r="CB10" s="159">
        <v>1</v>
      </c>
      <c r="CC10" s="160">
        <v>1</v>
      </c>
      <c r="CD10" s="165">
        <v>2</v>
      </c>
      <c r="CE10" s="162">
        <v>0</v>
      </c>
      <c r="CF10" s="160">
        <v>17</v>
      </c>
      <c r="CG10" s="160">
        <v>30</v>
      </c>
      <c r="CH10" s="160">
        <v>25</v>
      </c>
      <c r="CI10" s="160">
        <v>10</v>
      </c>
      <c r="CJ10" s="160">
        <v>8</v>
      </c>
      <c r="CK10" s="165">
        <v>90</v>
      </c>
      <c r="CL10" s="164">
        <v>92</v>
      </c>
      <c r="CM10" s="159">
        <v>0</v>
      </c>
      <c r="CN10" s="160">
        <v>0</v>
      </c>
      <c r="CO10" s="165">
        <v>0</v>
      </c>
      <c r="CP10" s="162">
        <v>0</v>
      </c>
      <c r="CQ10" s="160">
        <v>1</v>
      </c>
      <c r="CR10" s="160">
        <v>2</v>
      </c>
      <c r="CS10" s="160">
        <v>1</v>
      </c>
      <c r="CT10" s="160">
        <v>1</v>
      </c>
      <c r="CU10" s="160">
        <v>1</v>
      </c>
      <c r="CV10" s="165">
        <v>6</v>
      </c>
      <c r="CW10" s="164">
        <v>6</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2</v>
      </c>
      <c r="DU10" s="160">
        <v>44</v>
      </c>
      <c r="DV10" s="165">
        <v>76</v>
      </c>
      <c r="DW10" s="162">
        <v>0</v>
      </c>
      <c r="DX10" s="160">
        <v>170</v>
      </c>
      <c r="DY10" s="160">
        <v>188</v>
      </c>
      <c r="DZ10" s="160">
        <v>83</v>
      </c>
      <c r="EA10" s="160">
        <v>62</v>
      </c>
      <c r="EB10" s="160">
        <v>39</v>
      </c>
      <c r="EC10" s="165">
        <v>542</v>
      </c>
      <c r="ED10" s="164">
        <v>618</v>
      </c>
      <c r="EE10" s="159">
        <v>14</v>
      </c>
      <c r="EF10" s="160">
        <v>11</v>
      </c>
      <c r="EG10" s="165">
        <v>25</v>
      </c>
      <c r="EH10" s="162">
        <v>0</v>
      </c>
      <c r="EI10" s="160">
        <v>43</v>
      </c>
      <c r="EJ10" s="160">
        <v>38</v>
      </c>
      <c r="EK10" s="160">
        <v>33</v>
      </c>
      <c r="EL10" s="160">
        <v>24</v>
      </c>
      <c r="EM10" s="160">
        <v>19</v>
      </c>
      <c r="EN10" s="165">
        <v>157</v>
      </c>
      <c r="EO10" s="164">
        <v>182</v>
      </c>
      <c r="EP10" s="159">
        <v>37</v>
      </c>
      <c r="EQ10" s="160">
        <v>46</v>
      </c>
      <c r="ER10" s="165">
        <v>83</v>
      </c>
      <c r="ES10" s="162">
        <v>0</v>
      </c>
      <c r="ET10" s="160">
        <v>373</v>
      </c>
      <c r="EU10" s="160">
        <v>261</v>
      </c>
      <c r="EV10" s="160">
        <v>112</v>
      </c>
      <c r="EW10" s="160">
        <v>71</v>
      </c>
      <c r="EX10" s="160">
        <v>37</v>
      </c>
      <c r="EY10" s="165">
        <v>854</v>
      </c>
      <c r="EZ10" s="164">
        <v>937</v>
      </c>
    </row>
    <row r="11" spans="2:156" ht="21" customHeight="1" x14ac:dyDescent="0.2">
      <c r="B11" s="166" t="s">
        <v>8</v>
      </c>
      <c r="C11" s="159">
        <v>0</v>
      </c>
      <c r="D11" s="160">
        <v>0</v>
      </c>
      <c r="E11" s="161">
        <v>0</v>
      </c>
      <c r="F11" s="162">
        <v>0</v>
      </c>
      <c r="G11" s="160">
        <v>25</v>
      </c>
      <c r="H11" s="160">
        <v>21</v>
      </c>
      <c r="I11" s="160">
        <v>24</v>
      </c>
      <c r="J11" s="160">
        <v>13</v>
      </c>
      <c r="K11" s="160">
        <v>13</v>
      </c>
      <c r="L11" s="163">
        <v>96</v>
      </c>
      <c r="M11" s="164">
        <v>96</v>
      </c>
      <c r="N11" s="159">
        <v>0</v>
      </c>
      <c r="O11" s="160">
        <v>0</v>
      </c>
      <c r="P11" s="165">
        <v>0</v>
      </c>
      <c r="Q11" s="162">
        <v>0</v>
      </c>
      <c r="R11" s="160">
        <v>0</v>
      </c>
      <c r="S11" s="160">
        <v>1</v>
      </c>
      <c r="T11" s="160">
        <v>4</v>
      </c>
      <c r="U11" s="160">
        <v>2</v>
      </c>
      <c r="V11" s="160">
        <v>7</v>
      </c>
      <c r="W11" s="165">
        <v>14</v>
      </c>
      <c r="X11" s="164">
        <v>14</v>
      </c>
      <c r="Y11" s="159">
        <v>5</v>
      </c>
      <c r="Z11" s="160">
        <v>2</v>
      </c>
      <c r="AA11" s="165">
        <v>7</v>
      </c>
      <c r="AB11" s="162">
        <v>0</v>
      </c>
      <c r="AC11" s="160">
        <v>18</v>
      </c>
      <c r="AD11" s="160">
        <v>24</v>
      </c>
      <c r="AE11" s="160">
        <v>26</v>
      </c>
      <c r="AF11" s="160">
        <v>12</v>
      </c>
      <c r="AG11" s="160">
        <v>11</v>
      </c>
      <c r="AH11" s="165">
        <v>91</v>
      </c>
      <c r="AI11" s="164">
        <v>98</v>
      </c>
      <c r="AJ11" s="159">
        <v>1</v>
      </c>
      <c r="AK11" s="160">
        <v>1</v>
      </c>
      <c r="AL11" s="165">
        <v>2</v>
      </c>
      <c r="AM11" s="162">
        <v>0</v>
      </c>
      <c r="AN11" s="160">
        <v>7</v>
      </c>
      <c r="AO11" s="160">
        <v>2</v>
      </c>
      <c r="AP11" s="160">
        <v>6</v>
      </c>
      <c r="AQ11" s="160">
        <v>0</v>
      </c>
      <c r="AR11" s="160">
        <v>1</v>
      </c>
      <c r="AS11" s="165">
        <v>16</v>
      </c>
      <c r="AT11" s="164">
        <v>18</v>
      </c>
      <c r="AU11" s="159">
        <v>6</v>
      </c>
      <c r="AV11" s="160">
        <v>4</v>
      </c>
      <c r="AW11" s="165">
        <v>10</v>
      </c>
      <c r="AX11" s="162">
        <v>0</v>
      </c>
      <c r="AY11" s="160">
        <v>41</v>
      </c>
      <c r="AZ11" s="160">
        <v>35</v>
      </c>
      <c r="BA11" s="160">
        <v>44</v>
      </c>
      <c r="BB11" s="160">
        <v>32</v>
      </c>
      <c r="BC11" s="160">
        <v>22</v>
      </c>
      <c r="BD11" s="163">
        <v>174</v>
      </c>
      <c r="BE11" s="164">
        <v>184</v>
      </c>
      <c r="BF11" s="159">
        <v>0</v>
      </c>
      <c r="BG11" s="160">
        <v>0</v>
      </c>
      <c r="BH11" s="165">
        <v>0</v>
      </c>
      <c r="BI11" s="162">
        <v>0</v>
      </c>
      <c r="BJ11" s="160">
        <v>35</v>
      </c>
      <c r="BK11" s="160">
        <v>35</v>
      </c>
      <c r="BL11" s="160">
        <v>18</v>
      </c>
      <c r="BM11" s="160">
        <v>13</v>
      </c>
      <c r="BN11" s="160">
        <v>6</v>
      </c>
      <c r="BO11" s="165">
        <v>107</v>
      </c>
      <c r="BP11" s="164">
        <v>107</v>
      </c>
      <c r="BQ11" s="159">
        <v>5</v>
      </c>
      <c r="BR11" s="160">
        <v>3</v>
      </c>
      <c r="BS11" s="165">
        <v>8</v>
      </c>
      <c r="BT11" s="162">
        <v>0</v>
      </c>
      <c r="BU11" s="160">
        <v>10</v>
      </c>
      <c r="BV11" s="160">
        <v>8</v>
      </c>
      <c r="BW11" s="160">
        <v>8</v>
      </c>
      <c r="BX11" s="160">
        <v>1</v>
      </c>
      <c r="BY11" s="160">
        <v>2</v>
      </c>
      <c r="BZ11" s="165">
        <v>29</v>
      </c>
      <c r="CA11" s="164">
        <v>37</v>
      </c>
      <c r="CB11" s="159">
        <v>1</v>
      </c>
      <c r="CC11" s="160">
        <v>1</v>
      </c>
      <c r="CD11" s="165">
        <v>2</v>
      </c>
      <c r="CE11" s="162">
        <v>0</v>
      </c>
      <c r="CF11" s="160">
        <v>6</v>
      </c>
      <c r="CG11" s="160">
        <v>5</v>
      </c>
      <c r="CH11" s="160">
        <v>10</v>
      </c>
      <c r="CI11" s="160">
        <v>6</v>
      </c>
      <c r="CJ11" s="160">
        <v>1</v>
      </c>
      <c r="CK11" s="165">
        <v>28</v>
      </c>
      <c r="CL11" s="164">
        <v>30</v>
      </c>
      <c r="CM11" s="159">
        <v>0</v>
      </c>
      <c r="CN11" s="160">
        <v>0</v>
      </c>
      <c r="CO11" s="165">
        <v>0</v>
      </c>
      <c r="CP11" s="162">
        <v>0</v>
      </c>
      <c r="CQ11" s="160">
        <v>0</v>
      </c>
      <c r="CR11" s="160">
        <v>1</v>
      </c>
      <c r="CS11" s="160">
        <v>2</v>
      </c>
      <c r="CT11" s="160">
        <v>0</v>
      </c>
      <c r="CU11" s="160">
        <v>0</v>
      </c>
      <c r="CV11" s="165">
        <v>3</v>
      </c>
      <c r="CW11" s="164">
        <v>3</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4</v>
      </c>
      <c r="DU11" s="160">
        <v>26</v>
      </c>
      <c r="DV11" s="165">
        <v>50</v>
      </c>
      <c r="DW11" s="162">
        <v>0</v>
      </c>
      <c r="DX11" s="160">
        <v>50</v>
      </c>
      <c r="DY11" s="160">
        <v>79</v>
      </c>
      <c r="DZ11" s="160">
        <v>57</v>
      </c>
      <c r="EA11" s="160">
        <v>34</v>
      </c>
      <c r="EB11" s="160">
        <v>25</v>
      </c>
      <c r="EC11" s="165">
        <v>245</v>
      </c>
      <c r="ED11" s="164">
        <v>295</v>
      </c>
      <c r="EE11" s="159">
        <v>6</v>
      </c>
      <c r="EF11" s="160">
        <v>2</v>
      </c>
      <c r="EG11" s="165">
        <v>8</v>
      </c>
      <c r="EH11" s="162">
        <v>0</v>
      </c>
      <c r="EI11" s="160">
        <v>16</v>
      </c>
      <c r="EJ11" s="160">
        <v>10</v>
      </c>
      <c r="EK11" s="160">
        <v>9</v>
      </c>
      <c r="EL11" s="160">
        <v>9</v>
      </c>
      <c r="EM11" s="160">
        <v>6</v>
      </c>
      <c r="EN11" s="165">
        <v>50</v>
      </c>
      <c r="EO11" s="164">
        <v>58</v>
      </c>
      <c r="EP11" s="159">
        <v>32</v>
      </c>
      <c r="EQ11" s="160">
        <v>29</v>
      </c>
      <c r="ER11" s="165">
        <v>61</v>
      </c>
      <c r="ES11" s="162">
        <v>0</v>
      </c>
      <c r="ET11" s="160">
        <v>114</v>
      </c>
      <c r="EU11" s="160">
        <v>108</v>
      </c>
      <c r="EV11" s="160">
        <v>66</v>
      </c>
      <c r="EW11" s="160">
        <v>35</v>
      </c>
      <c r="EX11" s="160">
        <v>24</v>
      </c>
      <c r="EY11" s="165">
        <v>347</v>
      </c>
      <c r="EZ11" s="164">
        <v>408</v>
      </c>
    </row>
    <row r="12" spans="2:156" ht="21" customHeight="1" x14ac:dyDescent="0.2">
      <c r="B12" s="166" t="s">
        <v>9</v>
      </c>
      <c r="C12" s="159">
        <v>0</v>
      </c>
      <c r="D12" s="160">
        <v>0</v>
      </c>
      <c r="E12" s="161">
        <v>0</v>
      </c>
      <c r="F12" s="162">
        <v>0</v>
      </c>
      <c r="G12" s="160">
        <v>54</v>
      </c>
      <c r="H12" s="160">
        <v>32</v>
      </c>
      <c r="I12" s="160">
        <v>32</v>
      </c>
      <c r="J12" s="160">
        <v>18</v>
      </c>
      <c r="K12" s="160">
        <v>16</v>
      </c>
      <c r="L12" s="163">
        <v>152</v>
      </c>
      <c r="M12" s="164">
        <v>152</v>
      </c>
      <c r="N12" s="159">
        <v>0</v>
      </c>
      <c r="O12" s="160">
        <v>0</v>
      </c>
      <c r="P12" s="165">
        <v>0</v>
      </c>
      <c r="Q12" s="162">
        <v>0</v>
      </c>
      <c r="R12" s="160">
        <v>0</v>
      </c>
      <c r="S12" s="160">
        <v>1</v>
      </c>
      <c r="T12" s="160">
        <v>1</v>
      </c>
      <c r="U12" s="160">
        <v>1</v>
      </c>
      <c r="V12" s="160">
        <v>6</v>
      </c>
      <c r="W12" s="165">
        <v>9</v>
      </c>
      <c r="X12" s="164">
        <v>9</v>
      </c>
      <c r="Y12" s="159">
        <v>7</v>
      </c>
      <c r="Z12" s="160">
        <v>9</v>
      </c>
      <c r="AA12" s="165">
        <v>16</v>
      </c>
      <c r="AB12" s="162">
        <v>0</v>
      </c>
      <c r="AC12" s="160">
        <v>42</v>
      </c>
      <c r="AD12" s="160">
        <v>26</v>
      </c>
      <c r="AE12" s="160">
        <v>32</v>
      </c>
      <c r="AF12" s="160">
        <v>21</v>
      </c>
      <c r="AG12" s="160">
        <v>16</v>
      </c>
      <c r="AH12" s="165">
        <v>137</v>
      </c>
      <c r="AI12" s="164">
        <v>153</v>
      </c>
      <c r="AJ12" s="159">
        <v>0</v>
      </c>
      <c r="AK12" s="160">
        <v>1</v>
      </c>
      <c r="AL12" s="165">
        <v>1</v>
      </c>
      <c r="AM12" s="162">
        <v>0</v>
      </c>
      <c r="AN12" s="160">
        <v>2</v>
      </c>
      <c r="AO12" s="160">
        <v>3</v>
      </c>
      <c r="AP12" s="160">
        <v>3</v>
      </c>
      <c r="AQ12" s="160">
        <v>4</v>
      </c>
      <c r="AR12" s="160">
        <v>3</v>
      </c>
      <c r="AS12" s="165">
        <v>15</v>
      </c>
      <c r="AT12" s="164">
        <v>16</v>
      </c>
      <c r="AU12" s="159">
        <v>7</v>
      </c>
      <c r="AV12" s="160">
        <v>9</v>
      </c>
      <c r="AW12" s="165">
        <v>16</v>
      </c>
      <c r="AX12" s="162">
        <v>0</v>
      </c>
      <c r="AY12" s="160">
        <v>57</v>
      </c>
      <c r="AZ12" s="160">
        <v>53</v>
      </c>
      <c r="BA12" s="160">
        <v>57</v>
      </c>
      <c r="BB12" s="160">
        <v>50</v>
      </c>
      <c r="BC12" s="160">
        <v>27</v>
      </c>
      <c r="BD12" s="163">
        <v>244</v>
      </c>
      <c r="BE12" s="164">
        <v>260</v>
      </c>
      <c r="BF12" s="159">
        <v>0</v>
      </c>
      <c r="BG12" s="160">
        <v>0</v>
      </c>
      <c r="BH12" s="165">
        <v>0</v>
      </c>
      <c r="BI12" s="162">
        <v>0</v>
      </c>
      <c r="BJ12" s="160">
        <v>57</v>
      </c>
      <c r="BK12" s="160">
        <v>39</v>
      </c>
      <c r="BL12" s="160">
        <v>21</v>
      </c>
      <c r="BM12" s="160">
        <v>10</v>
      </c>
      <c r="BN12" s="160">
        <v>4</v>
      </c>
      <c r="BO12" s="165">
        <v>131</v>
      </c>
      <c r="BP12" s="164">
        <v>131</v>
      </c>
      <c r="BQ12" s="159">
        <v>5</v>
      </c>
      <c r="BR12" s="160">
        <v>3</v>
      </c>
      <c r="BS12" s="165">
        <v>8</v>
      </c>
      <c r="BT12" s="162">
        <v>0</v>
      </c>
      <c r="BU12" s="160">
        <v>17</v>
      </c>
      <c r="BV12" s="160">
        <v>8</v>
      </c>
      <c r="BW12" s="160">
        <v>10</v>
      </c>
      <c r="BX12" s="160">
        <v>14</v>
      </c>
      <c r="BY12" s="160">
        <v>1</v>
      </c>
      <c r="BZ12" s="165">
        <v>50</v>
      </c>
      <c r="CA12" s="164">
        <v>58</v>
      </c>
      <c r="CB12" s="159">
        <v>0</v>
      </c>
      <c r="CC12" s="160">
        <v>0</v>
      </c>
      <c r="CD12" s="165">
        <v>0</v>
      </c>
      <c r="CE12" s="162">
        <v>0</v>
      </c>
      <c r="CF12" s="160">
        <v>7</v>
      </c>
      <c r="CG12" s="160">
        <v>6</v>
      </c>
      <c r="CH12" s="160">
        <v>17</v>
      </c>
      <c r="CI12" s="160">
        <v>7</v>
      </c>
      <c r="CJ12" s="160">
        <v>2</v>
      </c>
      <c r="CK12" s="165">
        <v>39</v>
      </c>
      <c r="CL12" s="164">
        <v>39</v>
      </c>
      <c r="CM12" s="159">
        <v>0</v>
      </c>
      <c r="CN12" s="160">
        <v>0</v>
      </c>
      <c r="CO12" s="165">
        <v>0</v>
      </c>
      <c r="CP12" s="162">
        <v>0</v>
      </c>
      <c r="CQ12" s="160">
        <v>0</v>
      </c>
      <c r="CR12" s="160">
        <v>2</v>
      </c>
      <c r="CS12" s="160">
        <v>2</v>
      </c>
      <c r="CT12" s="160">
        <v>0</v>
      </c>
      <c r="CU12" s="160">
        <v>0</v>
      </c>
      <c r="CV12" s="165">
        <v>4</v>
      </c>
      <c r="CW12" s="164">
        <v>4</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25</v>
      </c>
      <c r="DU12" s="160">
        <v>30</v>
      </c>
      <c r="DV12" s="165">
        <v>55</v>
      </c>
      <c r="DW12" s="162">
        <v>0</v>
      </c>
      <c r="DX12" s="160">
        <v>84</v>
      </c>
      <c r="DY12" s="160">
        <v>72</v>
      </c>
      <c r="DZ12" s="160">
        <v>65</v>
      </c>
      <c r="EA12" s="160">
        <v>44</v>
      </c>
      <c r="EB12" s="160">
        <v>25</v>
      </c>
      <c r="EC12" s="165">
        <v>290</v>
      </c>
      <c r="ED12" s="164">
        <v>345</v>
      </c>
      <c r="EE12" s="159">
        <v>5</v>
      </c>
      <c r="EF12" s="160">
        <v>3</v>
      </c>
      <c r="EG12" s="165">
        <v>8</v>
      </c>
      <c r="EH12" s="162">
        <v>0</v>
      </c>
      <c r="EI12" s="160">
        <v>23</v>
      </c>
      <c r="EJ12" s="160">
        <v>17</v>
      </c>
      <c r="EK12" s="160">
        <v>13</v>
      </c>
      <c r="EL12" s="160">
        <v>20</v>
      </c>
      <c r="EM12" s="160">
        <v>8</v>
      </c>
      <c r="EN12" s="165">
        <v>81</v>
      </c>
      <c r="EO12" s="164">
        <v>89</v>
      </c>
      <c r="EP12" s="159">
        <v>31</v>
      </c>
      <c r="EQ12" s="160">
        <v>38</v>
      </c>
      <c r="ER12" s="165">
        <v>69</v>
      </c>
      <c r="ES12" s="162">
        <v>0</v>
      </c>
      <c r="ET12" s="160">
        <v>167</v>
      </c>
      <c r="EU12" s="160">
        <v>102</v>
      </c>
      <c r="EV12" s="160">
        <v>80</v>
      </c>
      <c r="EW12" s="160">
        <v>49</v>
      </c>
      <c r="EX12" s="160">
        <v>27</v>
      </c>
      <c r="EY12" s="165">
        <v>425</v>
      </c>
      <c r="EZ12" s="164">
        <v>494</v>
      </c>
    </row>
    <row r="13" spans="2:156" ht="21" customHeight="1" x14ac:dyDescent="0.2">
      <c r="B13" s="166" t="s">
        <v>10</v>
      </c>
      <c r="C13" s="159">
        <v>0</v>
      </c>
      <c r="D13" s="160">
        <v>0</v>
      </c>
      <c r="E13" s="161">
        <v>0</v>
      </c>
      <c r="F13" s="162">
        <v>0</v>
      </c>
      <c r="G13" s="160">
        <v>74</v>
      </c>
      <c r="H13" s="160">
        <v>47</v>
      </c>
      <c r="I13" s="160">
        <v>31</v>
      </c>
      <c r="J13" s="160">
        <v>34</v>
      </c>
      <c r="K13" s="160">
        <v>20</v>
      </c>
      <c r="L13" s="163">
        <v>206</v>
      </c>
      <c r="M13" s="164">
        <v>206</v>
      </c>
      <c r="N13" s="159">
        <v>0</v>
      </c>
      <c r="O13" s="160">
        <v>0</v>
      </c>
      <c r="P13" s="165">
        <v>0</v>
      </c>
      <c r="Q13" s="162">
        <v>0</v>
      </c>
      <c r="R13" s="160">
        <v>1</v>
      </c>
      <c r="S13" s="160">
        <v>2</v>
      </c>
      <c r="T13" s="160">
        <v>2</v>
      </c>
      <c r="U13" s="160">
        <v>4</v>
      </c>
      <c r="V13" s="160">
        <v>14</v>
      </c>
      <c r="W13" s="165">
        <v>23</v>
      </c>
      <c r="X13" s="164">
        <v>23</v>
      </c>
      <c r="Y13" s="159">
        <v>18</v>
      </c>
      <c r="Z13" s="160">
        <v>14</v>
      </c>
      <c r="AA13" s="165">
        <v>32</v>
      </c>
      <c r="AB13" s="162">
        <v>0</v>
      </c>
      <c r="AC13" s="160">
        <v>60</v>
      </c>
      <c r="AD13" s="160">
        <v>34</v>
      </c>
      <c r="AE13" s="160">
        <v>32</v>
      </c>
      <c r="AF13" s="160">
        <v>25</v>
      </c>
      <c r="AG13" s="160">
        <v>13</v>
      </c>
      <c r="AH13" s="165">
        <v>164</v>
      </c>
      <c r="AI13" s="164">
        <v>196</v>
      </c>
      <c r="AJ13" s="159">
        <v>2</v>
      </c>
      <c r="AK13" s="160">
        <v>4</v>
      </c>
      <c r="AL13" s="165">
        <v>6</v>
      </c>
      <c r="AM13" s="162">
        <v>0</v>
      </c>
      <c r="AN13" s="160">
        <v>5</v>
      </c>
      <c r="AO13" s="160">
        <v>4</v>
      </c>
      <c r="AP13" s="160">
        <v>5</v>
      </c>
      <c r="AQ13" s="160">
        <v>9</v>
      </c>
      <c r="AR13" s="160">
        <v>3</v>
      </c>
      <c r="AS13" s="165">
        <v>26</v>
      </c>
      <c r="AT13" s="164">
        <v>32</v>
      </c>
      <c r="AU13" s="159">
        <v>16</v>
      </c>
      <c r="AV13" s="160">
        <v>21</v>
      </c>
      <c r="AW13" s="165">
        <v>37</v>
      </c>
      <c r="AX13" s="162">
        <v>0</v>
      </c>
      <c r="AY13" s="160">
        <v>87</v>
      </c>
      <c r="AZ13" s="160">
        <v>68</v>
      </c>
      <c r="BA13" s="160">
        <v>73</v>
      </c>
      <c r="BB13" s="160">
        <v>76</v>
      </c>
      <c r="BC13" s="160">
        <v>44</v>
      </c>
      <c r="BD13" s="163">
        <v>348</v>
      </c>
      <c r="BE13" s="164">
        <v>385</v>
      </c>
      <c r="BF13" s="159">
        <v>0</v>
      </c>
      <c r="BG13" s="160">
        <v>0</v>
      </c>
      <c r="BH13" s="165">
        <v>0</v>
      </c>
      <c r="BI13" s="162">
        <v>0</v>
      </c>
      <c r="BJ13" s="160">
        <v>113</v>
      </c>
      <c r="BK13" s="160">
        <v>55</v>
      </c>
      <c r="BL13" s="160">
        <v>31</v>
      </c>
      <c r="BM13" s="160">
        <v>23</v>
      </c>
      <c r="BN13" s="160">
        <v>4</v>
      </c>
      <c r="BO13" s="165">
        <v>226</v>
      </c>
      <c r="BP13" s="164">
        <v>226</v>
      </c>
      <c r="BQ13" s="159">
        <v>3</v>
      </c>
      <c r="BR13" s="160">
        <v>5</v>
      </c>
      <c r="BS13" s="165">
        <v>8</v>
      </c>
      <c r="BT13" s="162">
        <v>0</v>
      </c>
      <c r="BU13" s="160">
        <v>29</v>
      </c>
      <c r="BV13" s="160">
        <v>14</v>
      </c>
      <c r="BW13" s="160">
        <v>8</v>
      </c>
      <c r="BX13" s="160">
        <v>2</v>
      </c>
      <c r="BY13" s="160">
        <v>2</v>
      </c>
      <c r="BZ13" s="165">
        <v>55</v>
      </c>
      <c r="CA13" s="164">
        <v>63</v>
      </c>
      <c r="CB13" s="159">
        <v>1</v>
      </c>
      <c r="CC13" s="160">
        <v>2</v>
      </c>
      <c r="CD13" s="165">
        <v>3</v>
      </c>
      <c r="CE13" s="162">
        <v>0</v>
      </c>
      <c r="CF13" s="160">
        <v>13</v>
      </c>
      <c r="CG13" s="160">
        <v>9</v>
      </c>
      <c r="CH13" s="160">
        <v>16</v>
      </c>
      <c r="CI13" s="160">
        <v>12</v>
      </c>
      <c r="CJ13" s="160">
        <v>6</v>
      </c>
      <c r="CK13" s="165">
        <v>56</v>
      </c>
      <c r="CL13" s="164">
        <v>59</v>
      </c>
      <c r="CM13" s="159">
        <v>0</v>
      </c>
      <c r="CN13" s="160">
        <v>0</v>
      </c>
      <c r="CO13" s="165">
        <v>0</v>
      </c>
      <c r="CP13" s="162">
        <v>0</v>
      </c>
      <c r="CQ13" s="160">
        <v>1</v>
      </c>
      <c r="CR13" s="160">
        <v>2</v>
      </c>
      <c r="CS13" s="160">
        <v>4</v>
      </c>
      <c r="CT13" s="160">
        <v>0</v>
      </c>
      <c r="CU13" s="160">
        <v>0</v>
      </c>
      <c r="CV13" s="165">
        <v>7</v>
      </c>
      <c r="CW13" s="164">
        <v>7</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73</v>
      </c>
      <c r="DU13" s="160">
        <v>86</v>
      </c>
      <c r="DV13" s="165">
        <v>159</v>
      </c>
      <c r="DW13" s="162">
        <v>0</v>
      </c>
      <c r="DX13" s="160">
        <v>128</v>
      </c>
      <c r="DY13" s="160">
        <v>109</v>
      </c>
      <c r="DZ13" s="160">
        <v>69</v>
      </c>
      <c r="EA13" s="160">
        <v>66</v>
      </c>
      <c r="EB13" s="160">
        <v>33</v>
      </c>
      <c r="EC13" s="165">
        <v>405</v>
      </c>
      <c r="ED13" s="164">
        <v>564</v>
      </c>
      <c r="EE13" s="159">
        <v>10</v>
      </c>
      <c r="EF13" s="160">
        <v>2</v>
      </c>
      <c r="EG13" s="165">
        <v>12</v>
      </c>
      <c r="EH13" s="162">
        <v>0</v>
      </c>
      <c r="EI13" s="160">
        <v>21</v>
      </c>
      <c r="EJ13" s="160">
        <v>19</v>
      </c>
      <c r="EK13" s="160">
        <v>20</v>
      </c>
      <c r="EL13" s="160">
        <v>24</v>
      </c>
      <c r="EM13" s="160">
        <v>9</v>
      </c>
      <c r="EN13" s="165">
        <v>93</v>
      </c>
      <c r="EO13" s="164">
        <v>105</v>
      </c>
      <c r="EP13" s="159">
        <v>93</v>
      </c>
      <c r="EQ13" s="160">
        <v>99</v>
      </c>
      <c r="ER13" s="165">
        <v>192</v>
      </c>
      <c r="ES13" s="162">
        <v>0</v>
      </c>
      <c r="ET13" s="160">
        <v>257</v>
      </c>
      <c r="EU13" s="160">
        <v>132</v>
      </c>
      <c r="EV13" s="160">
        <v>85</v>
      </c>
      <c r="EW13" s="160">
        <v>66</v>
      </c>
      <c r="EX13" s="160">
        <v>37</v>
      </c>
      <c r="EY13" s="165">
        <v>577</v>
      </c>
      <c r="EZ13" s="164">
        <v>769</v>
      </c>
    </row>
    <row r="14" spans="2:156" ht="21" customHeight="1" x14ac:dyDescent="0.2">
      <c r="B14" s="166" t="s">
        <v>11</v>
      </c>
      <c r="C14" s="159">
        <v>0</v>
      </c>
      <c r="D14" s="160">
        <v>0</v>
      </c>
      <c r="E14" s="161">
        <v>0</v>
      </c>
      <c r="F14" s="162">
        <v>0</v>
      </c>
      <c r="G14" s="160">
        <v>22</v>
      </c>
      <c r="H14" s="160">
        <v>13</v>
      </c>
      <c r="I14" s="160">
        <v>12</v>
      </c>
      <c r="J14" s="160">
        <v>16</v>
      </c>
      <c r="K14" s="160">
        <v>7</v>
      </c>
      <c r="L14" s="163">
        <v>70</v>
      </c>
      <c r="M14" s="164">
        <v>70</v>
      </c>
      <c r="N14" s="159">
        <v>0</v>
      </c>
      <c r="O14" s="160">
        <v>0</v>
      </c>
      <c r="P14" s="165">
        <v>0</v>
      </c>
      <c r="Q14" s="162">
        <v>0</v>
      </c>
      <c r="R14" s="160">
        <v>0</v>
      </c>
      <c r="S14" s="160">
        <v>1</v>
      </c>
      <c r="T14" s="160">
        <v>0</v>
      </c>
      <c r="U14" s="160">
        <v>4</v>
      </c>
      <c r="V14" s="160">
        <v>4</v>
      </c>
      <c r="W14" s="165">
        <v>9</v>
      </c>
      <c r="X14" s="164">
        <v>9</v>
      </c>
      <c r="Y14" s="159">
        <v>7</v>
      </c>
      <c r="Z14" s="160">
        <v>3</v>
      </c>
      <c r="AA14" s="165">
        <v>10</v>
      </c>
      <c r="AB14" s="162">
        <v>0</v>
      </c>
      <c r="AC14" s="160">
        <v>18</v>
      </c>
      <c r="AD14" s="160">
        <v>15</v>
      </c>
      <c r="AE14" s="160">
        <v>15</v>
      </c>
      <c r="AF14" s="160">
        <v>16</v>
      </c>
      <c r="AG14" s="160">
        <v>9</v>
      </c>
      <c r="AH14" s="165">
        <v>73</v>
      </c>
      <c r="AI14" s="164">
        <v>83</v>
      </c>
      <c r="AJ14" s="159">
        <v>0</v>
      </c>
      <c r="AK14" s="160">
        <v>2</v>
      </c>
      <c r="AL14" s="165">
        <v>2</v>
      </c>
      <c r="AM14" s="162">
        <v>0</v>
      </c>
      <c r="AN14" s="160">
        <v>2</v>
      </c>
      <c r="AO14" s="160">
        <v>2</v>
      </c>
      <c r="AP14" s="160">
        <v>2</v>
      </c>
      <c r="AQ14" s="160">
        <v>3</v>
      </c>
      <c r="AR14" s="160">
        <v>0</v>
      </c>
      <c r="AS14" s="165">
        <v>9</v>
      </c>
      <c r="AT14" s="164">
        <v>11</v>
      </c>
      <c r="AU14" s="159">
        <v>4</v>
      </c>
      <c r="AV14" s="160">
        <v>2</v>
      </c>
      <c r="AW14" s="165">
        <v>6</v>
      </c>
      <c r="AX14" s="162">
        <v>0</v>
      </c>
      <c r="AY14" s="160">
        <v>23</v>
      </c>
      <c r="AZ14" s="160">
        <v>29</v>
      </c>
      <c r="BA14" s="160">
        <v>25</v>
      </c>
      <c r="BB14" s="160">
        <v>34</v>
      </c>
      <c r="BC14" s="160">
        <v>14</v>
      </c>
      <c r="BD14" s="163">
        <v>125</v>
      </c>
      <c r="BE14" s="164">
        <v>131</v>
      </c>
      <c r="BF14" s="159">
        <v>0</v>
      </c>
      <c r="BG14" s="160">
        <v>0</v>
      </c>
      <c r="BH14" s="165">
        <v>0</v>
      </c>
      <c r="BI14" s="162">
        <v>0</v>
      </c>
      <c r="BJ14" s="160">
        <v>44</v>
      </c>
      <c r="BK14" s="160">
        <v>25</v>
      </c>
      <c r="BL14" s="160">
        <v>17</v>
      </c>
      <c r="BM14" s="160">
        <v>8</v>
      </c>
      <c r="BN14" s="160">
        <v>1</v>
      </c>
      <c r="BO14" s="165">
        <v>95</v>
      </c>
      <c r="BP14" s="164">
        <v>95</v>
      </c>
      <c r="BQ14" s="159">
        <v>10</v>
      </c>
      <c r="BR14" s="160">
        <v>3</v>
      </c>
      <c r="BS14" s="165">
        <v>13</v>
      </c>
      <c r="BT14" s="162">
        <v>0</v>
      </c>
      <c r="BU14" s="160">
        <v>23</v>
      </c>
      <c r="BV14" s="160">
        <v>11</v>
      </c>
      <c r="BW14" s="160">
        <v>5</v>
      </c>
      <c r="BX14" s="160">
        <v>12</v>
      </c>
      <c r="BY14" s="160">
        <v>1</v>
      </c>
      <c r="BZ14" s="165">
        <v>52</v>
      </c>
      <c r="CA14" s="164">
        <v>65</v>
      </c>
      <c r="CB14" s="159">
        <v>1</v>
      </c>
      <c r="CC14" s="160">
        <v>0</v>
      </c>
      <c r="CD14" s="165">
        <v>1</v>
      </c>
      <c r="CE14" s="162">
        <v>0</v>
      </c>
      <c r="CF14" s="160">
        <v>6</v>
      </c>
      <c r="CG14" s="160">
        <v>5</v>
      </c>
      <c r="CH14" s="160">
        <v>6</v>
      </c>
      <c r="CI14" s="160">
        <v>3</v>
      </c>
      <c r="CJ14" s="160">
        <v>1</v>
      </c>
      <c r="CK14" s="165">
        <v>21</v>
      </c>
      <c r="CL14" s="164">
        <v>22</v>
      </c>
      <c r="CM14" s="159">
        <v>0</v>
      </c>
      <c r="CN14" s="160">
        <v>0</v>
      </c>
      <c r="CO14" s="165">
        <v>0</v>
      </c>
      <c r="CP14" s="162">
        <v>0</v>
      </c>
      <c r="CQ14" s="160">
        <v>1</v>
      </c>
      <c r="CR14" s="160">
        <v>0</v>
      </c>
      <c r="CS14" s="160">
        <v>0</v>
      </c>
      <c r="CT14" s="160">
        <v>0</v>
      </c>
      <c r="CU14" s="160">
        <v>0</v>
      </c>
      <c r="CV14" s="165">
        <v>1</v>
      </c>
      <c r="CW14" s="164">
        <v>1</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20</v>
      </c>
      <c r="DU14" s="160">
        <v>21</v>
      </c>
      <c r="DV14" s="165">
        <v>41</v>
      </c>
      <c r="DW14" s="162">
        <v>0</v>
      </c>
      <c r="DX14" s="160">
        <v>58</v>
      </c>
      <c r="DY14" s="160">
        <v>54</v>
      </c>
      <c r="DZ14" s="160">
        <v>35</v>
      </c>
      <c r="EA14" s="160">
        <v>30</v>
      </c>
      <c r="EB14" s="160">
        <v>14</v>
      </c>
      <c r="EC14" s="165">
        <v>191</v>
      </c>
      <c r="ED14" s="164">
        <v>232</v>
      </c>
      <c r="EE14" s="159">
        <v>6</v>
      </c>
      <c r="EF14" s="160">
        <v>1</v>
      </c>
      <c r="EG14" s="165">
        <v>7</v>
      </c>
      <c r="EH14" s="162">
        <v>0</v>
      </c>
      <c r="EI14" s="160">
        <v>16</v>
      </c>
      <c r="EJ14" s="160">
        <v>13</v>
      </c>
      <c r="EK14" s="160">
        <v>7</v>
      </c>
      <c r="EL14" s="160">
        <v>21</v>
      </c>
      <c r="EM14" s="160">
        <v>6</v>
      </c>
      <c r="EN14" s="165">
        <v>63</v>
      </c>
      <c r="EO14" s="164">
        <v>70</v>
      </c>
      <c r="EP14" s="159">
        <v>32</v>
      </c>
      <c r="EQ14" s="160">
        <v>25</v>
      </c>
      <c r="ER14" s="165">
        <v>57</v>
      </c>
      <c r="ES14" s="162">
        <v>0</v>
      </c>
      <c r="ET14" s="160">
        <v>107</v>
      </c>
      <c r="EU14" s="160">
        <v>67</v>
      </c>
      <c r="EV14" s="160">
        <v>41</v>
      </c>
      <c r="EW14" s="160">
        <v>34</v>
      </c>
      <c r="EX14" s="160">
        <v>13</v>
      </c>
      <c r="EY14" s="165">
        <v>262</v>
      </c>
      <c r="EZ14" s="164">
        <v>319</v>
      </c>
    </row>
    <row r="15" spans="2:156" ht="21" customHeight="1" x14ac:dyDescent="0.2">
      <c r="B15" s="166" t="s">
        <v>12</v>
      </c>
      <c r="C15" s="159">
        <v>0</v>
      </c>
      <c r="D15" s="160">
        <v>0</v>
      </c>
      <c r="E15" s="161">
        <v>0</v>
      </c>
      <c r="F15" s="162">
        <v>0</v>
      </c>
      <c r="G15" s="160">
        <v>33</v>
      </c>
      <c r="H15" s="160">
        <v>35</v>
      </c>
      <c r="I15" s="160">
        <v>15</v>
      </c>
      <c r="J15" s="160">
        <v>23</v>
      </c>
      <c r="K15" s="160">
        <v>11</v>
      </c>
      <c r="L15" s="163">
        <v>117</v>
      </c>
      <c r="M15" s="164">
        <v>117</v>
      </c>
      <c r="N15" s="159">
        <v>0</v>
      </c>
      <c r="O15" s="160">
        <v>0</v>
      </c>
      <c r="P15" s="165">
        <v>0</v>
      </c>
      <c r="Q15" s="162">
        <v>0</v>
      </c>
      <c r="R15" s="160">
        <v>0</v>
      </c>
      <c r="S15" s="160">
        <v>0</v>
      </c>
      <c r="T15" s="160">
        <v>2</v>
      </c>
      <c r="U15" s="160">
        <v>4</v>
      </c>
      <c r="V15" s="160">
        <v>5</v>
      </c>
      <c r="W15" s="165">
        <v>11</v>
      </c>
      <c r="X15" s="164">
        <v>11</v>
      </c>
      <c r="Y15" s="159">
        <v>8</v>
      </c>
      <c r="Z15" s="160">
        <v>24</v>
      </c>
      <c r="AA15" s="165">
        <v>32</v>
      </c>
      <c r="AB15" s="162">
        <v>0</v>
      </c>
      <c r="AC15" s="160">
        <v>19</v>
      </c>
      <c r="AD15" s="160">
        <v>41</v>
      </c>
      <c r="AE15" s="160">
        <v>20</v>
      </c>
      <c r="AF15" s="160">
        <v>17</v>
      </c>
      <c r="AG15" s="160">
        <v>9</v>
      </c>
      <c r="AH15" s="165">
        <v>106</v>
      </c>
      <c r="AI15" s="164">
        <v>138</v>
      </c>
      <c r="AJ15" s="159">
        <v>0</v>
      </c>
      <c r="AK15" s="160">
        <v>1</v>
      </c>
      <c r="AL15" s="165">
        <v>1</v>
      </c>
      <c r="AM15" s="162">
        <v>0</v>
      </c>
      <c r="AN15" s="160">
        <v>2</v>
      </c>
      <c r="AO15" s="160">
        <v>2</v>
      </c>
      <c r="AP15" s="160">
        <v>2</v>
      </c>
      <c r="AQ15" s="160">
        <v>2</v>
      </c>
      <c r="AR15" s="160">
        <v>1</v>
      </c>
      <c r="AS15" s="165">
        <v>9</v>
      </c>
      <c r="AT15" s="164">
        <v>10</v>
      </c>
      <c r="AU15" s="159">
        <v>4</v>
      </c>
      <c r="AV15" s="160">
        <v>10</v>
      </c>
      <c r="AW15" s="165">
        <v>14</v>
      </c>
      <c r="AX15" s="162">
        <v>0</v>
      </c>
      <c r="AY15" s="160">
        <v>21</v>
      </c>
      <c r="AZ15" s="160">
        <v>35</v>
      </c>
      <c r="BA15" s="160">
        <v>37</v>
      </c>
      <c r="BB15" s="160">
        <v>38</v>
      </c>
      <c r="BC15" s="160">
        <v>22</v>
      </c>
      <c r="BD15" s="163">
        <v>153</v>
      </c>
      <c r="BE15" s="164">
        <v>167</v>
      </c>
      <c r="BF15" s="159">
        <v>0</v>
      </c>
      <c r="BG15" s="160">
        <v>0</v>
      </c>
      <c r="BH15" s="165">
        <v>0</v>
      </c>
      <c r="BI15" s="162">
        <v>0</v>
      </c>
      <c r="BJ15" s="160">
        <v>57</v>
      </c>
      <c r="BK15" s="160">
        <v>35</v>
      </c>
      <c r="BL15" s="160">
        <v>22</v>
      </c>
      <c r="BM15" s="160">
        <v>13</v>
      </c>
      <c r="BN15" s="160">
        <v>2</v>
      </c>
      <c r="BO15" s="165">
        <v>129</v>
      </c>
      <c r="BP15" s="164">
        <v>129</v>
      </c>
      <c r="BQ15" s="159">
        <v>7</v>
      </c>
      <c r="BR15" s="160">
        <v>16</v>
      </c>
      <c r="BS15" s="165">
        <v>23</v>
      </c>
      <c r="BT15" s="162">
        <v>0</v>
      </c>
      <c r="BU15" s="160">
        <v>7</v>
      </c>
      <c r="BV15" s="160">
        <v>16</v>
      </c>
      <c r="BW15" s="160">
        <v>13</v>
      </c>
      <c r="BX15" s="160">
        <v>6</v>
      </c>
      <c r="BY15" s="160">
        <v>2</v>
      </c>
      <c r="BZ15" s="165">
        <v>44</v>
      </c>
      <c r="CA15" s="164">
        <v>67</v>
      </c>
      <c r="CB15" s="159">
        <v>0</v>
      </c>
      <c r="CC15" s="160">
        <v>2</v>
      </c>
      <c r="CD15" s="165">
        <v>2</v>
      </c>
      <c r="CE15" s="162">
        <v>0</v>
      </c>
      <c r="CF15" s="160">
        <v>8</v>
      </c>
      <c r="CG15" s="160">
        <v>7</v>
      </c>
      <c r="CH15" s="160">
        <v>9</v>
      </c>
      <c r="CI15" s="160">
        <v>10</v>
      </c>
      <c r="CJ15" s="160">
        <v>4</v>
      </c>
      <c r="CK15" s="165">
        <v>38</v>
      </c>
      <c r="CL15" s="164">
        <v>40</v>
      </c>
      <c r="CM15" s="159">
        <v>0</v>
      </c>
      <c r="CN15" s="160">
        <v>0</v>
      </c>
      <c r="CO15" s="165">
        <v>0</v>
      </c>
      <c r="CP15" s="162">
        <v>0</v>
      </c>
      <c r="CQ15" s="160">
        <v>0</v>
      </c>
      <c r="CR15" s="160">
        <v>0</v>
      </c>
      <c r="CS15" s="160">
        <v>1</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31</v>
      </c>
      <c r="DU15" s="160">
        <v>55</v>
      </c>
      <c r="DV15" s="165">
        <v>86</v>
      </c>
      <c r="DW15" s="162">
        <v>0</v>
      </c>
      <c r="DX15" s="160">
        <v>32</v>
      </c>
      <c r="DY15" s="160">
        <v>85</v>
      </c>
      <c r="DZ15" s="160">
        <v>59</v>
      </c>
      <c r="EA15" s="160">
        <v>44</v>
      </c>
      <c r="EB15" s="160">
        <v>23</v>
      </c>
      <c r="EC15" s="165">
        <v>243</v>
      </c>
      <c r="ED15" s="164">
        <v>329</v>
      </c>
      <c r="EE15" s="159">
        <v>2</v>
      </c>
      <c r="EF15" s="160">
        <v>6</v>
      </c>
      <c r="EG15" s="165">
        <v>8</v>
      </c>
      <c r="EH15" s="162">
        <v>0</v>
      </c>
      <c r="EI15" s="160">
        <v>11</v>
      </c>
      <c r="EJ15" s="160">
        <v>15</v>
      </c>
      <c r="EK15" s="160">
        <v>11</v>
      </c>
      <c r="EL15" s="160">
        <v>13</v>
      </c>
      <c r="EM15" s="160">
        <v>4</v>
      </c>
      <c r="EN15" s="165">
        <v>54</v>
      </c>
      <c r="EO15" s="164">
        <v>62</v>
      </c>
      <c r="EP15" s="159">
        <v>43</v>
      </c>
      <c r="EQ15" s="160">
        <v>78</v>
      </c>
      <c r="ER15" s="165">
        <v>121</v>
      </c>
      <c r="ES15" s="162">
        <v>0</v>
      </c>
      <c r="ET15" s="160">
        <v>114</v>
      </c>
      <c r="EU15" s="160">
        <v>106</v>
      </c>
      <c r="EV15" s="160">
        <v>61</v>
      </c>
      <c r="EW15" s="160">
        <v>44</v>
      </c>
      <c r="EX15" s="160">
        <v>20</v>
      </c>
      <c r="EY15" s="165">
        <v>345</v>
      </c>
      <c r="EZ15" s="164">
        <v>466</v>
      </c>
    </row>
    <row r="16" spans="2:156" ht="21" customHeight="1" x14ac:dyDescent="0.2">
      <c r="B16" s="166" t="s">
        <v>13</v>
      </c>
      <c r="C16" s="159">
        <v>0</v>
      </c>
      <c r="D16" s="160">
        <v>0</v>
      </c>
      <c r="E16" s="161">
        <v>0</v>
      </c>
      <c r="F16" s="162">
        <v>0</v>
      </c>
      <c r="G16" s="160">
        <v>19</v>
      </c>
      <c r="H16" s="160">
        <v>19</v>
      </c>
      <c r="I16" s="160">
        <v>15</v>
      </c>
      <c r="J16" s="160">
        <v>9</v>
      </c>
      <c r="K16" s="160">
        <v>10</v>
      </c>
      <c r="L16" s="163">
        <v>72</v>
      </c>
      <c r="M16" s="164">
        <v>72</v>
      </c>
      <c r="N16" s="159">
        <v>0</v>
      </c>
      <c r="O16" s="160">
        <v>0</v>
      </c>
      <c r="P16" s="165">
        <v>0</v>
      </c>
      <c r="Q16" s="162">
        <v>0</v>
      </c>
      <c r="R16" s="160">
        <v>0</v>
      </c>
      <c r="S16" s="160">
        <v>0</v>
      </c>
      <c r="T16" s="160">
        <v>1</v>
      </c>
      <c r="U16" s="160">
        <v>1</v>
      </c>
      <c r="V16" s="160">
        <v>4</v>
      </c>
      <c r="W16" s="165">
        <v>6</v>
      </c>
      <c r="X16" s="164">
        <v>6</v>
      </c>
      <c r="Y16" s="159">
        <v>0</v>
      </c>
      <c r="Z16" s="160">
        <v>2</v>
      </c>
      <c r="AA16" s="165">
        <v>2</v>
      </c>
      <c r="AB16" s="162">
        <v>0</v>
      </c>
      <c r="AC16" s="160">
        <v>8</v>
      </c>
      <c r="AD16" s="160">
        <v>23</v>
      </c>
      <c r="AE16" s="160">
        <v>10</v>
      </c>
      <c r="AF16" s="160">
        <v>8</v>
      </c>
      <c r="AG16" s="160">
        <v>9</v>
      </c>
      <c r="AH16" s="165">
        <v>58</v>
      </c>
      <c r="AI16" s="164">
        <v>60</v>
      </c>
      <c r="AJ16" s="159">
        <v>1</v>
      </c>
      <c r="AK16" s="160">
        <v>0</v>
      </c>
      <c r="AL16" s="165">
        <v>1</v>
      </c>
      <c r="AM16" s="162">
        <v>0</v>
      </c>
      <c r="AN16" s="160">
        <v>3</v>
      </c>
      <c r="AO16" s="160">
        <v>1</v>
      </c>
      <c r="AP16" s="160">
        <v>2</v>
      </c>
      <c r="AQ16" s="160">
        <v>0</v>
      </c>
      <c r="AR16" s="160">
        <v>0</v>
      </c>
      <c r="AS16" s="165">
        <v>6</v>
      </c>
      <c r="AT16" s="164">
        <v>7</v>
      </c>
      <c r="AU16" s="159">
        <v>1</v>
      </c>
      <c r="AV16" s="160">
        <v>0</v>
      </c>
      <c r="AW16" s="165">
        <v>1</v>
      </c>
      <c r="AX16" s="162">
        <v>0</v>
      </c>
      <c r="AY16" s="160">
        <v>19</v>
      </c>
      <c r="AZ16" s="160">
        <v>22</v>
      </c>
      <c r="BA16" s="160">
        <v>24</v>
      </c>
      <c r="BB16" s="160">
        <v>13</v>
      </c>
      <c r="BC16" s="160">
        <v>15</v>
      </c>
      <c r="BD16" s="163">
        <v>93</v>
      </c>
      <c r="BE16" s="164">
        <v>94</v>
      </c>
      <c r="BF16" s="159">
        <v>0</v>
      </c>
      <c r="BG16" s="160">
        <v>0</v>
      </c>
      <c r="BH16" s="165">
        <v>0</v>
      </c>
      <c r="BI16" s="162">
        <v>0</v>
      </c>
      <c r="BJ16" s="160">
        <v>21</v>
      </c>
      <c r="BK16" s="160">
        <v>11</v>
      </c>
      <c r="BL16" s="160">
        <v>10</v>
      </c>
      <c r="BM16" s="160">
        <v>4</v>
      </c>
      <c r="BN16" s="160">
        <v>2</v>
      </c>
      <c r="BO16" s="165">
        <v>48</v>
      </c>
      <c r="BP16" s="164">
        <v>48</v>
      </c>
      <c r="BQ16" s="159">
        <v>0</v>
      </c>
      <c r="BR16" s="160">
        <v>1</v>
      </c>
      <c r="BS16" s="165">
        <v>1</v>
      </c>
      <c r="BT16" s="162">
        <v>0</v>
      </c>
      <c r="BU16" s="160">
        <v>5</v>
      </c>
      <c r="BV16" s="160">
        <v>1</v>
      </c>
      <c r="BW16" s="160">
        <v>3</v>
      </c>
      <c r="BX16" s="160">
        <v>1</v>
      </c>
      <c r="BY16" s="160">
        <v>2</v>
      </c>
      <c r="BZ16" s="165">
        <v>12</v>
      </c>
      <c r="CA16" s="164">
        <v>13</v>
      </c>
      <c r="CB16" s="159">
        <v>0</v>
      </c>
      <c r="CC16" s="160">
        <v>0</v>
      </c>
      <c r="CD16" s="165">
        <v>0</v>
      </c>
      <c r="CE16" s="162">
        <v>0</v>
      </c>
      <c r="CF16" s="160">
        <v>3</v>
      </c>
      <c r="CG16" s="160">
        <v>3</v>
      </c>
      <c r="CH16" s="160">
        <v>3</v>
      </c>
      <c r="CI16" s="160">
        <v>1</v>
      </c>
      <c r="CJ16" s="160">
        <v>3</v>
      </c>
      <c r="CK16" s="165">
        <v>13</v>
      </c>
      <c r="CL16" s="164">
        <v>13</v>
      </c>
      <c r="CM16" s="159">
        <v>0</v>
      </c>
      <c r="CN16" s="160">
        <v>0</v>
      </c>
      <c r="CO16" s="165">
        <v>0</v>
      </c>
      <c r="CP16" s="162">
        <v>0</v>
      </c>
      <c r="CQ16" s="160">
        <v>0</v>
      </c>
      <c r="CR16" s="160">
        <v>0</v>
      </c>
      <c r="CS16" s="160">
        <v>0</v>
      </c>
      <c r="CT16" s="160">
        <v>0</v>
      </c>
      <c r="CU16" s="160">
        <v>0</v>
      </c>
      <c r="CV16" s="165">
        <v>0</v>
      </c>
      <c r="CW16" s="164">
        <v>0</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4</v>
      </c>
      <c r="DU16" s="160">
        <v>8</v>
      </c>
      <c r="DV16" s="165">
        <v>12</v>
      </c>
      <c r="DW16" s="162">
        <v>0</v>
      </c>
      <c r="DX16" s="160">
        <v>25</v>
      </c>
      <c r="DY16" s="160">
        <v>44</v>
      </c>
      <c r="DZ16" s="160">
        <v>23</v>
      </c>
      <c r="EA16" s="160">
        <v>14</v>
      </c>
      <c r="EB16" s="160">
        <v>12</v>
      </c>
      <c r="EC16" s="165">
        <v>118</v>
      </c>
      <c r="ED16" s="164">
        <v>130</v>
      </c>
      <c r="EE16" s="159">
        <v>0</v>
      </c>
      <c r="EF16" s="160">
        <v>0</v>
      </c>
      <c r="EG16" s="165">
        <v>0</v>
      </c>
      <c r="EH16" s="162">
        <v>0</v>
      </c>
      <c r="EI16" s="160">
        <v>10</v>
      </c>
      <c r="EJ16" s="160">
        <v>8</v>
      </c>
      <c r="EK16" s="160">
        <v>11</v>
      </c>
      <c r="EL16" s="160">
        <v>6</v>
      </c>
      <c r="EM16" s="160">
        <v>5</v>
      </c>
      <c r="EN16" s="165">
        <v>40</v>
      </c>
      <c r="EO16" s="164">
        <v>40</v>
      </c>
      <c r="EP16" s="159">
        <v>5</v>
      </c>
      <c r="EQ16" s="160">
        <v>9</v>
      </c>
      <c r="ER16" s="165">
        <v>14</v>
      </c>
      <c r="ES16" s="162">
        <v>0</v>
      </c>
      <c r="ET16" s="160">
        <v>58</v>
      </c>
      <c r="EU16" s="160">
        <v>59</v>
      </c>
      <c r="EV16" s="160">
        <v>36</v>
      </c>
      <c r="EW16" s="160">
        <v>17</v>
      </c>
      <c r="EX16" s="160">
        <v>12</v>
      </c>
      <c r="EY16" s="165">
        <v>182</v>
      </c>
      <c r="EZ16" s="164">
        <v>196</v>
      </c>
    </row>
    <row r="17" spans="2:156" ht="21" customHeight="1" x14ac:dyDescent="0.2">
      <c r="B17" s="166" t="s">
        <v>15</v>
      </c>
      <c r="C17" s="159">
        <v>0</v>
      </c>
      <c r="D17" s="160">
        <v>0</v>
      </c>
      <c r="E17" s="161">
        <v>0</v>
      </c>
      <c r="F17" s="162">
        <v>0</v>
      </c>
      <c r="G17" s="160">
        <v>3</v>
      </c>
      <c r="H17" s="160">
        <v>4</v>
      </c>
      <c r="I17" s="160">
        <v>1</v>
      </c>
      <c r="J17" s="160">
        <v>4</v>
      </c>
      <c r="K17" s="160">
        <v>3</v>
      </c>
      <c r="L17" s="163">
        <v>15</v>
      </c>
      <c r="M17" s="164">
        <v>15</v>
      </c>
      <c r="N17" s="159">
        <v>0</v>
      </c>
      <c r="O17" s="160">
        <v>0</v>
      </c>
      <c r="P17" s="165">
        <v>0</v>
      </c>
      <c r="Q17" s="162">
        <v>0</v>
      </c>
      <c r="R17" s="160">
        <v>0</v>
      </c>
      <c r="S17" s="160">
        <v>0</v>
      </c>
      <c r="T17" s="160">
        <v>0</v>
      </c>
      <c r="U17" s="160">
        <v>2</v>
      </c>
      <c r="V17" s="160">
        <v>1</v>
      </c>
      <c r="W17" s="165">
        <v>3</v>
      </c>
      <c r="X17" s="164">
        <v>3</v>
      </c>
      <c r="Y17" s="159">
        <v>0</v>
      </c>
      <c r="Z17" s="160">
        <v>2</v>
      </c>
      <c r="AA17" s="165">
        <v>2</v>
      </c>
      <c r="AB17" s="162">
        <v>0</v>
      </c>
      <c r="AC17" s="160">
        <v>5</v>
      </c>
      <c r="AD17" s="160">
        <v>5</v>
      </c>
      <c r="AE17" s="160">
        <v>4</v>
      </c>
      <c r="AF17" s="160">
        <v>5</v>
      </c>
      <c r="AG17" s="160">
        <v>1</v>
      </c>
      <c r="AH17" s="165">
        <v>20</v>
      </c>
      <c r="AI17" s="164">
        <v>22</v>
      </c>
      <c r="AJ17" s="159">
        <v>0</v>
      </c>
      <c r="AK17" s="160">
        <v>0</v>
      </c>
      <c r="AL17" s="165">
        <v>0</v>
      </c>
      <c r="AM17" s="162">
        <v>0</v>
      </c>
      <c r="AN17" s="160">
        <v>2</v>
      </c>
      <c r="AO17" s="160">
        <v>2</v>
      </c>
      <c r="AP17" s="160">
        <v>0</v>
      </c>
      <c r="AQ17" s="160">
        <v>0</v>
      </c>
      <c r="AR17" s="160">
        <v>0</v>
      </c>
      <c r="AS17" s="165">
        <v>4</v>
      </c>
      <c r="AT17" s="164">
        <v>4</v>
      </c>
      <c r="AU17" s="159">
        <v>0</v>
      </c>
      <c r="AV17" s="160">
        <v>1</v>
      </c>
      <c r="AW17" s="165">
        <v>1</v>
      </c>
      <c r="AX17" s="162">
        <v>0</v>
      </c>
      <c r="AY17" s="160">
        <v>14</v>
      </c>
      <c r="AZ17" s="160">
        <v>4</v>
      </c>
      <c r="BA17" s="160">
        <v>6</v>
      </c>
      <c r="BB17" s="160">
        <v>7</v>
      </c>
      <c r="BC17" s="160">
        <v>3</v>
      </c>
      <c r="BD17" s="163">
        <v>34</v>
      </c>
      <c r="BE17" s="164">
        <v>35</v>
      </c>
      <c r="BF17" s="159">
        <v>0</v>
      </c>
      <c r="BG17" s="160">
        <v>0</v>
      </c>
      <c r="BH17" s="165">
        <v>0</v>
      </c>
      <c r="BI17" s="162">
        <v>0</v>
      </c>
      <c r="BJ17" s="160">
        <v>4</v>
      </c>
      <c r="BK17" s="160">
        <v>3</v>
      </c>
      <c r="BL17" s="160">
        <v>1</v>
      </c>
      <c r="BM17" s="160">
        <v>1</v>
      </c>
      <c r="BN17" s="160">
        <v>0</v>
      </c>
      <c r="BO17" s="165">
        <v>9</v>
      </c>
      <c r="BP17" s="164">
        <v>9</v>
      </c>
      <c r="BQ17" s="159">
        <v>1</v>
      </c>
      <c r="BR17" s="160">
        <v>0</v>
      </c>
      <c r="BS17" s="165">
        <v>1</v>
      </c>
      <c r="BT17" s="162">
        <v>0</v>
      </c>
      <c r="BU17" s="160">
        <v>1</v>
      </c>
      <c r="BV17" s="160">
        <v>0</v>
      </c>
      <c r="BW17" s="160">
        <v>5</v>
      </c>
      <c r="BX17" s="160">
        <v>1</v>
      </c>
      <c r="BY17" s="160">
        <v>0</v>
      </c>
      <c r="BZ17" s="165">
        <v>7</v>
      </c>
      <c r="CA17" s="164">
        <v>8</v>
      </c>
      <c r="CB17" s="159">
        <v>0</v>
      </c>
      <c r="CC17" s="160">
        <v>0</v>
      </c>
      <c r="CD17" s="165">
        <v>0</v>
      </c>
      <c r="CE17" s="162">
        <v>0</v>
      </c>
      <c r="CF17" s="160">
        <v>0</v>
      </c>
      <c r="CG17" s="160">
        <v>2</v>
      </c>
      <c r="CH17" s="160">
        <v>0</v>
      </c>
      <c r="CI17" s="160">
        <v>2</v>
      </c>
      <c r="CJ17" s="160">
        <v>0</v>
      </c>
      <c r="CK17" s="165">
        <v>4</v>
      </c>
      <c r="CL17" s="164">
        <v>4</v>
      </c>
      <c r="CM17" s="159">
        <v>0</v>
      </c>
      <c r="CN17" s="160">
        <v>0</v>
      </c>
      <c r="CO17" s="165">
        <v>0</v>
      </c>
      <c r="CP17" s="162">
        <v>0</v>
      </c>
      <c r="CQ17" s="160">
        <v>0</v>
      </c>
      <c r="CR17" s="160">
        <v>0</v>
      </c>
      <c r="CS17" s="160">
        <v>0</v>
      </c>
      <c r="CT17" s="160">
        <v>0</v>
      </c>
      <c r="CU17" s="160">
        <v>0</v>
      </c>
      <c r="CV17" s="165">
        <v>0</v>
      </c>
      <c r="CW17" s="164">
        <v>0</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4</v>
      </c>
      <c r="DU17" s="160">
        <v>6</v>
      </c>
      <c r="DV17" s="165">
        <v>10</v>
      </c>
      <c r="DW17" s="162">
        <v>0</v>
      </c>
      <c r="DX17" s="160">
        <v>6</v>
      </c>
      <c r="DY17" s="160">
        <v>13</v>
      </c>
      <c r="DZ17" s="160">
        <v>13</v>
      </c>
      <c r="EA17" s="160">
        <v>10</v>
      </c>
      <c r="EB17" s="160">
        <v>6</v>
      </c>
      <c r="EC17" s="165">
        <v>48</v>
      </c>
      <c r="ED17" s="164">
        <v>58</v>
      </c>
      <c r="EE17" s="159">
        <v>2</v>
      </c>
      <c r="EF17" s="160">
        <v>3</v>
      </c>
      <c r="EG17" s="165">
        <v>5</v>
      </c>
      <c r="EH17" s="162">
        <v>0</v>
      </c>
      <c r="EI17" s="160">
        <v>7</v>
      </c>
      <c r="EJ17" s="160">
        <v>2</v>
      </c>
      <c r="EK17" s="160">
        <v>4</v>
      </c>
      <c r="EL17" s="160">
        <v>1</v>
      </c>
      <c r="EM17" s="160">
        <v>0</v>
      </c>
      <c r="EN17" s="165">
        <v>14</v>
      </c>
      <c r="EO17" s="164">
        <v>19</v>
      </c>
      <c r="EP17" s="159">
        <v>5</v>
      </c>
      <c r="EQ17" s="160">
        <v>9</v>
      </c>
      <c r="ER17" s="165">
        <v>14</v>
      </c>
      <c r="ES17" s="162">
        <v>0</v>
      </c>
      <c r="ET17" s="160">
        <v>23</v>
      </c>
      <c r="EU17" s="160">
        <v>20</v>
      </c>
      <c r="EV17" s="160">
        <v>12</v>
      </c>
      <c r="EW17" s="160">
        <v>12</v>
      </c>
      <c r="EX17" s="160">
        <v>4</v>
      </c>
      <c r="EY17" s="165">
        <v>71</v>
      </c>
      <c r="EZ17" s="164">
        <v>85</v>
      </c>
    </row>
    <row r="18" spans="2:156" ht="21" customHeight="1" x14ac:dyDescent="0.2">
      <c r="B18" s="166" t="s">
        <v>16</v>
      </c>
      <c r="C18" s="159">
        <v>0</v>
      </c>
      <c r="D18" s="160">
        <v>0</v>
      </c>
      <c r="E18" s="161">
        <v>0</v>
      </c>
      <c r="F18" s="162">
        <v>0</v>
      </c>
      <c r="G18" s="160">
        <v>7</v>
      </c>
      <c r="H18" s="160">
        <v>7</v>
      </c>
      <c r="I18" s="160">
        <v>8</v>
      </c>
      <c r="J18" s="160">
        <v>3</v>
      </c>
      <c r="K18" s="160">
        <v>2</v>
      </c>
      <c r="L18" s="163">
        <v>27</v>
      </c>
      <c r="M18" s="164">
        <v>27</v>
      </c>
      <c r="N18" s="159">
        <v>0</v>
      </c>
      <c r="O18" s="160">
        <v>0</v>
      </c>
      <c r="P18" s="165">
        <v>0</v>
      </c>
      <c r="Q18" s="162">
        <v>0</v>
      </c>
      <c r="R18" s="160">
        <v>0</v>
      </c>
      <c r="S18" s="160">
        <v>0</v>
      </c>
      <c r="T18" s="160">
        <v>1</v>
      </c>
      <c r="U18" s="160">
        <v>1</v>
      </c>
      <c r="V18" s="160">
        <v>1</v>
      </c>
      <c r="W18" s="165">
        <v>3</v>
      </c>
      <c r="X18" s="164">
        <v>3</v>
      </c>
      <c r="Y18" s="159">
        <v>6</v>
      </c>
      <c r="Z18" s="160">
        <v>4</v>
      </c>
      <c r="AA18" s="165">
        <v>10</v>
      </c>
      <c r="AB18" s="162">
        <v>0</v>
      </c>
      <c r="AC18" s="160">
        <v>10</v>
      </c>
      <c r="AD18" s="160">
        <v>23</v>
      </c>
      <c r="AE18" s="160">
        <v>4</v>
      </c>
      <c r="AF18" s="160">
        <v>5</v>
      </c>
      <c r="AG18" s="160">
        <v>5</v>
      </c>
      <c r="AH18" s="165">
        <v>47</v>
      </c>
      <c r="AI18" s="164">
        <v>57</v>
      </c>
      <c r="AJ18" s="159">
        <v>1</v>
      </c>
      <c r="AK18" s="160">
        <v>0</v>
      </c>
      <c r="AL18" s="165">
        <v>1</v>
      </c>
      <c r="AM18" s="162">
        <v>0</v>
      </c>
      <c r="AN18" s="160">
        <v>0</v>
      </c>
      <c r="AO18" s="160">
        <v>2</v>
      </c>
      <c r="AP18" s="160">
        <v>0</v>
      </c>
      <c r="AQ18" s="160">
        <v>1</v>
      </c>
      <c r="AR18" s="160">
        <v>0</v>
      </c>
      <c r="AS18" s="165">
        <v>3</v>
      </c>
      <c r="AT18" s="164">
        <v>4</v>
      </c>
      <c r="AU18" s="159">
        <v>4</v>
      </c>
      <c r="AV18" s="160">
        <v>4</v>
      </c>
      <c r="AW18" s="165">
        <v>8</v>
      </c>
      <c r="AX18" s="162">
        <v>0</v>
      </c>
      <c r="AY18" s="160">
        <v>14</v>
      </c>
      <c r="AZ18" s="160">
        <v>25</v>
      </c>
      <c r="BA18" s="160">
        <v>14</v>
      </c>
      <c r="BB18" s="160">
        <v>13</v>
      </c>
      <c r="BC18" s="160">
        <v>11</v>
      </c>
      <c r="BD18" s="163">
        <v>77</v>
      </c>
      <c r="BE18" s="164">
        <v>85</v>
      </c>
      <c r="BF18" s="159">
        <v>0</v>
      </c>
      <c r="BG18" s="160">
        <v>0</v>
      </c>
      <c r="BH18" s="165">
        <v>0</v>
      </c>
      <c r="BI18" s="162">
        <v>0</v>
      </c>
      <c r="BJ18" s="160">
        <v>13</v>
      </c>
      <c r="BK18" s="160">
        <v>25</v>
      </c>
      <c r="BL18" s="160">
        <v>7</v>
      </c>
      <c r="BM18" s="160">
        <v>3</v>
      </c>
      <c r="BN18" s="160">
        <v>2</v>
      </c>
      <c r="BO18" s="165">
        <v>50</v>
      </c>
      <c r="BP18" s="164">
        <v>50</v>
      </c>
      <c r="BQ18" s="159">
        <v>3</v>
      </c>
      <c r="BR18" s="160">
        <v>10</v>
      </c>
      <c r="BS18" s="165">
        <v>13</v>
      </c>
      <c r="BT18" s="162">
        <v>0</v>
      </c>
      <c r="BU18" s="160">
        <v>13</v>
      </c>
      <c r="BV18" s="160">
        <v>30</v>
      </c>
      <c r="BW18" s="160">
        <v>7</v>
      </c>
      <c r="BX18" s="160">
        <v>0</v>
      </c>
      <c r="BY18" s="160">
        <v>2</v>
      </c>
      <c r="BZ18" s="165">
        <v>52</v>
      </c>
      <c r="CA18" s="164">
        <v>65</v>
      </c>
      <c r="CB18" s="159">
        <v>0</v>
      </c>
      <c r="CC18" s="160">
        <v>0</v>
      </c>
      <c r="CD18" s="165">
        <v>0</v>
      </c>
      <c r="CE18" s="162">
        <v>0</v>
      </c>
      <c r="CF18" s="160">
        <v>1</v>
      </c>
      <c r="CG18" s="160">
        <v>2</v>
      </c>
      <c r="CH18" s="160">
        <v>1</v>
      </c>
      <c r="CI18" s="160">
        <v>3</v>
      </c>
      <c r="CJ18" s="160">
        <v>1</v>
      </c>
      <c r="CK18" s="165">
        <v>8</v>
      </c>
      <c r="CL18" s="164">
        <v>8</v>
      </c>
      <c r="CM18" s="159">
        <v>0</v>
      </c>
      <c r="CN18" s="160">
        <v>0</v>
      </c>
      <c r="CO18" s="165">
        <v>0</v>
      </c>
      <c r="CP18" s="162">
        <v>0</v>
      </c>
      <c r="CQ18" s="160">
        <v>0</v>
      </c>
      <c r="CR18" s="160">
        <v>1</v>
      </c>
      <c r="CS18" s="160">
        <v>1</v>
      </c>
      <c r="CT18" s="160">
        <v>0</v>
      </c>
      <c r="CU18" s="160">
        <v>0</v>
      </c>
      <c r="CV18" s="165">
        <v>2</v>
      </c>
      <c r="CW18" s="164">
        <v>2</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2</v>
      </c>
      <c r="DU18" s="160">
        <v>21</v>
      </c>
      <c r="DV18" s="165">
        <v>33</v>
      </c>
      <c r="DW18" s="162">
        <v>0</v>
      </c>
      <c r="DX18" s="160">
        <v>22</v>
      </c>
      <c r="DY18" s="160">
        <v>57</v>
      </c>
      <c r="DZ18" s="160">
        <v>27</v>
      </c>
      <c r="EA18" s="160">
        <v>10</v>
      </c>
      <c r="EB18" s="160">
        <v>6</v>
      </c>
      <c r="EC18" s="165">
        <v>122</v>
      </c>
      <c r="ED18" s="164">
        <v>155</v>
      </c>
      <c r="EE18" s="159">
        <v>4</v>
      </c>
      <c r="EF18" s="160">
        <v>1</v>
      </c>
      <c r="EG18" s="165">
        <v>5</v>
      </c>
      <c r="EH18" s="162">
        <v>0</v>
      </c>
      <c r="EI18" s="160">
        <v>11</v>
      </c>
      <c r="EJ18" s="160">
        <v>14</v>
      </c>
      <c r="EK18" s="160">
        <v>6</v>
      </c>
      <c r="EL18" s="160">
        <v>8</v>
      </c>
      <c r="EM18" s="160">
        <v>6</v>
      </c>
      <c r="EN18" s="165">
        <v>45</v>
      </c>
      <c r="EO18" s="164">
        <v>50</v>
      </c>
      <c r="EP18" s="159">
        <v>19</v>
      </c>
      <c r="EQ18" s="160">
        <v>29</v>
      </c>
      <c r="ER18" s="165">
        <v>48</v>
      </c>
      <c r="ES18" s="162">
        <v>0</v>
      </c>
      <c r="ET18" s="160">
        <v>49</v>
      </c>
      <c r="EU18" s="160">
        <v>77</v>
      </c>
      <c r="EV18" s="160">
        <v>26</v>
      </c>
      <c r="EW18" s="160">
        <v>10</v>
      </c>
      <c r="EX18" s="160">
        <v>6</v>
      </c>
      <c r="EY18" s="165">
        <v>168</v>
      </c>
      <c r="EZ18" s="164">
        <v>216</v>
      </c>
    </row>
    <row r="19" spans="2:156" ht="21" customHeight="1" x14ac:dyDescent="0.2">
      <c r="B19" s="166" t="s">
        <v>17</v>
      </c>
      <c r="C19" s="159">
        <v>0</v>
      </c>
      <c r="D19" s="160">
        <v>0</v>
      </c>
      <c r="E19" s="161">
        <v>0</v>
      </c>
      <c r="F19" s="162">
        <v>0</v>
      </c>
      <c r="G19" s="160">
        <v>13</v>
      </c>
      <c r="H19" s="160">
        <v>20</v>
      </c>
      <c r="I19" s="160">
        <v>14</v>
      </c>
      <c r="J19" s="160">
        <v>12</v>
      </c>
      <c r="K19" s="160">
        <v>5</v>
      </c>
      <c r="L19" s="163">
        <v>64</v>
      </c>
      <c r="M19" s="164">
        <v>64</v>
      </c>
      <c r="N19" s="159">
        <v>0</v>
      </c>
      <c r="O19" s="160">
        <v>0</v>
      </c>
      <c r="P19" s="165">
        <v>0</v>
      </c>
      <c r="Q19" s="162">
        <v>0</v>
      </c>
      <c r="R19" s="160">
        <v>0</v>
      </c>
      <c r="S19" s="160">
        <v>0</v>
      </c>
      <c r="T19" s="160">
        <v>1</v>
      </c>
      <c r="U19" s="160">
        <v>0</v>
      </c>
      <c r="V19" s="160">
        <v>1</v>
      </c>
      <c r="W19" s="165">
        <v>2</v>
      </c>
      <c r="X19" s="164">
        <v>2</v>
      </c>
      <c r="Y19" s="159">
        <v>0</v>
      </c>
      <c r="Z19" s="160">
        <v>4</v>
      </c>
      <c r="AA19" s="165">
        <v>4</v>
      </c>
      <c r="AB19" s="162">
        <v>0</v>
      </c>
      <c r="AC19" s="160">
        <v>14</v>
      </c>
      <c r="AD19" s="160">
        <v>20</v>
      </c>
      <c r="AE19" s="160">
        <v>19</v>
      </c>
      <c r="AF19" s="160">
        <v>3</v>
      </c>
      <c r="AG19" s="160">
        <v>3</v>
      </c>
      <c r="AH19" s="165">
        <v>59</v>
      </c>
      <c r="AI19" s="164">
        <v>63</v>
      </c>
      <c r="AJ19" s="159">
        <v>0</v>
      </c>
      <c r="AK19" s="160">
        <v>1</v>
      </c>
      <c r="AL19" s="165">
        <v>1</v>
      </c>
      <c r="AM19" s="162">
        <v>0</v>
      </c>
      <c r="AN19" s="160">
        <v>1</v>
      </c>
      <c r="AO19" s="160">
        <v>2</v>
      </c>
      <c r="AP19" s="160">
        <v>1</v>
      </c>
      <c r="AQ19" s="160">
        <v>0</v>
      </c>
      <c r="AR19" s="160">
        <v>1</v>
      </c>
      <c r="AS19" s="165">
        <v>5</v>
      </c>
      <c r="AT19" s="164">
        <v>6</v>
      </c>
      <c r="AU19" s="159">
        <v>9</v>
      </c>
      <c r="AV19" s="160">
        <v>3</v>
      </c>
      <c r="AW19" s="165">
        <v>12</v>
      </c>
      <c r="AX19" s="162">
        <v>0</v>
      </c>
      <c r="AY19" s="160">
        <v>12</v>
      </c>
      <c r="AZ19" s="160">
        <v>32</v>
      </c>
      <c r="BA19" s="160">
        <v>30</v>
      </c>
      <c r="BB19" s="160">
        <v>12</v>
      </c>
      <c r="BC19" s="160">
        <v>12</v>
      </c>
      <c r="BD19" s="163">
        <v>98</v>
      </c>
      <c r="BE19" s="164">
        <v>110</v>
      </c>
      <c r="BF19" s="159">
        <v>0</v>
      </c>
      <c r="BG19" s="160">
        <v>0</v>
      </c>
      <c r="BH19" s="165">
        <v>0</v>
      </c>
      <c r="BI19" s="162">
        <v>0</v>
      </c>
      <c r="BJ19" s="160">
        <v>16</v>
      </c>
      <c r="BK19" s="160">
        <v>27</v>
      </c>
      <c r="BL19" s="160">
        <v>9</v>
      </c>
      <c r="BM19" s="160">
        <v>3</v>
      </c>
      <c r="BN19" s="160">
        <v>1</v>
      </c>
      <c r="BO19" s="165">
        <v>56</v>
      </c>
      <c r="BP19" s="164">
        <v>56</v>
      </c>
      <c r="BQ19" s="159">
        <v>5</v>
      </c>
      <c r="BR19" s="160">
        <v>2</v>
      </c>
      <c r="BS19" s="165">
        <v>7</v>
      </c>
      <c r="BT19" s="162">
        <v>0</v>
      </c>
      <c r="BU19" s="160">
        <v>6</v>
      </c>
      <c r="BV19" s="160">
        <v>14</v>
      </c>
      <c r="BW19" s="160">
        <v>5</v>
      </c>
      <c r="BX19" s="160">
        <v>1</v>
      </c>
      <c r="BY19" s="160">
        <v>0</v>
      </c>
      <c r="BZ19" s="165">
        <v>26</v>
      </c>
      <c r="CA19" s="164">
        <v>33</v>
      </c>
      <c r="CB19" s="159">
        <v>0</v>
      </c>
      <c r="CC19" s="160">
        <v>0</v>
      </c>
      <c r="CD19" s="165">
        <v>0</v>
      </c>
      <c r="CE19" s="162">
        <v>0</v>
      </c>
      <c r="CF19" s="160">
        <v>3</v>
      </c>
      <c r="CG19" s="160">
        <v>8</v>
      </c>
      <c r="CH19" s="160">
        <v>4</v>
      </c>
      <c r="CI19" s="160">
        <v>4</v>
      </c>
      <c r="CJ19" s="160">
        <v>1</v>
      </c>
      <c r="CK19" s="165">
        <v>20</v>
      </c>
      <c r="CL19" s="164">
        <v>20</v>
      </c>
      <c r="CM19" s="159">
        <v>0</v>
      </c>
      <c r="CN19" s="160">
        <v>0</v>
      </c>
      <c r="CO19" s="165">
        <v>0</v>
      </c>
      <c r="CP19" s="162">
        <v>0</v>
      </c>
      <c r="CQ19" s="160">
        <v>1</v>
      </c>
      <c r="CR19" s="160">
        <v>2</v>
      </c>
      <c r="CS19" s="160">
        <v>2</v>
      </c>
      <c r="CT19" s="160">
        <v>0</v>
      </c>
      <c r="CU19" s="160">
        <v>0</v>
      </c>
      <c r="CV19" s="165">
        <v>5</v>
      </c>
      <c r="CW19" s="164">
        <v>5</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1</v>
      </c>
      <c r="DU19" s="160">
        <v>27</v>
      </c>
      <c r="DV19" s="165">
        <v>38</v>
      </c>
      <c r="DW19" s="162">
        <v>0</v>
      </c>
      <c r="DX19" s="160">
        <v>16</v>
      </c>
      <c r="DY19" s="160">
        <v>74</v>
      </c>
      <c r="DZ19" s="160">
        <v>35</v>
      </c>
      <c r="EA19" s="160">
        <v>15</v>
      </c>
      <c r="EB19" s="160">
        <v>8</v>
      </c>
      <c r="EC19" s="165">
        <v>148</v>
      </c>
      <c r="ED19" s="164">
        <v>186</v>
      </c>
      <c r="EE19" s="159">
        <v>5</v>
      </c>
      <c r="EF19" s="160">
        <v>2</v>
      </c>
      <c r="EG19" s="165">
        <v>7</v>
      </c>
      <c r="EH19" s="162">
        <v>0</v>
      </c>
      <c r="EI19" s="160">
        <v>9</v>
      </c>
      <c r="EJ19" s="160">
        <v>14</v>
      </c>
      <c r="EK19" s="160">
        <v>6</v>
      </c>
      <c r="EL19" s="160">
        <v>3</v>
      </c>
      <c r="EM19" s="160">
        <v>3</v>
      </c>
      <c r="EN19" s="165">
        <v>35</v>
      </c>
      <c r="EO19" s="164">
        <v>42</v>
      </c>
      <c r="EP19" s="159">
        <v>17</v>
      </c>
      <c r="EQ19" s="160">
        <v>31</v>
      </c>
      <c r="ER19" s="165">
        <v>48</v>
      </c>
      <c r="ES19" s="162">
        <v>0</v>
      </c>
      <c r="ET19" s="160">
        <v>66</v>
      </c>
      <c r="EU19" s="160">
        <v>102</v>
      </c>
      <c r="EV19" s="160">
        <v>40</v>
      </c>
      <c r="EW19" s="160">
        <v>22</v>
      </c>
      <c r="EX19" s="160">
        <v>7</v>
      </c>
      <c r="EY19" s="165">
        <v>237</v>
      </c>
      <c r="EZ19" s="164">
        <v>285</v>
      </c>
    </row>
    <row r="20" spans="2:156" ht="21" customHeight="1" x14ac:dyDescent="0.2">
      <c r="B20" s="166" t="s">
        <v>18</v>
      </c>
      <c r="C20" s="159">
        <v>0</v>
      </c>
      <c r="D20" s="160">
        <v>0</v>
      </c>
      <c r="E20" s="161">
        <v>0</v>
      </c>
      <c r="F20" s="162">
        <v>0</v>
      </c>
      <c r="G20" s="160">
        <v>23</v>
      </c>
      <c r="H20" s="160">
        <v>24</v>
      </c>
      <c r="I20" s="160">
        <v>18</v>
      </c>
      <c r="J20" s="160">
        <v>6</v>
      </c>
      <c r="K20" s="160">
        <v>7</v>
      </c>
      <c r="L20" s="163">
        <v>78</v>
      </c>
      <c r="M20" s="164">
        <v>78</v>
      </c>
      <c r="N20" s="159">
        <v>0</v>
      </c>
      <c r="O20" s="160">
        <v>0</v>
      </c>
      <c r="P20" s="165">
        <v>0</v>
      </c>
      <c r="Q20" s="162">
        <v>0</v>
      </c>
      <c r="R20" s="160">
        <v>0</v>
      </c>
      <c r="S20" s="160">
        <v>1</v>
      </c>
      <c r="T20" s="160">
        <v>0</v>
      </c>
      <c r="U20" s="160">
        <v>4</v>
      </c>
      <c r="V20" s="160">
        <v>5</v>
      </c>
      <c r="W20" s="165">
        <v>10</v>
      </c>
      <c r="X20" s="164">
        <v>10</v>
      </c>
      <c r="Y20" s="159">
        <v>4</v>
      </c>
      <c r="Z20" s="160">
        <v>8</v>
      </c>
      <c r="AA20" s="165">
        <v>12</v>
      </c>
      <c r="AB20" s="162">
        <v>0</v>
      </c>
      <c r="AC20" s="160">
        <v>20</v>
      </c>
      <c r="AD20" s="160">
        <v>24</v>
      </c>
      <c r="AE20" s="160">
        <v>15</v>
      </c>
      <c r="AF20" s="160">
        <v>10</v>
      </c>
      <c r="AG20" s="160">
        <v>7</v>
      </c>
      <c r="AH20" s="165">
        <v>76</v>
      </c>
      <c r="AI20" s="164">
        <v>88</v>
      </c>
      <c r="AJ20" s="159">
        <v>0</v>
      </c>
      <c r="AK20" s="160">
        <v>1</v>
      </c>
      <c r="AL20" s="165">
        <v>1</v>
      </c>
      <c r="AM20" s="162">
        <v>0</v>
      </c>
      <c r="AN20" s="160">
        <v>2</v>
      </c>
      <c r="AO20" s="160">
        <v>4</v>
      </c>
      <c r="AP20" s="160">
        <v>3</v>
      </c>
      <c r="AQ20" s="160">
        <v>1</v>
      </c>
      <c r="AR20" s="160">
        <v>0</v>
      </c>
      <c r="AS20" s="165">
        <v>10</v>
      </c>
      <c r="AT20" s="164">
        <v>11</v>
      </c>
      <c r="AU20" s="159">
        <v>3</v>
      </c>
      <c r="AV20" s="160">
        <v>5</v>
      </c>
      <c r="AW20" s="165">
        <v>8</v>
      </c>
      <c r="AX20" s="162">
        <v>0</v>
      </c>
      <c r="AY20" s="160">
        <v>43</v>
      </c>
      <c r="AZ20" s="160">
        <v>35</v>
      </c>
      <c r="BA20" s="160">
        <v>36</v>
      </c>
      <c r="BB20" s="160">
        <v>22</v>
      </c>
      <c r="BC20" s="160">
        <v>17</v>
      </c>
      <c r="BD20" s="163">
        <v>153</v>
      </c>
      <c r="BE20" s="164">
        <v>161</v>
      </c>
      <c r="BF20" s="159">
        <v>0</v>
      </c>
      <c r="BG20" s="160">
        <v>0</v>
      </c>
      <c r="BH20" s="165">
        <v>0</v>
      </c>
      <c r="BI20" s="162">
        <v>0</v>
      </c>
      <c r="BJ20" s="160">
        <v>55</v>
      </c>
      <c r="BK20" s="160">
        <v>27</v>
      </c>
      <c r="BL20" s="160">
        <v>22</v>
      </c>
      <c r="BM20" s="160">
        <v>7</v>
      </c>
      <c r="BN20" s="160">
        <v>3</v>
      </c>
      <c r="BO20" s="165">
        <v>114</v>
      </c>
      <c r="BP20" s="164">
        <v>114</v>
      </c>
      <c r="BQ20" s="159">
        <v>3</v>
      </c>
      <c r="BR20" s="160">
        <v>8</v>
      </c>
      <c r="BS20" s="165">
        <v>11</v>
      </c>
      <c r="BT20" s="162">
        <v>0</v>
      </c>
      <c r="BU20" s="160">
        <v>13</v>
      </c>
      <c r="BV20" s="160">
        <v>11</v>
      </c>
      <c r="BW20" s="160">
        <v>6</v>
      </c>
      <c r="BX20" s="160">
        <v>2</v>
      </c>
      <c r="BY20" s="160">
        <v>2</v>
      </c>
      <c r="BZ20" s="165">
        <v>34</v>
      </c>
      <c r="CA20" s="164">
        <v>45</v>
      </c>
      <c r="CB20" s="159">
        <v>0</v>
      </c>
      <c r="CC20" s="160">
        <v>2</v>
      </c>
      <c r="CD20" s="165">
        <v>2</v>
      </c>
      <c r="CE20" s="162">
        <v>0</v>
      </c>
      <c r="CF20" s="160">
        <v>7</v>
      </c>
      <c r="CG20" s="160">
        <v>10</v>
      </c>
      <c r="CH20" s="160">
        <v>10</v>
      </c>
      <c r="CI20" s="160">
        <v>4</v>
      </c>
      <c r="CJ20" s="160">
        <v>1</v>
      </c>
      <c r="CK20" s="165">
        <v>32</v>
      </c>
      <c r="CL20" s="164">
        <v>34</v>
      </c>
      <c r="CM20" s="159">
        <v>0</v>
      </c>
      <c r="CN20" s="160">
        <v>0</v>
      </c>
      <c r="CO20" s="165">
        <v>0</v>
      </c>
      <c r="CP20" s="162">
        <v>0</v>
      </c>
      <c r="CQ20" s="160">
        <v>0</v>
      </c>
      <c r="CR20" s="160">
        <v>0</v>
      </c>
      <c r="CS20" s="160">
        <v>0</v>
      </c>
      <c r="CT20" s="160">
        <v>0</v>
      </c>
      <c r="CU20" s="160">
        <v>0</v>
      </c>
      <c r="CV20" s="165">
        <v>0</v>
      </c>
      <c r="CW20" s="164">
        <v>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1</v>
      </c>
      <c r="DU20" s="160">
        <v>28</v>
      </c>
      <c r="DV20" s="165">
        <v>39</v>
      </c>
      <c r="DW20" s="162">
        <v>0</v>
      </c>
      <c r="DX20" s="160">
        <v>52</v>
      </c>
      <c r="DY20" s="160">
        <v>56</v>
      </c>
      <c r="DZ20" s="160">
        <v>41</v>
      </c>
      <c r="EA20" s="160">
        <v>19</v>
      </c>
      <c r="EB20" s="160">
        <v>17</v>
      </c>
      <c r="EC20" s="165">
        <v>185</v>
      </c>
      <c r="ED20" s="164">
        <v>224</v>
      </c>
      <c r="EE20" s="159">
        <v>2</v>
      </c>
      <c r="EF20" s="160">
        <v>1</v>
      </c>
      <c r="EG20" s="165">
        <v>3</v>
      </c>
      <c r="EH20" s="162">
        <v>0</v>
      </c>
      <c r="EI20" s="160">
        <v>17</v>
      </c>
      <c r="EJ20" s="160">
        <v>12</v>
      </c>
      <c r="EK20" s="160">
        <v>8</v>
      </c>
      <c r="EL20" s="160">
        <v>9</v>
      </c>
      <c r="EM20" s="160">
        <v>4</v>
      </c>
      <c r="EN20" s="165">
        <v>50</v>
      </c>
      <c r="EO20" s="164">
        <v>53</v>
      </c>
      <c r="EP20" s="159">
        <v>17</v>
      </c>
      <c r="EQ20" s="160">
        <v>35</v>
      </c>
      <c r="ER20" s="165">
        <v>52</v>
      </c>
      <c r="ES20" s="162">
        <v>0</v>
      </c>
      <c r="ET20" s="160">
        <v>113</v>
      </c>
      <c r="EU20" s="160">
        <v>89</v>
      </c>
      <c r="EV20" s="160">
        <v>52</v>
      </c>
      <c r="EW20" s="160">
        <v>18</v>
      </c>
      <c r="EX20" s="160">
        <v>18</v>
      </c>
      <c r="EY20" s="165">
        <v>290</v>
      </c>
      <c r="EZ20" s="164">
        <v>342</v>
      </c>
    </row>
    <row r="21" spans="2:156" ht="21" customHeight="1" x14ac:dyDescent="0.2">
      <c r="B21" s="166" t="s">
        <v>19</v>
      </c>
      <c r="C21" s="159">
        <v>0</v>
      </c>
      <c r="D21" s="160">
        <v>0</v>
      </c>
      <c r="E21" s="161">
        <v>0</v>
      </c>
      <c r="F21" s="162">
        <v>0</v>
      </c>
      <c r="G21" s="160">
        <v>14</v>
      </c>
      <c r="H21" s="160">
        <v>7</v>
      </c>
      <c r="I21" s="160">
        <v>4</v>
      </c>
      <c r="J21" s="160">
        <v>2</v>
      </c>
      <c r="K21" s="160">
        <v>2</v>
      </c>
      <c r="L21" s="163">
        <v>29</v>
      </c>
      <c r="M21" s="164">
        <v>29</v>
      </c>
      <c r="N21" s="159">
        <v>0</v>
      </c>
      <c r="O21" s="160">
        <v>0</v>
      </c>
      <c r="P21" s="165">
        <v>0</v>
      </c>
      <c r="Q21" s="162">
        <v>0</v>
      </c>
      <c r="R21" s="160">
        <v>0</v>
      </c>
      <c r="S21" s="160">
        <v>0</v>
      </c>
      <c r="T21" s="160">
        <v>2</v>
      </c>
      <c r="U21" s="160">
        <v>1</v>
      </c>
      <c r="V21" s="160">
        <v>2</v>
      </c>
      <c r="W21" s="165">
        <v>5</v>
      </c>
      <c r="X21" s="164">
        <v>5</v>
      </c>
      <c r="Y21" s="159">
        <v>1</v>
      </c>
      <c r="Z21" s="160">
        <v>5</v>
      </c>
      <c r="AA21" s="165">
        <v>6</v>
      </c>
      <c r="AB21" s="162">
        <v>0</v>
      </c>
      <c r="AC21" s="160">
        <v>14</v>
      </c>
      <c r="AD21" s="160">
        <v>9</v>
      </c>
      <c r="AE21" s="160">
        <v>7</v>
      </c>
      <c r="AF21" s="160">
        <v>3</v>
      </c>
      <c r="AG21" s="160">
        <v>3</v>
      </c>
      <c r="AH21" s="165">
        <v>36</v>
      </c>
      <c r="AI21" s="164">
        <v>42</v>
      </c>
      <c r="AJ21" s="159">
        <v>0</v>
      </c>
      <c r="AK21" s="160">
        <v>0</v>
      </c>
      <c r="AL21" s="165">
        <v>0</v>
      </c>
      <c r="AM21" s="162">
        <v>0</v>
      </c>
      <c r="AN21" s="160">
        <v>1</v>
      </c>
      <c r="AO21" s="160">
        <v>1</v>
      </c>
      <c r="AP21" s="160">
        <v>0</v>
      </c>
      <c r="AQ21" s="160">
        <v>1</v>
      </c>
      <c r="AR21" s="160">
        <v>1</v>
      </c>
      <c r="AS21" s="165">
        <v>4</v>
      </c>
      <c r="AT21" s="164">
        <v>4</v>
      </c>
      <c r="AU21" s="159">
        <v>4</v>
      </c>
      <c r="AV21" s="160">
        <v>7</v>
      </c>
      <c r="AW21" s="165">
        <v>11</v>
      </c>
      <c r="AX21" s="162">
        <v>0</v>
      </c>
      <c r="AY21" s="160">
        <v>24</v>
      </c>
      <c r="AZ21" s="160">
        <v>17</v>
      </c>
      <c r="BA21" s="160">
        <v>15</v>
      </c>
      <c r="BB21" s="160">
        <v>13</v>
      </c>
      <c r="BC21" s="160">
        <v>11</v>
      </c>
      <c r="BD21" s="163">
        <v>80</v>
      </c>
      <c r="BE21" s="164">
        <v>91</v>
      </c>
      <c r="BF21" s="159">
        <v>0</v>
      </c>
      <c r="BG21" s="160">
        <v>0</v>
      </c>
      <c r="BH21" s="165">
        <v>0</v>
      </c>
      <c r="BI21" s="162">
        <v>0</v>
      </c>
      <c r="BJ21" s="160">
        <v>19</v>
      </c>
      <c r="BK21" s="160">
        <v>11</v>
      </c>
      <c r="BL21" s="160">
        <v>5</v>
      </c>
      <c r="BM21" s="160">
        <v>1</v>
      </c>
      <c r="BN21" s="160">
        <v>1</v>
      </c>
      <c r="BO21" s="165">
        <v>37</v>
      </c>
      <c r="BP21" s="164">
        <v>37</v>
      </c>
      <c r="BQ21" s="159">
        <v>2</v>
      </c>
      <c r="BR21" s="160">
        <v>2</v>
      </c>
      <c r="BS21" s="165">
        <v>4</v>
      </c>
      <c r="BT21" s="162">
        <v>0</v>
      </c>
      <c r="BU21" s="160">
        <v>9</v>
      </c>
      <c r="BV21" s="160">
        <v>9</v>
      </c>
      <c r="BW21" s="160">
        <v>2</v>
      </c>
      <c r="BX21" s="160">
        <v>1</v>
      </c>
      <c r="BY21" s="160">
        <v>0</v>
      </c>
      <c r="BZ21" s="165">
        <v>21</v>
      </c>
      <c r="CA21" s="164">
        <v>25</v>
      </c>
      <c r="CB21" s="159">
        <v>0</v>
      </c>
      <c r="CC21" s="160">
        <v>0</v>
      </c>
      <c r="CD21" s="165">
        <v>0</v>
      </c>
      <c r="CE21" s="162">
        <v>0</v>
      </c>
      <c r="CF21" s="160">
        <v>2</v>
      </c>
      <c r="CG21" s="160">
        <v>1</v>
      </c>
      <c r="CH21" s="160">
        <v>0</v>
      </c>
      <c r="CI21" s="160">
        <v>0</v>
      </c>
      <c r="CJ21" s="160">
        <v>1</v>
      </c>
      <c r="CK21" s="165">
        <v>4</v>
      </c>
      <c r="CL21" s="164">
        <v>4</v>
      </c>
      <c r="CM21" s="159">
        <v>0</v>
      </c>
      <c r="CN21" s="160">
        <v>0</v>
      </c>
      <c r="CO21" s="165">
        <v>0</v>
      </c>
      <c r="CP21" s="162">
        <v>0</v>
      </c>
      <c r="CQ21" s="160">
        <v>0</v>
      </c>
      <c r="CR21" s="160">
        <v>3</v>
      </c>
      <c r="CS21" s="160">
        <v>1</v>
      </c>
      <c r="CT21" s="160">
        <v>0</v>
      </c>
      <c r="CU21" s="160">
        <v>0</v>
      </c>
      <c r="CV21" s="165">
        <v>4</v>
      </c>
      <c r="CW21" s="164">
        <v>4</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9</v>
      </c>
      <c r="DU21" s="160">
        <v>13</v>
      </c>
      <c r="DV21" s="165">
        <v>22</v>
      </c>
      <c r="DW21" s="162">
        <v>0</v>
      </c>
      <c r="DX21" s="160">
        <v>34</v>
      </c>
      <c r="DY21" s="160">
        <v>30</v>
      </c>
      <c r="DZ21" s="160">
        <v>11</v>
      </c>
      <c r="EA21" s="160">
        <v>7</v>
      </c>
      <c r="EB21" s="160">
        <v>8</v>
      </c>
      <c r="EC21" s="165">
        <v>90</v>
      </c>
      <c r="ED21" s="164">
        <v>112</v>
      </c>
      <c r="EE21" s="159">
        <v>3</v>
      </c>
      <c r="EF21" s="160">
        <v>2</v>
      </c>
      <c r="EG21" s="165">
        <v>5</v>
      </c>
      <c r="EH21" s="162">
        <v>0</v>
      </c>
      <c r="EI21" s="160">
        <v>5</v>
      </c>
      <c r="EJ21" s="160">
        <v>6</v>
      </c>
      <c r="EK21" s="160">
        <v>6</v>
      </c>
      <c r="EL21" s="160">
        <v>5</v>
      </c>
      <c r="EM21" s="160">
        <v>2</v>
      </c>
      <c r="EN21" s="165">
        <v>24</v>
      </c>
      <c r="EO21" s="164">
        <v>29</v>
      </c>
      <c r="EP21" s="159">
        <v>12</v>
      </c>
      <c r="EQ21" s="160">
        <v>17</v>
      </c>
      <c r="ER21" s="165">
        <v>29</v>
      </c>
      <c r="ES21" s="162">
        <v>0</v>
      </c>
      <c r="ET21" s="160">
        <v>56</v>
      </c>
      <c r="EU21" s="160">
        <v>38</v>
      </c>
      <c r="EV21" s="160">
        <v>12</v>
      </c>
      <c r="EW21" s="160">
        <v>7</v>
      </c>
      <c r="EX21" s="160">
        <v>5</v>
      </c>
      <c r="EY21" s="165">
        <v>118</v>
      </c>
      <c r="EZ21" s="164">
        <v>147</v>
      </c>
    </row>
    <row r="22" spans="2:156" ht="21" customHeight="1" x14ac:dyDescent="0.2">
      <c r="B22" s="166" t="s">
        <v>20</v>
      </c>
      <c r="C22" s="159">
        <v>0</v>
      </c>
      <c r="D22" s="160">
        <v>0</v>
      </c>
      <c r="E22" s="161">
        <v>0</v>
      </c>
      <c r="F22" s="162">
        <v>0</v>
      </c>
      <c r="G22" s="160">
        <v>24</v>
      </c>
      <c r="H22" s="160">
        <v>22</v>
      </c>
      <c r="I22" s="160">
        <v>8</v>
      </c>
      <c r="J22" s="160">
        <v>7</v>
      </c>
      <c r="K22" s="160">
        <v>3</v>
      </c>
      <c r="L22" s="163">
        <v>64</v>
      </c>
      <c r="M22" s="164">
        <v>64</v>
      </c>
      <c r="N22" s="159">
        <v>0</v>
      </c>
      <c r="O22" s="160">
        <v>0</v>
      </c>
      <c r="P22" s="165">
        <v>0</v>
      </c>
      <c r="Q22" s="162">
        <v>0</v>
      </c>
      <c r="R22" s="160">
        <v>0</v>
      </c>
      <c r="S22" s="160">
        <v>0</v>
      </c>
      <c r="T22" s="160">
        <v>0</v>
      </c>
      <c r="U22" s="160">
        <v>1</v>
      </c>
      <c r="V22" s="160">
        <v>1</v>
      </c>
      <c r="W22" s="165">
        <v>2</v>
      </c>
      <c r="X22" s="164">
        <v>2</v>
      </c>
      <c r="Y22" s="159">
        <v>3</v>
      </c>
      <c r="Z22" s="160">
        <v>5</v>
      </c>
      <c r="AA22" s="165">
        <v>8</v>
      </c>
      <c r="AB22" s="162">
        <v>0</v>
      </c>
      <c r="AC22" s="160">
        <v>20</v>
      </c>
      <c r="AD22" s="160">
        <v>17</v>
      </c>
      <c r="AE22" s="160">
        <v>10</v>
      </c>
      <c r="AF22" s="160">
        <v>6</v>
      </c>
      <c r="AG22" s="160">
        <v>1</v>
      </c>
      <c r="AH22" s="165">
        <v>54</v>
      </c>
      <c r="AI22" s="164">
        <v>62</v>
      </c>
      <c r="AJ22" s="159">
        <v>2</v>
      </c>
      <c r="AK22" s="160">
        <v>3</v>
      </c>
      <c r="AL22" s="165">
        <v>5</v>
      </c>
      <c r="AM22" s="162">
        <v>0</v>
      </c>
      <c r="AN22" s="160">
        <v>3</v>
      </c>
      <c r="AO22" s="160">
        <v>8</v>
      </c>
      <c r="AP22" s="160">
        <v>6</v>
      </c>
      <c r="AQ22" s="160">
        <v>1</v>
      </c>
      <c r="AR22" s="160">
        <v>1</v>
      </c>
      <c r="AS22" s="165">
        <v>19</v>
      </c>
      <c r="AT22" s="164">
        <v>24</v>
      </c>
      <c r="AU22" s="159">
        <v>1</v>
      </c>
      <c r="AV22" s="160">
        <v>3</v>
      </c>
      <c r="AW22" s="165">
        <v>4</v>
      </c>
      <c r="AX22" s="162">
        <v>0</v>
      </c>
      <c r="AY22" s="160">
        <v>20</v>
      </c>
      <c r="AZ22" s="160">
        <v>17</v>
      </c>
      <c r="BA22" s="160">
        <v>26</v>
      </c>
      <c r="BB22" s="160">
        <v>20</v>
      </c>
      <c r="BC22" s="160">
        <v>8</v>
      </c>
      <c r="BD22" s="163">
        <v>91</v>
      </c>
      <c r="BE22" s="164">
        <v>95</v>
      </c>
      <c r="BF22" s="159">
        <v>0</v>
      </c>
      <c r="BG22" s="160">
        <v>0</v>
      </c>
      <c r="BH22" s="165">
        <v>0</v>
      </c>
      <c r="BI22" s="162">
        <v>0</v>
      </c>
      <c r="BJ22" s="160">
        <v>28</v>
      </c>
      <c r="BK22" s="160">
        <v>20</v>
      </c>
      <c r="BL22" s="160">
        <v>14</v>
      </c>
      <c r="BM22" s="160">
        <v>5</v>
      </c>
      <c r="BN22" s="160">
        <v>1</v>
      </c>
      <c r="BO22" s="165">
        <v>68</v>
      </c>
      <c r="BP22" s="164">
        <v>68</v>
      </c>
      <c r="BQ22" s="159">
        <v>2</v>
      </c>
      <c r="BR22" s="160">
        <v>1</v>
      </c>
      <c r="BS22" s="165">
        <v>3</v>
      </c>
      <c r="BT22" s="162">
        <v>0</v>
      </c>
      <c r="BU22" s="160">
        <v>18</v>
      </c>
      <c r="BV22" s="160">
        <v>8</v>
      </c>
      <c r="BW22" s="160">
        <v>4</v>
      </c>
      <c r="BX22" s="160">
        <v>3</v>
      </c>
      <c r="BY22" s="160">
        <v>2</v>
      </c>
      <c r="BZ22" s="165">
        <v>35</v>
      </c>
      <c r="CA22" s="164">
        <v>38</v>
      </c>
      <c r="CB22" s="159">
        <v>0</v>
      </c>
      <c r="CC22" s="160">
        <v>0</v>
      </c>
      <c r="CD22" s="165">
        <v>0</v>
      </c>
      <c r="CE22" s="162">
        <v>0</v>
      </c>
      <c r="CF22" s="160">
        <v>7</v>
      </c>
      <c r="CG22" s="160">
        <v>4</v>
      </c>
      <c r="CH22" s="160">
        <v>5</v>
      </c>
      <c r="CI22" s="160">
        <v>6</v>
      </c>
      <c r="CJ22" s="160">
        <v>1</v>
      </c>
      <c r="CK22" s="165">
        <v>23</v>
      </c>
      <c r="CL22" s="164">
        <v>23</v>
      </c>
      <c r="CM22" s="159">
        <v>0</v>
      </c>
      <c r="CN22" s="160">
        <v>0</v>
      </c>
      <c r="CO22" s="165">
        <v>0</v>
      </c>
      <c r="CP22" s="162">
        <v>0</v>
      </c>
      <c r="CQ22" s="160">
        <v>0</v>
      </c>
      <c r="CR22" s="160">
        <v>0</v>
      </c>
      <c r="CS22" s="160">
        <v>1</v>
      </c>
      <c r="CT22" s="160">
        <v>2</v>
      </c>
      <c r="CU22" s="160">
        <v>0</v>
      </c>
      <c r="CV22" s="165">
        <v>3</v>
      </c>
      <c r="CW22" s="164">
        <v>3</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2</v>
      </c>
      <c r="DU22" s="160">
        <v>23</v>
      </c>
      <c r="DV22" s="165">
        <v>35</v>
      </c>
      <c r="DW22" s="162">
        <v>0</v>
      </c>
      <c r="DX22" s="160">
        <v>47</v>
      </c>
      <c r="DY22" s="160">
        <v>42</v>
      </c>
      <c r="DZ22" s="160">
        <v>23</v>
      </c>
      <c r="EA22" s="160">
        <v>17</v>
      </c>
      <c r="EB22" s="160">
        <v>7</v>
      </c>
      <c r="EC22" s="165">
        <v>136</v>
      </c>
      <c r="ED22" s="164">
        <v>171</v>
      </c>
      <c r="EE22" s="159">
        <v>1</v>
      </c>
      <c r="EF22" s="160">
        <v>2</v>
      </c>
      <c r="EG22" s="165">
        <v>3</v>
      </c>
      <c r="EH22" s="162">
        <v>0</v>
      </c>
      <c r="EI22" s="160">
        <v>6</v>
      </c>
      <c r="EJ22" s="160">
        <v>0</v>
      </c>
      <c r="EK22" s="160">
        <v>9</v>
      </c>
      <c r="EL22" s="160">
        <v>7</v>
      </c>
      <c r="EM22" s="160">
        <v>2</v>
      </c>
      <c r="EN22" s="165">
        <v>24</v>
      </c>
      <c r="EO22" s="164">
        <v>27</v>
      </c>
      <c r="EP22" s="159">
        <v>18</v>
      </c>
      <c r="EQ22" s="160">
        <v>28</v>
      </c>
      <c r="ER22" s="165">
        <v>46</v>
      </c>
      <c r="ES22" s="162">
        <v>0</v>
      </c>
      <c r="ET22" s="160">
        <v>96</v>
      </c>
      <c r="EU22" s="160">
        <v>63</v>
      </c>
      <c r="EV22" s="160">
        <v>29</v>
      </c>
      <c r="EW22" s="160">
        <v>20</v>
      </c>
      <c r="EX22" s="160">
        <v>7</v>
      </c>
      <c r="EY22" s="165">
        <v>215</v>
      </c>
      <c r="EZ22" s="164">
        <v>261</v>
      </c>
    </row>
    <row r="23" spans="2:156" ht="21" customHeight="1" x14ac:dyDescent="0.2">
      <c r="B23" s="166" t="s">
        <v>21</v>
      </c>
      <c r="C23" s="159">
        <v>0</v>
      </c>
      <c r="D23" s="160">
        <v>0</v>
      </c>
      <c r="E23" s="161">
        <v>0</v>
      </c>
      <c r="F23" s="162">
        <v>0</v>
      </c>
      <c r="G23" s="160">
        <v>15</v>
      </c>
      <c r="H23" s="160">
        <v>18</v>
      </c>
      <c r="I23" s="160">
        <v>5</v>
      </c>
      <c r="J23" s="160">
        <v>7</v>
      </c>
      <c r="K23" s="160">
        <v>5</v>
      </c>
      <c r="L23" s="163">
        <v>50</v>
      </c>
      <c r="M23" s="164">
        <v>50</v>
      </c>
      <c r="N23" s="159">
        <v>0</v>
      </c>
      <c r="O23" s="160">
        <v>0</v>
      </c>
      <c r="P23" s="165">
        <v>0</v>
      </c>
      <c r="Q23" s="162">
        <v>0</v>
      </c>
      <c r="R23" s="160">
        <v>0</v>
      </c>
      <c r="S23" s="160">
        <v>0</v>
      </c>
      <c r="T23" s="160">
        <v>0</v>
      </c>
      <c r="U23" s="160">
        <v>1</v>
      </c>
      <c r="V23" s="160">
        <v>2</v>
      </c>
      <c r="W23" s="165">
        <v>3</v>
      </c>
      <c r="X23" s="164">
        <v>3</v>
      </c>
      <c r="Y23" s="159">
        <v>3</v>
      </c>
      <c r="Z23" s="160">
        <v>4</v>
      </c>
      <c r="AA23" s="165">
        <v>7</v>
      </c>
      <c r="AB23" s="162">
        <v>0</v>
      </c>
      <c r="AC23" s="160">
        <v>18</v>
      </c>
      <c r="AD23" s="160">
        <v>14</v>
      </c>
      <c r="AE23" s="160">
        <v>7</v>
      </c>
      <c r="AF23" s="160">
        <v>7</v>
      </c>
      <c r="AG23" s="160">
        <v>3</v>
      </c>
      <c r="AH23" s="165">
        <v>49</v>
      </c>
      <c r="AI23" s="164">
        <v>56</v>
      </c>
      <c r="AJ23" s="159">
        <v>2</v>
      </c>
      <c r="AK23" s="160">
        <v>1</v>
      </c>
      <c r="AL23" s="165">
        <v>3</v>
      </c>
      <c r="AM23" s="162">
        <v>0</v>
      </c>
      <c r="AN23" s="160">
        <v>1</v>
      </c>
      <c r="AO23" s="160">
        <v>3</v>
      </c>
      <c r="AP23" s="160">
        <v>0</v>
      </c>
      <c r="AQ23" s="160">
        <v>0</v>
      </c>
      <c r="AR23" s="160">
        <v>2</v>
      </c>
      <c r="AS23" s="165">
        <v>6</v>
      </c>
      <c r="AT23" s="164">
        <v>9</v>
      </c>
      <c r="AU23" s="159">
        <v>2</v>
      </c>
      <c r="AV23" s="160">
        <v>2</v>
      </c>
      <c r="AW23" s="165">
        <v>4</v>
      </c>
      <c r="AX23" s="162">
        <v>0</v>
      </c>
      <c r="AY23" s="160">
        <v>14</v>
      </c>
      <c r="AZ23" s="160">
        <v>21</v>
      </c>
      <c r="BA23" s="160">
        <v>11</v>
      </c>
      <c r="BB23" s="160">
        <v>16</v>
      </c>
      <c r="BC23" s="160">
        <v>10</v>
      </c>
      <c r="BD23" s="163">
        <v>72</v>
      </c>
      <c r="BE23" s="164">
        <v>76</v>
      </c>
      <c r="BF23" s="159">
        <v>0</v>
      </c>
      <c r="BG23" s="160">
        <v>0</v>
      </c>
      <c r="BH23" s="165">
        <v>0</v>
      </c>
      <c r="BI23" s="162">
        <v>0</v>
      </c>
      <c r="BJ23" s="160">
        <v>20</v>
      </c>
      <c r="BK23" s="160">
        <v>15</v>
      </c>
      <c r="BL23" s="160">
        <v>11</v>
      </c>
      <c r="BM23" s="160">
        <v>2</v>
      </c>
      <c r="BN23" s="160">
        <v>1</v>
      </c>
      <c r="BO23" s="165">
        <v>49</v>
      </c>
      <c r="BP23" s="164">
        <v>49</v>
      </c>
      <c r="BQ23" s="159">
        <v>2</v>
      </c>
      <c r="BR23" s="160">
        <v>2</v>
      </c>
      <c r="BS23" s="165">
        <v>4</v>
      </c>
      <c r="BT23" s="162">
        <v>0</v>
      </c>
      <c r="BU23" s="160">
        <v>6</v>
      </c>
      <c r="BV23" s="160">
        <v>7</v>
      </c>
      <c r="BW23" s="160">
        <v>3</v>
      </c>
      <c r="BX23" s="160">
        <v>1</v>
      </c>
      <c r="BY23" s="160">
        <v>0</v>
      </c>
      <c r="BZ23" s="165">
        <v>17</v>
      </c>
      <c r="CA23" s="164">
        <v>21</v>
      </c>
      <c r="CB23" s="159">
        <v>0</v>
      </c>
      <c r="CC23" s="160">
        <v>1</v>
      </c>
      <c r="CD23" s="165">
        <v>1</v>
      </c>
      <c r="CE23" s="162">
        <v>0</v>
      </c>
      <c r="CF23" s="160">
        <v>2</v>
      </c>
      <c r="CG23" s="160">
        <v>3</v>
      </c>
      <c r="CH23" s="160">
        <v>2</v>
      </c>
      <c r="CI23" s="160">
        <v>3</v>
      </c>
      <c r="CJ23" s="160">
        <v>2</v>
      </c>
      <c r="CK23" s="165">
        <v>12</v>
      </c>
      <c r="CL23" s="164">
        <v>13</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9</v>
      </c>
      <c r="DU23" s="160">
        <v>18</v>
      </c>
      <c r="DV23" s="165">
        <v>27</v>
      </c>
      <c r="DW23" s="162">
        <v>0</v>
      </c>
      <c r="DX23" s="160">
        <v>24</v>
      </c>
      <c r="DY23" s="160">
        <v>42</v>
      </c>
      <c r="DZ23" s="160">
        <v>17</v>
      </c>
      <c r="EA23" s="160">
        <v>13</v>
      </c>
      <c r="EB23" s="160">
        <v>9</v>
      </c>
      <c r="EC23" s="165">
        <v>105</v>
      </c>
      <c r="ED23" s="164">
        <v>132</v>
      </c>
      <c r="EE23" s="159">
        <v>0</v>
      </c>
      <c r="EF23" s="160">
        <v>1</v>
      </c>
      <c r="EG23" s="165">
        <v>1</v>
      </c>
      <c r="EH23" s="162">
        <v>0</v>
      </c>
      <c r="EI23" s="160">
        <v>6</v>
      </c>
      <c r="EJ23" s="160">
        <v>7</v>
      </c>
      <c r="EK23" s="160">
        <v>2</v>
      </c>
      <c r="EL23" s="160">
        <v>6</v>
      </c>
      <c r="EM23" s="160">
        <v>3</v>
      </c>
      <c r="EN23" s="165">
        <v>24</v>
      </c>
      <c r="EO23" s="164">
        <v>25</v>
      </c>
      <c r="EP23" s="159">
        <v>16</v>
      </c>
      <c r="EQ23" s="160">
        <v>22</v>
      </c>
      <c r="ER23" s="165">
        <v>38</v>
      </c>
      <c r="ES23" s="162">
        <v>0</v>
      </c>
      <c r="ET23" s="160">
        <v>58</v>
      </c>
      <c r="EU23" s="160">
        <v>54</v>
      </c>
      <c r="EV23" s="160">
        <v>20</v>
      </c>
      <c r="EW23" s="160">
        <v>12</v>
      </c>
      <c r="EX23" s="160">
        <v>10</v>
      </c>
      <c r="EY23" s="165">
        <v>154</v>
      </c>
      <c r="EZ23" s="164">
        <v>192</v>
      </c>
    </row>
    <row r="24" spans="2:156" ht="21" customHeight="1" x14ac:dyDescent="0.2">
      <c r="B24" s="166" t="s">
        <v>22</v>
      </c>
      <c r="C24" s="159">
        <v>0</v>
      </c>
      <c r="D24" s="160">
        <v>0</v>
      </c>
      <c r="E24" s="161">
        <v>0</v>
      </c>
      <c r="F24" s="162">
        <v>0</v>
      </c>
      <c r="G24" s="160">
        <v>7</v>
      </c>
      <c r="H24" s="160">
        <v>5</v>
      </c>
      <c r="I24" s="160">
        <v>3</v>
      </c>
      <c r="J24" s="160">
        <v>1</v>
      </c>
      <c r="K24" s="160">
        <v>3</v>
      </c>
      <c r="L24" s="163">
        <v>19</v>
      </c>
      <c r="M24" s="164">
        <v>19</v>
      </c>
      <c r="N24" s="159">
        <v>0</v>
      </c>
      <c r="O24" s="160">
        <v>0</v>
      </c>
      <c r="P24" s="165">
        <v>0</v>
      </c>
      <c r="Q24" s="162">
        <v>0</v>
      </c>
      <c r="R24" s="160">
        <v>0</v>
      </c>
      <c r="S24" s="160">
        <v>0</v>
      </c>
      <c r="T24" s="160">
        <v>0</v>
      </c>
      <c r="U24" s="160">
        <v>0</v>
      </c>
      <c r="V24" s="160">
        <v>0</v>
      </c>
      <c r="W24" s="165">
        <v>0</v>
      </c>
      <c r="X24" s="164">
        <v>0</v>
      </c>
      <c r="Y24" s="159">
        <v>0</v>
      </c>
      <c r="Z24" s="160">
        <v>2</v>
      </c>
      <c r="AA24" s="165">
        <v>2</v>
      </c>
      <c r="AB24" s="162">
        <v>0</v>
      </c>
      <c r="AC24" s="160">
        <v>4</v>
      </c>
      <c r="AD24" s="160">
        <v>7</v>
      </c>
      <c r="AE24" s="160">
        <v>3</v>
      </c>
      <c r="AF24" s="160">
        <v>2</v>
      </c>
      <c r="AG24" s="160">
        <v>2</v>
      </c>
      <c r="AH24" s="165">
        <v>18</v>
      </c>
      <c r="AI24" s="164">
        <v>20</v>
      </c>
      <c r="AJ24" s="159">
        <v>1</v>
      </c>
      <c r="AK24" s="160">
        <v>0</v>
      </c>
      <c r="AL24" s="165">
        <v>1</v>
      </c>
      <c r="AM24" s="162">
        <v>0</v>
      </c>
      <c r="AN24" s="160">
        <v>0</v>
      </c>
      <c r="AO24" s="160">
        <v>1</v>
      </c>
      <c r="AP24" s="160">
        <v>0</v>
      </c>
      <c r="AQ24" s="160">
        <v>0</v>
      </c>
      <c r="AR24" s="160">
        <v>0</v>
      </c>
      <c r="AS24" s="165">
        <v>1</v>
      </c>
      <c r="AT24" s="164">
        <v>2</v>
      </c>
      <c r="AU24" s="159">
        <v>2</v>
      </c>
      <c r="AV24" s="160">
        <v>0</v>
      </c>
      <c r="AW24" s="165">
        <v>2</v>
      </c>
      <c r="AX24" s="162">
        <v>0</v>
      </c>
      <c r="AY24" s="160">
        <v>9</v>
      </c>
      <c r="AZ24" s="160">
        <v>4</v>
      </c>
      <c r="BA24" s="160">
        <v>6</v>
      </c>
      <c r="BB24" s="160">
        <v>7</v>
      </c>
      <c r="BC24" s="160">
        <v>1</v>
      </c>
      <c r="BD24" s="163">
        <v>27</v>
      </c>
      <c r="BE24" s="164">
        <v>29</v>
      </c>
      <c r="BF24" s="159">
        <v>0</v>
      </c>
      <c r="BG24" s="160">
        <v>0</v>
      </c>
      <c r="BH24" s="165">
        <v>0</v>
      </c>
      <c r="BI24" s="162">
        <v>0</v>
      </c>
      <c r="BJ24" s="160">
        <v>13</v>
      </c>
      <c r="BK24" s="160">
        <v>9</v>
      </c>
      <c r="BL24" s="160">
        <v>9</v>
      </c>
      <c r="BM24" s="160">
        <v>0</v>
      </c>
      <c r="BN24" s="160">
        <v>0</v>
      </c>
      <c r="BO24" s="165">
        <v>31</v>
      </c>
      <c r="BP24" s="164">
        <v>31</v>
      </c>
      <c r="BQ24" s="159">
        <v>1</v>
      </c>
      <c r="BR24" s="160">
        <v>0</v>
      </c>
      <c r="BS24" s="165">
        <v>1</v>
      </c>
      <c r="BT24" s="162">
        <v>0</v>
      </c>
      <c r="BU24" s="160">
        <v>3</v>
      </c>
      <c r="BV24" s="160">
        <v>2</v>
      </c>
      <c r="BW24" s="160">
        <v>0</v>
      </c>
      <c r="BX24" s="160">
        <v>1</v>
      </c>
      <c r="BY24" s="160">
        <v>1</v>
      </c>
      <c r="BZ24" s="165">
        <v>7</v>
      </c>
      <c r="CA24" s="164">
        <v>8</v>
      </c>
      <c r="CB24" s="159">
        <v>0</v>
      </c>
      <c r="CC24" s="160">
        <v>0</v>
      </c>
      <c r="CD24" s="165">
        <v>0</v>
      </c>
      <c r="CE24" s="162">
        <v>0</v>
      </c>
      <c r="CF24" s="160">
        <v>0</v>
      </c>
      <c r="CG24" s="160">
        <v>1</v>
      </c>
      <c r="CH24" s="160">
        <v>1</v>
      </c>
      <c r="CI24" s="160">
        <v>2</v>
      </c>
      <c r="CJ24" s="160">
        <v>0</v>
      </c>
      <c r="CK24" s="165">
        <v>4</v>
      </c>
      <c r="CL24" s="164">
        <v>4</v>
      </c>
      <c r="CM24" s="159">
        <v>0</v>
      </c>
      <c r="CN24" s="160">
        <v>0</v>
      </c>
      <c r="CO24" s="165">
        <v>0</v>
      </c>
      <c r="CP24" s="162">
        <v>0</v>
      </c>
      <c r="CQ24" s="160">
        <v>0</v>
      </c>
      <c r="CR24" s="160">
        <v>1</v>
      </c>
      <c r="CS24" s="160">
        <v>0</v>
      </c>
      <c r="CT24" s="160">
        <v>0</v>
      </c>
      <c r="CU24" s="160">
        <v>0</v>
      </c>
      <c r="CV24" s="165">
        <v>1</v>
      </c>
      <c r="CW24" s="164">
        <v>1</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2</v>
      </c>
      <c r="DU24" s="160">
        <v>6</v>
      </c>
      <c r="DV24" s="165">
        <v>8</v>
      </c>
      <c r="DW24" s="162">
        <v>0</v>
      </c>
      <c r="DX24" s="160">
        <v>17</v>
      </c>
      <c r="DY24" s="160">
        <v>18</v>
      </c>
      <c r="DZ24" s="160">
        <v>12</v>
      </c>
      <c r="EA24" s="160">
        <v>4</v>
      </c>
      <c r="EB24" s="160">
        <v>6</v>
      </c>
      <c r="EC24" s="165">
        <v>57</v>
      </c>
      <c r="ED24" s="164">
        <v>65</v>
      </c>
      <c r="EE24" s="159">
        <v>0</v>
      </c>
      <c r="EF24" s="160">
        <v>1</v>
      </c>
      <c r="EG24" s="165">
        <v>1</v>
      </c>
      <c r="EH24" s="162">
        <v>0</v>
      </c>
      <c r="EI24" s="160">
        <v>6</v>
      </c>
      <c r="EJ24" s="160">
        <v>1</v>
      </c>
      <c r="EK24" s="160">
        <v>2</v>
      </c>
      <c r="EL24" s="160">
        <v>6</v>
      </c>
      <c r="EM24" s="160">
        <v>0</v>
      </c>
      <c r="EN24" s="165">
        <v>15</v>
      </c>
      <c r="EO24" s="164">
        <v>16</v>
      </c>
      <c r="EP24" s="159">
        <v>3</v>
      </c>
      <c r="EQ24" s="160">
        <v>7</v>
      </c>
      <c r="ER24" s="165">
        <v>10</v>
      </c>
      <c r="ES24" s="162">
        <v>0</v>
      </c>
      <c r="ET24" s="160">
        <v>31</v>
      </c>
      <c r="EU24" s="160">
        <v>22</v>
      </c>
      <c r="EV24" s="160">
        <v>12</v>
      </c>
      <c r="EW24" s="160">
        <v>6</v>
      </c>
      <c r="EX24" s="160">
        <v>4</v>
      </c>
      <c r="EY24" s="165">
        <v>75</v>
      </c>
      <c r="EZ24" s="164">
        <v>85</v>
      </c>
    </row>
    <row r="25" spans="2:156" ht="21" customHeight="1" x14ac:dyDescent="0.2">
      <c r="B25" s="166" t="s">
        <v>23</v>
      </c>
      <c r="C25" s="159">
        <v>0</v>
      </c>
      <c r="D25" s="160">
        <v>0</v>
      </c>
      <c r="E25" s="161">
        <v>0</v>
      </c>
      <c r="F25" s="162">
        <v>0</v>
      </c>
      <c r="G25" s="160">
        <v>7</v>
      </c>
      <c r="H25" s="160">
        <v>5</v>
      </c>
      <c r="I25" s="160">
        <v>2</v>
      </c>
      <c r="J25" s="160">
        <v>3</v>
      </c>
      <c r="K25" s="160">
        <v>0</v>
      </c>
      <c r="L25" s="163">
        <v>17</v>
      </c>
      <c r="M25" s="164">
        <v>17</v>
      </c>
      <c r="N25" s="159">
        <v>0</v>
      </c>
      <c r="O25" s="160">
        <v>0</v>
      </c>
      <c r="P25" s="165">
        <v>0</v>
      </c>
      <c r="Q25" s="162">
        <v>0</v>
      </c>
      <c r="R25" s="160">
        <v>0</v>
      </c>
      <c r="S25" s="160">
        <v>1</v>
      </c>
      <c r="T25" s="160">
        <v>0</v>
      </c>
      <c r="U25" s="160">
        <v>1</v>
      </c>
      <c r="V25" s="160">
        <v>0</v>
      </c>
      <c r="W25" s="165">
        <v>2</v>
      </c>
      <c r="X25" s="164">
        <v>2</v>
      </c>
      <c r="Y25" s="159">
        <v>6</v>
      </c>
      <c r="Z25" s="160">
        <v>4</v>
      </c>
      <c r="AA25" s="165">
        <v>10</v>
      </c>
      <c r="AB25" s="162">
        <v>0</v>
      </c>
      <c r="AC25" s="160">
        <v>6</v>
      </c>
      <c r="AD25" s="160">
        <v>10</v>
      </c>
      <c r="AE25" s="160">
        <v>2</v>
      </c>
      <c r="AF25" s="160">
        <v>4</v>
      </c>
      <c r="AG25" s="160">
        <v>1</v>
      </c>
      <c r="AH25" s="165">
        <v>23</v>
      </c>
      <c r="AI25" s="164">
        <v>33</v>
      </c>
      <c r="AJ25" s="159">
        <v>0</v>
      </c>
      <c r="AK25" s="160">
        <v>1</v>
      </c>
      <c r="AL25" s="165">
        <v>1</v>
      </c>
      <c r="AM25" s="162">
        <v>0</v>
      </c>
      <c r="AN25" s="160">
        <v>0</v>
      </c>
      <c r="AO25" s="160">
        <v>0</v>
      </c>
      <c r="AP25" s="160">
        <v>0</v>
      </c>
      <c r="AQ25" s="160">
        <v>1</v>
      </c>
      <c r="AR25" s="160">
        <v>0</v>
      </c>
      <c r="AS25" s="165">
        <v>1</v>
      </c>
      <c r="AT25" s="164">
        <v>2</v>
      </c>
      <c r="AU25" s="159">
        <v>3</v>
      </c>
      <c r="AV25" s="160">
        <v>1</v>
      </c>
      <c r="AW25" s="165">
        <v>4</v>
      </c>
      <c r="AX25" s="162">
        <v>0</v>
      </c>
      <c r="AY25" s="160">
        <v>14</v>
      </c>
      <c r="AZ25" s="160">
        <v>11</v>
      </c>
      <c r="BA25" s="160">
        <v>8</v>
      </c>
      <c r="BB25" s="160">
        <v>7</v>
      </c>
      <c r="BC25" s="160">
        <v>4</v>
      </c>
      <c r="BD25" s="163">
        <v>44</v>
      </c>
      <c r="BE25" s="164">
        <v>48</v>
      </c>
      <c r="BF25" s="159">
        <v>0</v>
      </c>
      <c r="BG25" s="160">
        <v>0</v>
      </c>
      <c r="BH25" s="165">
        <v>0</v>
      </c>
      <c r="BI25" s="162">
        <v>0</v>
      </c>
      <c r="BJ25" s="160">
        <v>14</v>
      </c>
      <c r="BK25" s="160">
        <v>13</v>
      </c>
      <c r="BL25" s="160">
        <v>4</v>
      </c>
      <c r="BM25" s="160">
        <v>0</v>
      </c>
      <c r="BN25" s="160">
        <v>2</v>
      </c>
      <c r="BO25" s="165">
        <v>33</v>
      </c>
      <c r="BP25" s="164">
        <v>33</v>
      </c>
      <c r="BQ25" s="159">
        <v>0</v>
      </c>
      <c r="BR25" s="160">
        <v>0</v>
      </c>
      <c r="BS25" s="165">
        <v>0</v>
      </c>
      <c r="BT25" s="162">
        <v>0</v>
      </c>
      <c r="BU25" s="160">
        <v>3</v>
      </c>
      <c r="BV25" s="160">
        <v>2</v>
      </c>
      <c r="BW25" s="160">
        <v>0</v>
      </c>
      <c r="BX25" s="160">
        <v>1</v>
      </c>
      <c r="BY25" s="160">
        <v>0</v>
      </c>
      <c r="BZ25" s="165">
        <v>6</v>
      </c>
      <c r="CA25" s="164">
        <v>6</v>
      </c>
      <c r="CB25" s="159">
        <v>0</v>
      </c>
      <c r="CC25" s="160">
        <v>0</v>
      </c>
      <c r="CD25" s="165">
        <v>0</v>
      </c>
      <c r="CE25" s="162">
        <v>0</v>
      </c>
      <c r="CF25" s="160">
        <v>0</v>
      </c>
      <c r="CG25" s="160">
        <v>0</v>
      </c>
      <c r="CH25" s="160">
        <v>1</v>
      </c>
      <c r="CI25" s="160">
        <v>0</v>
      </c>
      <c r="CJ25" s="160">
        <v>2</v>
      </c>
      <c r="CK25" s="165">
        <v>3</v>
      </c>
      <c r="CL25" s="164">
        <v>3</v>
      </c>
      <c r="CM25" s="159">
        <v>0</v>
      </c>
      <c r="CN25" s="160">
        <v>0</v>
      </c>
      <c r="CO25" s="165">
        <v>0</v>
      </c>
      <c r="CP25" s="162">
        <v>0</v>
      </c>
      <c r="CQ25" s="160">
        <v>1</v>
      </c>
      <c r="CR25" s="160">
        <v>0</v>
      </c>
      <c r="CS25" s="160">
        <v>0</v>
      </c>
      <c r="CT25" s="160">
        <v>0</v>
      </c>
      <c r="CU25" s="160">
        <v>0</v>
      </c>
      <c r="CV25" s="165">
        <v>1</v>
      </c>
      <c r="CW25" s="164">
        <v>1</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5</v>
      </c>
      <c r="DU25" s="160">
        <v>11</v>
      </c>
      <c r="DV25" s="165">
        <v>16</v>
      </c>
      <c r="DW25" s="162">
        <v>0</v>
      </c>
      <c r="DX25" s="160">
        <v>12</v>
      </c>
      <c r="DY25" s="160">
        <v>16</v>
      </c>
      <c r="DZ25" s="160">
        <v>5</v>
      </c>
      <c r="EA25" s="160">
        <v>6</v>
      </c>
      <c r="EB25" s="160">
        <v>3</v>
      </c>
      <c r="EC25" s="165">
        <v>42</v>
      </c>
      <c r="ED25" s="164">
        <v>58</v>
      </c>
      <c r="EE25" s="159">
        <v>3</v>
      </c>
      <c r="EF25" s="160">
        <v>0</v>
      </c>
      <c r="EG25" s="165">
        <v>3</v>
      </c>
      <c r="EH25" s="162">
        <v>0</v>
      </c>
      <c r="EI25" s="160">
        <v>5</v>
      </c>
      <c r="EJ25" s="160">
        <v>1</v>
      </c>
      <c r="EK25" s="160">
        <v>2</v>
      </c>
      <c r="EL25" s="160">
        <v>3</v>
      </c>
      <c r="EM25" s="160">
        <v>2</v>
      </c>
      <c r="EN25" s="165">
        <v>13</v>
      </c>
      <c r="EO25" s="164">
        <v>16</v>
      </c>
      <c r="EP25" s="159">
        <v>9</v>
      </c>
      <c r="EQ25" s="160">
        <v>14</v>
      </c>
      <c r="ER25" s="165">
        <v>23</v>
      </c>
      <c r="ES25" s="162">
        <v>0</v>
      </c>
      <c r="ET25" s="160">
        <v>29</v>
      </c>
      <c r="EU25" s="160">
        <v>26</v>
      </c>
      <c r="EV25" s="160">
        <v>8</v>
      </c>
      <c r="EW25" s="160">
        <v>7</v>
      </c>
      <c r="EX25" s="160">
        <v>4</v>
      </c>
      <c r="EY25" s="165">
        <v>74</v>
      </c>
      <c r="EZ25" s="164">
        <v>97</v>
      </c>
    </row>
    <row r="26" spans="2:156" ht="21" customHeight="1" x14ac:dyDescent="0.2">
      <c r="B26" s="166" t="s">
        <v>24</v>
      </c>
      <c r="C26" s="159">
        <v>0</v>
      </c>
      <c r="D26" s="160">
        <v>0</v>
      </c>
      <c r="E26" s="161">
        <v>0</v>
      </c>
      <c r="F26" s="162">
        <v>0</v>
      </c>
      <c r="G26" s="160">
        <v>3</v>
      </c>
      <c r="H26" s="160">
        <v>4</v>
      </c>
      <c r="I26" s="160">
        <v>3</v>
      </c>
      <c r="J26" s="160">
        <v>4</v>
      </c>
      <c r="K26" s="160">
        <v>2</v>
      </c>
      <c r="L26" s="163">
        <v>16</v>
      </c>
      <c r="M26" s="164">
        <v>16</v>
      </c>
      <c r="N26" s="159">
        <v>0</v>
      </c>
      <c r="O26" s="160">
        <v>0</v>
      </c>
      <c r="P26" s="165">
        <v>0</v>
      </c>
      <c r="Q26" s="162">
        <v>0</v>
      </c>
      <c r="R26" s="160">
        <v>0</v>
      </c>
      <c r="S26" s="160">
        <v>0</v>
      </c>
      <c r="T26" s="160">
        <v>0</v>
      </c>
      <c r="U26" s="160">
        <v>3</v>
      </c>
      <c r="V26" s="160">
        <v>1</v>
      </c>
      <c r="W26" s="165">
        <v>4</v>
      </c>
      <c r="X26" s="164">
        <v>4</v>
      </c>
      <c r="Y26" s="159">
        <v>1</v>
      </c>
      <c r="Z26" s="160">
        <v>2</v>
      </c>
      <c r="AA26" s="165">
        <v>3</v>
      </c>
      <c r="AB26" s="162">
        <v>0</v>
      </c>
      <c r="AC26" s="160">
        <v>9</v>
      </c>
      <c r="AD26" s="160">
        <v>5</v>
      </c>
      <c r="AE26" s="160">
        <v>8</v>
      </c>
      <c r="AF26" s="160">
        <v>4</v>
      </c>
      <c r="AG26" s="160">
        <v>0</v>
      </c>
      <c r="AH26" s="165">
        <v>26</v>
      </c>
      <c r="AI26" s="164">
        <v>29</v>
      </c>
      <c r="AJ26" s="159">
        <v>0</v>
      </c>
      <c r="AK26" s="160">
        <v>0</v>
      </c>
      <c r="AL26" s="165">
        <v>0</v>
      </c>
      <c r="AM26" s="162">
        <v>0</v>
      </c>
      <c r="AN26" s="160">
        <v>1</v>
      </c>
      <c r="AO26" s="160">
        <v>1</v>
      </c>
      <c r="AP26" s="160">
        <v>0</v>
      </c>
      <c r="AQ26" s="160">
        <v>0</v>
      </c>
      <c r="AR26" s="160">
        <v>0</v>
      </c>
      <c r="AS26" s="165">
        <v>2</v>
      </c>
      <c r="AT26" s="164">
        <v>2</v>
      </c>
      <c r="AU26" s="159">
        <v>5</v>
      </c>
      <c r="AV26" s="160">
        <v>2</v>
      </c>
      <c r="AW26" s="165">
        <v>7</v>
      </c>
      <c r="AX26" s="162">
        <v>0</v>
      </c>
      <c r="AY26" s="160">
        <v>10</v>
      </c>
      <c r="AZ26" s="160">
        <v>9</v>
      </c>
      <c r="BA26" s="160">
        <v>11</v>
      </c>
      <c r="BB26" s="160">
        <v>10</v>
      </c>
      <c r="BC26" s="160">
        <v>5</v>
      </c>
      <c r="BD26" s="163">
        <v>45</v>
      </c>
      <c r="BE26" s="164">
        <v>52</v>
      </c>
      <c r="BF26" s="159">
        <v>0</v>
      </c>
      <c r="BG26" s="160">
        <v>0</v>
      </c>
      <c r="BH26" s="165">
        <v>0</v>
      </c>
      <c r="BI26" s="162">
        <v>0</v>
      </c>
      <c r="BJ26" s="160">
        <v>14</v>
      </c>
      <c r="BK26" s="160">
        <v>11</v>
      </c>
      <c r="BL26" s="160">
        <v>3</v>
      </c>
      <c r="BM26" s="160">
        <v>1</v>
      </c>
      <c r="BN26" s="160">
        <v>1</v>
      </c>
      <c r="BO26" s="165">
        <v>30</v>
      </c>
      <c r="BP26" s="164">
        <v>30</v>
      </c>
      <c r="BQ26" s="159">
        <v>1</v>
      </c>
      <c r="BR26" s="160">
        <v>2</v>
      </c>
      <c r="BS26" s="165">
        <v>3</v>
      </c>
      <c r="BT26" s="162">
        <v>0</v>
      </c>
      <c r="BU26" s="160">
        <v>1</v>
      </c>
      <c r="BV26" s="160">
        <v>6</v>
      </c>
      <c r="BW26" s="160">
        <v>3</v>
      </c>
      <c r="BX26" s="160">
        <v>2</v>
      </c>
      <c r="BY26" s="160">
        <v>1</v>
      </c>
      <c r="BZ26" s="165">
        <v>13</v>
      </c>
      <c r="CA26" s="164">
        <v>16</v>
      </c>
      <c r="CB26" s="159">
        <v>0</v>
      </c>
      <c r="CC26" s="160">
        <v>0</v>
      </c>
      <c r="CD26" s="165">
        <v>0</v>
      </c>
      <c r="CE26" s="162">
        <v>0</v>
      </c>
      <c r="CF26" s="160">
        <v>0</v>
      </c>
      <c r="CG26" s="160">
        <v>5</v>
      </c>
      <c r="CH26" s="160">
        <v>1</v>
      </c>
      <c r="CI26" s="160">
        <v>2</v>
      </c>
      <c r="CJ26" s="160">
        <v>0</v>
      </c>
      <c r="CK26" s="165">
        <v>8</v>
      </c>
      <c r="CL26" s="164">
        <v>8</v>
      </c>
      <c r="CM26" s="159">
        <v>0</v>
      </c>
      <c r="CN26" s="160">
        <v>0</v>
      </c>
      <c r="CO26" s="165">
        <v>0</v>
      </c>
      <c r="CP26" s="162">
        <v>0</v>
      </c>
      <c r="CQ26" s="160">
        <v>1</v>
      </c>
      <c r="CR26" s="160">
        <v>0</v>
      </c>
      <c r="CS26" s="160">
        <v>0</v>
      </c>
      <c r="CT26" s="160">
        <v>0</v>
      </c>
      <c r="CU26" s="160">
        <v>0</v>
      </c>
      <c r="CV26" s="165">
        <v>1</v>
      </c>
      <c r="CW26" s="164">
        <v>1</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12</v>
      </c>
      <c r="DU26" s="160">
        <v>6</v>
      </c>
      <c r="DV26" s="165">
        <v>18</v>
      </c>
      <c r="DW26" s="162">
        <v>0</v>
      </c>
      <c r="DX26" s="160">
        <v>15</v>
      </c>
      <c r="DY26" s="160">
        <v>14</v>
      </c>
      <c r="DZ26" s="160">
        <v>10</v>
      </c>
      <c r="EA26" s="160">
        <v>9</v>
      </c>
      <c r="EB26" s="160">
        <v>4</v>
      </c>
      <c r="EC26" s="165">
        <v>52</v>
      </c>
      <c r="ED26" s="164">
        <v>70</v>
      </c>
      <c r="EE26" s="159">
        <v>3</v>
      </c>
      <c r="EF26" s="160">
        <v>0</v>
      </c>
      <c r="EG26" s="165">
        <v>3</v>
      </c>
      <c r="EH26" s="162">
        <v>0</v>
      </c>
      <c r="EI26" s="160">
        <v>5</v>
      </c>
      <c r="EJ26" s="160">
        <v>1</v>
      </c>
      <c r="EK26" s="160">
        <v>3</v>
      </c>
      <c r="EL26" s="160">
        <v>2</v>
      </c>
      <c r="EM26" s="160">
        <v>2</v>
      </c>
      <c r="EN26" s="165">
        <v>13</v>
      </c>
      <c r="EO26" s="164">
        <v>16</v>
      </c>
      <c r="EP26" s="159">
        <v>13</v>
      </c>
      <c r="EQ26" s="160">
        <v>7</v>
      </c>
      <c r="ER26" s="165">
        <v>20</v>
      </c>
      <c r="ES26" s="162">
        <v>0</v>
      </c>
      <c r="ET26" s="160">
        <v>30</v>
      </c>
      <c r="EU26" s="160">
        <v>24</v>
      </c>
      <c r="EV26" s="160">
        <v>11</v>
      </c>
      <c r="EW26" s="160">
        <v>11</v>
      </c>
      <c r="EX26" s="160">
        <v>4</v>
      </c>
      <c r="EY26" s="165">
        <v>80</v>
      </c>
      <c r="EZ26" s="164">
        <v>100</v>
      </c>
    </row>
    <row r="27" spans="2:156" ht="21" customHeight="1" x14ac:dyDescent="0.2">
      <c r="B27" s="166" t="s">
        <v>25</v>
      </c>
      <c r="C27" s="159">
        <v>0</v>
      </c>
      <c r="D27" s="160">
        <v>0</v>
      </c>
      <c r="E27" s="161">
        <v>0</v>
      </c>
      <c r="F27" s="162">
        <v>0</v>
      </c>
      <c r="G27" s="160">
        <v>6</v>
      </c>
      <c r="H27" s="160">
        <v>5</v>
      </c>
      <c r="I27" s="160">
        <v>1</v>
      </c>
      <c r="J27" s="160">
        <v>3</v>
      </c>
      <c r="K27" s="160">
        <v>0</v>
      </c>
      <c r="L27" s="163">
        <v>15</v>
      </c>
      <c r="M27" s="164">
        <v>15</v>
      </c>
      <c r="N27" s="159">
        <v>0</v>
      </c>
      <c r="O27" s="160">
        <v>0</v>
      </c>
      <c r="P27" s="165">
        <v>0</v>
      </c>
      <c r="Q27" s="162">
        <v>0</v>
      </c>
      <c r="R27" s="160">
        <v>0</v>
      </c>
      <c r="S27" s="160">
        <v>0</v>
      </c>
      <c r="T27" s="160">
        <v>1</v>
      </c>
      <c r="U27" s="160">
        <v>1</v>
      </c>
      <c r="V27" s="160">
        <v>0</v>
      </c>
      <c r="W27" s="165">
        <v>2</v>
      </c>
      <c r="X27" s="164">
        <v>2</v>
      </c>
      <c r="Y27" s="159">
        <v>1</v>
      </c>
      <c r="Z27" s="160">
        <v>1</v>
      </c>
      <c r="AA27" s="165">
        <v>2</v>
      </c>
      <c r="AB27" s="162">
        <v>0</v>
      </c>
      <c r="AC27" s="160">
        <v>2</v>
      </c>
      <c r="AD27" s="160">
        <v>7</v>
      </c>
      <c r="AE27" s="160">
        <v>2</v>
      </c>
      <c r="AF27" s="160">
        <v>4</v>
      </c>
      <c r="AG27" s="160">
        <v>0</v>
      </c>
      <c r="AH27" s="165">
        <v>15</v>
      </c>
      <c r="AI27" s="164">
        <v>17</v>
      </c>
      <c r="AJ27" s="159">
        <v>0</v>
      </c>
      <c r="AK27" s="160">
        <v>3</v>
      </c>
      <c r="AL27" s="165">
        <v>3</v>
      </c>
      <c r="AM27" s="162">
        <v>0</v>
      </c>
      <c r="AN27" s="160">
        <v>0</v>
      </c>
      <c r="AO27" s="160">
        <v>1</v>
      </c>
      <c r="AP27" s="160">
        <v>0</v>
      </c>
      <c r="AQ27" s="160">
        <v>0</v>
      </c>
      <c r="AR27" s="160">
        <v>0</v>
      </c>
      <c r="AS27" s="165">
        <v>1</v>
      </c>
      <c r="AT27" s="164">
        <v>4</v>
      </c>
      <c r="AU27" s="159">
        <v>1</v>
      </c>
      <c r="AV27" s="160">
        <v>1</v>
      </c>
      <c r="AW27" s="165">
        <v>2</v>
      </c>
      <c r="AX27" s="162">
        <v>0</v>
      </c>
      <c r="AY27" s="160">
        <v>6</v>
      </c>
      <c r="AZ27" s="160">
        <v>3</v>
      </c>
      <c r="BA27" s="160">
        <v>3</v>
      </c>
      <c r="BB27" s="160">
        <v>4</v>
      </c>
      <c r="BC27" s="160">
        <v>0</v>
      </c>
      <c r="BD27" s="163">
        <v>16</v>
      </c>
      <c r="BE27" s="164">
        <v>18</v>
      </c>
      <c r="BF27" s="159">
        <v>0</v>
      </c>
      <c r="BG27" s="160">
        <v>0</v>
      </c>
      <c r="BH27" s="165">
        <v>0</v>
      </c>
      <c r="BI27" s="162">
        <v>0</v>
      </c>
      <c r="BJ27" s="160">
        <v>9</v>
      </c>
      <c r="BK27" s="160">
        <v>2</v>
      </c>
      <c r="BL27" s="160">
        <v>1</v>
      </c>
      <c r="BM27" s="160">
        <v>1</v>
      </c>
      <c r="BN27" s="160">
        <v>1</v>
      </c>
      <c r="BO27" s="165">
        <v>14</v>
      </c>
      <c r="BP27" s="164">
        <v>14</v>
      </c>
      <c r="BQ27" s="159">
        <v>0</v>
      </c>
      <c r="BR27" s="160">
        <v>1</v>
      </c>
      <c r="BS27" s="165">
        <v>1</v>
      </c>
      <c r="BT27" s="162">
        <v>0</v>
      </c>
      <c r="BU27" s="160">
        <v>1</v>
      </c>
      <c r="BV27" s="160">
        <v>5</v>
      </c>
      <c r="BW27" s="160">
        <v>3</v>
      </c>
      <c r="BX27" s="160">
        <v>2</v>
      </c>
      <c r="BY27" s="160">
        <v>0</v>
      </c>
      <c r="BZ27" s="165">
        <v>11</v>
      </c>
      <c r="CA27" s="164">
        <v>12</v>
      </c>
      <c r="CB27" s="159">
        <v>0</v>
      </c>
      <c r="CC27" s="160">
        <v>0</v>
      </c>
      <c r="CD27" s="165">
        <v>0</v>
      </c>
      <c r="CE27" s="162">
        <v>0</v>
      </c>
      <c r="CF27" s="160">
        <v>2</v>
      </c>
      <c r="CG27" s="160">
        <v>0</v>
      </c>
      <c r="CH27" s="160">
        <v>0</v>
      </c>
      <c r="CI27" s="160">
        <v>1</v>
      </c>
      <c r="CJ27" s="160">
        <v>0</v>
      </c>
      <c r="CK27" s="165">
        <v>3</v>
      </c>
      <c r="CL27" s="164">
        <v>3</v>
      </c>
      <c r="CM27" s="159">
        <v>0</v>
      </c>
      <c r="CN27" s="160">
        <v>0</v>
      </c>
      <c r="CO27" s="165">
        <v>0</v>
      </c>
      <c r="CP27" s="162">
        <v>0</v>
      </c>
      <c r="CQ27" s="160">
        <v>0</v>
      </c>
      <c r="CR27" s="160">
        <v>1</v>
      </c>
      <c r="CS27" s="160">
        <v>0</v>
      </c>
      <c r="CT27" s="160">
        <v>1</v>
      </c>
      <c r="CU27" s="160">
        <v>0</v>
      </c>
      <c r="CV27" s="165">
        <v>2</v>
      </c>
      <c r="CW27" s="164">
        <v>2</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5</v>
      </c>
      <c r="DU27" s="160">
        <v>8</v>
      </c>
      <c r="DV27" s="165">
        <v>13</v>
      </c>
      <c r="DW27" s="162">
        <v>0</v>
      </c>
      <c r="DX27" s="160">
        <v>4</v>
      </c>
      <c r="DY27" s="160">
        <v>11</v>
      </c>
      <c r="DZ27" s="160">
        <v>5</v>
      </c>
      <c r="EA27" s="160">
        <v>6</v>
      </c>
      <c r="EB27" s="160">
        <v>0</v>
      </c>
      <c r="EC27" s="165">
        <v>26</v>
      </c>
      <c r="ED27" s="164">
        <v>39</v>
      </c>
      <c r="EE27" s="159">
        <v>0</v>
      </c>
      <c r="EF27" s="160">
        <v>0</v>
      </c>
      <c r="EG27" s="165">
        <v>0</v>
      </c>
      <c r="EH27" s="162">
        <v>0</v>
      </c>
      <c r="EI27" s="160">
        <v>5</v>
      </c>
      <c r="EJ27" s="160">
        <v>1</v>
      </c>
      <c r="EK27" s="160">
        <v>2</v>
      </c>
      <c r="EL27" s="160">
        <v>3</v>
      </c>
      <c r="EM27" s="160">
        <v>0</v>
      </c>
      <c r="EN27" s="165">
        <v>11</v>
      </c>
      <c r="EO27" s="164">
        <v>11</v>
      </c>
      <c r="EP27" s="159">
        <v>5</v>
      </c>
      <c r="EQ27" s="160">
        <v>9</v>
      </c>
      <c r="ER27" s="165">
        <v>14</v>
      </c>
      <c r="ES27" s="162">
        <v>0</v>
      </c>
      <c r="ET27" s="160">
        <v>16</v>
      </c>
      <c r="EU27" s="160">
        <v>14</v>
      </c>
      <c r="EV27" s="160">
        <v>6</v>
      </c>
      <c r="EW27" s="160">
        <v>6</v>
      </c>
      <c r="EX27" s="160">
        <v>0</v>
      </c>
      <c r="EY27" s="165">
        <v>42</v>
      </c>
      <c r="EZ27" s="164">
        <v>56</v>
      </c>
    </row>
    <row r="28" spans="2:156" ht="21" customHeight="1" x14ac:dyDescent="0.2">
      <c r="B28" s="166" t="s">
        <v>26</v>
      </c>
      <c r="C28" s="159">
        <v>0</v>
      </c>
      <c r="D28" s="160">
        <v>0</v>
      </c>
      <c r="E28" s="161">
        <v>0</v>
      </c>
      <c r="F28" s="162">
        <v>0</v>
      </c>
      <c r="G28" s="160">
        <v>5</v>
      </c>
      <c r="H28" s="160">
        <v>3</v>
      </c>
      <c r="I28" s="160">
        <v>4</v>
      </c>
      <c r="J28" s="160">
        <v>4</v>
      </c>
      <c r="K28" s="160">
        <v>4</v>
      </c>
      <c r="L28" s="163">
        <v>20</v>
      </c>
      <c r="M28" s="164">
        <v>20</v>
      </c>
      <c r="N28" s="159">
        <v>0</v>
      </c>
      <c r="O28" s="160">
        <v>0</v>
      </c>
      <c r="P28" s="165">
        <v>0</v>
      </c>
      <c r="Q28" s="162">
        <v>0</v>
      </c>
      <c r="R28" s="160">
        <v>0</v>
      </c>
      <c r="S28" s="160">
        <v>0</v>
      </c>
      <c r="T28" s="160">
        <v>0</v>
      </c>
      <c r="U28" s="160">
        <v>1</v>
      </c>
      <c r="V28" s="160">
        <v>1</v>
      </c>
      <c r="W28" s="165">
        <v>2</v>
      </c>
      <c r="X28" s="164">
        <v>2</v>
      </c>
      <c r="Y28" s="159">
        <v>1</v>
      </c>
      <c r="Z28" s="160">
        <v>0</v>
      </c>
      <c r="AA28" s="165">
        <v>1</v>
      </c>
      <c r="AB28" s="162">
        <v>0</v>
      </c>
      <c r="AC28" s="160">
        <v>4</v>
      </c>
      <c r="AD28" s="160">
        <v>5</v>
      </c>
      <c r="AE28" s="160">
        <v>3</v>
      </c>
      <c r="AF28" s="160">
        <v>3</v>
      </c>
      <c r="AG28" s="160">
        <v>3</v>
      </c>
      <c r="AH28" s="165">
        <v>18</v>
      </c>
      <c r="AI28" s="164">
        <v>19</v>
      </c>
      <c r="AJ28" s="159">
        <v>0</v>
      </c>
      <c r="AK28" s="160">
        <v>0</v>
      </c>
      <c r="AL28" s="165">
        <v>0</v>
      </c>
      <c r="AM28" s="162">
        <v>0</v>
      </c>
      <c r="AN28" s="160">
        <v>0</v>
      </c>
      <c r="AO28" s="160">
        <v>0</v>
      </c>
      <c r="AP28" s="160">
        <v>0</v>
      </c>
      <c r="AQ28" s="160">
        <v>0</v>
      </c>
      <c r="AR28" s="160">
        <v>1</v>
      </c>
      <c r="AS28" s="165">
        <v>1</v>
      </c>
      <c r="AT28" s="164">
        <v>1</v>
      </c>
      <c r="AU28" s="159">
        <v>2</v>
      </c>
      <c r="AV28" s="160">
        <v>0</v>
      </c>
      <c r="AW28" s="165">
        <v>2</v>
      </c>
      <c r="AX28" s="162">
        <v>0</v>
      </c>
      <c r="AY28" s="160">
        <v>4</v>
      </c>
      <c r="AZ28" s="160">
        <v>3</v>
      </c>
      <c r="BA28" s="160">
        <v>9</v>
      </c>
      <c r="BB28" s="160">
        <v>4</v>
      </c>
      <c r="BC28" s="160">
        <v>4</v>
      </c>
      <c r="BD28" s="163">
        <v>24</v>
      </c>
      <c r="BE28" s="164">
        <v>26</v>
      </c>
      <c r="BF28" s="159">
        <v>0</v>
      </c>
      <c r="BG28" s="160">
        <v>0</v>
      </c>
      <c r="BH28" s="165">
        <v>0</v>
      </c>
      <c r="BI28" s="162">
        <v>0</v>
      </c>
      <c r="BJ28" s="160">
        <v>5</v>
      </c>
      <c r="BK28" s="160">
        <v>4</v>
      </c>
      <c r="BL28" s="160">
        <v>1</v>
      </c>
      <c r="BM28" s="160">
        <v>3</v>
      </c>
      <c r="BN28" s="160">
        <v>0</v>
      </c>
      <c r="BO28" s="165">
        <v>13</v>
      </c>
      <c r="BP28" s="164">
        <v>13</v>
      </c>
      <c r="BQ28" s="159">
        <v>0</v>
      </c>
      <c r="BR28" s="160">
        <v>0</v>
      </c>
      <c r="BS28" s="165">
        <v>0</v>
      </c>
      <c r="BT28" s="162">
        <v>0</v>
      </c>
      <c r="BU28" s="160">
        <v>3</v>
      </c>
      <c r="BV28" s="160">
        <v>1</v>
      </c>
      <c r="BW28" s="160">
        <v>0</v>
      </c>
      <c r="BX28" s="160">
        <v>1</v>
      </c>
      <c r="BY28" s="160">
        <v>0</v>
      </c>
      <c r="BZ28" s="165">
        <v>5</v>
      </c>
      <c r="CA28" s="164">
        <v>5</v>
      </c>
      <c r="CB28" s="159">
        <v>0</v>
      </c>
      <c r="CC28" s="160">
        <v>0</v>
      </c>
      <c r="CD28" s="165">
        <v>0</v>
      </c>
      <c r="CE28" s="162">
        <v>0</v>
      </c>
      <c r="CF28" s="160">
        <v>2</v>
      </c>
      <c r="CG28" s="160">
        <v>1</v>
      </c>
      <c r="CH28" s="160">
        <v>1</v>
      </c>
      <c r="CI28" s="160">
        <v>1</v>
      </c>
      <c r="CJ28" s="160">
        <v>0</v>
      </c>
      <c r="CK28" s="165">
        <v>5</v>
      </c>
      <c r="CL28" s="164">
        <v>5</v>
      </c>
      <c r="CM28" s="159">
        <v>0</v>
      </c>
      <c r="CN28" s="160">
        <v>0</v>
      </c>
      <c r="CO28" s="165">
        <v>0</v>
      </c>
      <c r="CP28" s="162">
        <v>0</v>
      </c>
      <c r="CQ28" s="160">
        <v>0</v>
      </c>
      <c r="CR28" s="160">
        <v>0</v>
      </c>
      <c r="CS28" s="160">
        <v>0</v>
      </c>
      <c r="CT28" s="160">
        <v>0</v>
      </c>
      <c r="CU28" s="160">
        <v>0</v>
      </c>
      <c r="CV28" s="165">
        <v>0</v>
      </c>
      <c r="CW28" s="164">
        <v>0</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v>
      </c>
      <c r="DU28" s="160">
        <v>7</v>
      </c>
      <c r="DV28" s="165">
        <v>13</v>
      </c>
      <c r="DW28" s="162">
        <v>0</v>
      </c>
      <c r="DX28" s="160">
        <v>13</v>
      </c>
      <c r="DY28" s="160">
        <v>9</v>
      </c>
      <c r="DZ28" s="160">
        <v>7</v>
      </c>
      <c r="EA28" s="160">
        <v>8</v>
      </c>
      <c r="EB28" s="160">
        <v>3</v>
      </c>
      <c r="EC28" s="165">
        <v>40</v>
      </c>
      <c r="ED28" s="164">
        <v>53</v>
      </c>
      <c r="EE28" s="159">
        <v>1</v>
      </c>
      <c r="EF28" s="160">
        <v>0</v>
      </c>
      <c r="EG28" s="165">
        <v>1</v>
      </c>
      <c r="EH28" s="162">
        <v>0</v>
      </c>
      <c r="EI28" s="160">
        <v>2</v>
      </c>
      <c r="EJ28" s="160">
        <v>2</v>
      </c>
      <c r="EK28" s="160">
        <v>2</v>
      </c>
      <c r="EL28" s="160">
        <v>0</v>
      </c>
      <c r="EM28" s="160">
        <v>0</v>
      </c>
      <c r="EN28" s="165">
        <v>6</v>
      </c>
      <c r="EO28" s="164">
        <v>7</v>
      </c>
      <c r="EP28" s="159">
        <v>7</v>
      </c>
      <c r="EQ28" s="160">
        <v>7</v>
      </c>
      <c r="ER28" s="165">
        <v>14</v>
      </c>
      <c r="ES28" s="162">
        <v>0</v>
      </c>
      <c r="ET28" s="160">
        <v>19</v>
      </c>
      <c r="EU28" s="160">
        <v>13</v>
      </c>
      <c r="EV28" s="160">
        <v>11</v>
      </c>
      <c r="EW28" s="160">
        <v>8</v>
      </c>
      <c r="EX28" s="160">
        <v>3</v>
      </c>
      <c r="EY28" s="165">
        <v>54</v>
      </c>
      <c r="EZ28" s="164">
        <v>68</v>
      </c>
    </row>
    <row r="29" spans="2:156" ht="21" customHeight="1" x14ac:dyDescent="0.2">
      <c r="B29" s="166" t="s">
        <v>27</v>
      </c>
      <c r="C29" s="159">
        <v>0</v>
      </c>
      <c r="D29" s="160">
        <v>0</v>
      </c>
      <c r="E29" s="161">
        <v>0</v>
      </c>
      <c r="F29" s="162">
        <v>0</v>
      </c>
      <c r="G29" s="160">
        <v>3</v>
      </c>
      <c r="H29" s="160">
        <v>5</v>
      </c>
      <c r="I29" s="160">
        <v>4</v>
      </c>
      <c r="J29" s="160">
        <v>3</v>
      </c>
      <c r="K29" s="160">
        <v>3</v>
      </c>
      <c r="L29" s="163">
        <v>18</v>
      </c>
      <c r="M29" s="164">
        <v>18</v>
      </c>
      <c r="N29" s="159">
        <v>0</v>
      </c>
      <c r="O29" s="160">
        <v>0</v>
      </c>
      <c r="P29" s="165">
        <v>0</v>
      </c>
      <c r="Q29" s="162">
        <v>0</v>
      </c>
      <c r="R29" s="160">
        <v>0</v>
      </c>
      <c r="S29" s="160">
        <v>0</v>
      </c>
      <c r="T29" s="160">
        <v>0</v>
      </c>
      <c r="U29" s="160">
        <v>0</v>
      </c>
      <c r="V29" s="160">
        <v>0</v>
      </c>
      <c r="W29" s="165">
        <v>0</v>
      </c>
      <c r="X29" s="164">
        <v>0</v>
      </c>
      <c r="Y29" s="159">
        <v>1</v>
      </c>
      <c r="Z29" s="160">
        <v>2</v>
      </c>
      <c r="AA29" s="165">
        <v>3</v>
      </c>
      <c r="AB29" s="162">
        <v>0</v>
      </c>
      <c r="AC29" s="160">
        <v>3</v>
      </c>
      <c r="AD29" s="160">
        <v>4</v>
      </c>
      <c r="AE29" s="160">
        <v>4</v>
      </c>
      <c r="AF29" s="160">
        <v>3</v>
      </c>
      <c r="AG29" s="160">
        <v>3</v>
      </c>
      <c r="AH29" s="165">
        <v>17</v>
      </c>
      <c r="AI29" s="164">
        <v>20</v>
      </c>
      <c r="AJ29" s="159">
        <v>0</v>
      </c>
      <c r="AK29" s="160">
        <v>0</v>
      </c>
      <c r="AL29" s="165">
        <v>0</v>
      </c>
      <c r="AM29" s="162">
        <v>0</v>
      </c>
      <c r="AN29" s="160">
        <v>0</v>
      </c>
      <c r="AO29" s="160">
        <v>1</v>
      </c>
      <c r="AP29" s="160">
        <v>0</v>
      </c>
      <c r="AQ29" s="160">
        <v>0</v>
      </c>
      <c r="AR29" s="160">
        <v>0</v>
      </c>
      <c r="AS29" s="165">
        <v>1</v>
      </c>
      <c r="AT29" s="164">
        <v>1</v>
      </c>
      <c r="AU29" s="159">
        <v>1</v>
      </c>
      <c r="AV29" s="160">
        <v>1</v>
      </c>
      <c r="AW29" s="165">
        <v>2</v>
      </c>
      <c r="AX29" s="162">
        <v>0</v>
      </c>
      <c r="AY29" s="160">
        <v>9</v>
      </c>
      <c r="AZ29" s="160">
        <v>5</v>
      </c>
      <c r="BA29" s="160">
        <v>4</v>
      </c>
      <c r="BB29" s="160">
        <v>8</v>
      </c>
      <c r="BC29" s="160">
        <v>3</v>
      </c>
      <c r="BD29" s="163">
        <v>29</v>
      </c>
      <c r="BE29" s="164">
        <v>31</v>
      </c>
      <c r="BF29" s="159">
        <v>0</v>
      </c>
      <c r="BG29" s="160">
        <v>0</v>
      </c>
      <c r="BH29" s="165">
        <v>0</v>
      </c>
      <c r="BI29" s="162">
        <v>0</v>
      </c>
      <c r="BJ29" s="160">
        <v>7</v>
      </c>
      <c r="BK29" s="160">
        <v>4</v>
      </c>
      <c r="BL29" s="160">
        <v>2</v>
      </c>
      <c r="BM29" s="160">
        <v>6</v>
      </c>
      <c r="BN29" s="160">
        <v>0</v>
      </c>
      <c r="BO29" s="165">
        <v>19</v>
      </c>
      <c r="BP29" s="164">
        <v>19</v>
      </c>
      <c r="BQ29" s="159">
        <v>3</v>
      </c>
      <c r="BR29" s="160">
        <v>1</v>
      </c>
      <c r="BS29" s="165">
        <v>4</v>
      </c>
      <c r="BT29" s="162">
        <v>0</v>
      </c>
      <c r="BU29" s="160">
        <v>3</v>
      </c>
      <c r="BV29" s="160">
        <v>3</v>
      </c>
      <c r="BW29" s="160">
        <v>3</v>
      </c>
      <c r="BX29" s="160">
        <v>0</v>
      </c>
      <c r="BY29" s="160">
        <v>0</v>
      </c>
      <c r="BZ29" s="165">
        <v>9</v>
      </c>
      <c r="CA29" s="164">
        <v>13</v>
      </c>
      <c r="CB29" s="159">
        <v>0</v>
      </c>
      <c r="CC29" s="160">
        <v>0</v>
      </c>
      <c r="CD29" s="165">
        <v>0</v>
      </c>
      <c r="CE29" s="162">
        <v>0</v>
      </c>
      <c r="CF29" s="160">
        <v>0</v>
      </c>
      <c r="CG29" s="160">
        <v>0</v>
      </c>
      <c r="CH29" s="160">
        <v>1</v>
      </c>
      <c r="CI29" s="160">
        <v>3</v>
      </c>
      <c r="CJ29" s="160">
        <v>0</v>
      </c>
      <c r="CK29" s="165">
        <v>4</v>
      </c>
      <c r="CL29" s="164">
        <v>4</v>
      </c>
      <c r="CM29" s="159">
        <v>0</v>
      </c>
      <c r="CN29" s="160">
        <v>0</v>
      </c>
      <c r="CO29" s="165">
        <v>0</v>
      </c>
      <c r="CP29" s="162">
        <v>0</v>
      </c>
      <c r="CQ29" s="160">
        <v>0</v>
      </c>
      <c r="CR29" s="160">
        <v>0</v>
      </c>
      <c r="CS29" s="160">
        <v>0</v>
      </c>
      <c r="CT29" s="160">
        <v>0</v>
      </c>
      <c r="CU29" s="160">
        <v>0</v>
      </c>
      <c r="CV29" s="165">
        <v>0</v>
      </c>
      <c r="CW29" s="164">
        <v>0</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v>
      </c>
      <c r="DU29" s="160">
        <v>9</v>
      </c>
      <c r="DV29" s="165">
        <v>19</v>
      </c>
      <c r="DW29" s="162">
        <v>0</v>
      </c>
      <c r="DX29" s="160">
        <v>6</v>
      </c>
      <c r="DY29" s="160">
        <v>11</v>
      </c>
      <c r="DZ29" s="160">
        <v>5</v>
      </c>
      <c r="EA29" s="160">
        <v>6</v>
      </c>
      <c r="EB29" s="160">
        <v>4</v>
      </c>
      <c r="EC29" s="165">
        <v>32</v>
      </c>
      <c r="ED29" s="164">
        <v>51</v>
      </c>
      <c r="EE29" s="159">
        <v>1</v>
      </c>
      <c r="EF29" s="160">
        <v>0</v>
      </c>
      <c r="EG29" s="165">
        <v>1</v>
      </c>
      <c r="EH29" s="162">
        <v>0</v>
      </c>
      <c r="EI29" s="160">
        <v>4</v>
      </c>
      <c r="EJ29" s="160">
        <v>1</v>
      </c>
      <c r="EK29" s="160">
        <v>0</v>
      </c>
      <c r="EL29" s="160">
        <v>2</v>
      </c>
      <c r="EM29" s="160">
        <v>0</v>
      </c>
      <c r="EN29" s="165">
        <v>7</v>
      </c>
      <c r="EO29" s="164">
        <v>8</v>
      </c>
      <c r="EP29" s="159">
        <v>12</v>
      </c>
      <c r="EQ29" s="160">
        <v>15</v>
      </c>
      <c r="ER29" s="165">
        <v>27</v>
      </c>
      <c r="ES29" s="162">
        <v>0</v>
      </c>
      <c r="ET29" s="160">
        <v>14</v>
      </c>
      <c r="EU29" s="160">
        <v>11</v>
      </c>
      <c r="EV29" s="160">
        <v>7</v>
      </c>
      <c r="EW29" s="160">
        <v>8</v>
      </c>
      <c r="EX29" s="160">
        <v>4</v>
      </c>
      <c r="EY29" s="165">
        <v>44</v>
      </c>
      <c r="EZ29" s="164">
        <v>71</v>
      </c>
    </row>
    <row r="30" spans="2:156" ht="21" customHeight="1" x14ac:dyDescent="0.2">
      <c r="B30" s="166" t="s">
        <v>28</v>
      </c>
      <c r="C30" s="159">
        <v>0</v>
      </c>
      <c r="D30" s="160">
        <v>0</v>
      </c>
      <c r="E30" s="161">
        <v>0</v>
      </c>
      <c r="F30" s="162">
        <v>0</v>
      </c>
      <c r="G30" s="160">
        <v>0</v>
      </c>
      <c r="H30" s="160">
        <v>0</v>
      </c>
      <c r="I30" s="160">
        <v>1</v>
      </c>
      <c r="J30" s="160">
        <v>0</v>
      </c>
      <c r="K30" s="160">
        <v>0</v>
      </c>
      <c r="L30" s="163">
        <v>1</v>
      </c>
      <c r="M30" s="164">
        <v>1</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1</v>
      </c>
      <c r="AG30" s="160">
        <v>0</v>
      </c>
      <c r="AH30" s="165">
        <v>3</v>
      </c>
      <c r="AI30" s="164">
        <v>3</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1</v>
      </c>
      <c r="BD30" s="163">
        <v>7</v>
      </c>
      <c r="BE30" s="164">
        <v>7</v>
      </c>
      <c r="BF30" s="159">
        <v>0</v>
      </c>
      <c r="BG30" s="160">
        <v>0</v>
      </c>
      <c r="BH30" s="165">
        <v>0</v>
      </c>
      <c r="BI30" s="162">
        <v>0</v>
      </c>
      <c r="BJ30" s="160">
        <v>0</v>
      </c>
      <c r="BK30" s="160">
        <v>5</v>
      </c>
      <c r="BL30" s="160">
        <v>1</v>
      </c>
      <c r="BM30" s="160">
        <v>0</v>
      </c>
      <c r="BN30" s="160">
        <v>0</v>
      </c>
      <c r="BO30" s="165">
        <v>6</v>
      </c>
      <c r="BP30" s="164">
        <v>6</v>
      </c>
      <c r="BQ30" s="159">
        <v>0</v>
      </c>
      <c r="BR30" s="160">
        <v>0</v>
      </c>
      <c r="BS30" s="165">
        <v>0</v>
      </c>
      <c r="BT30" s="162">
        <v>0</v>
      </c>
      <c r="BU30" s="160">
        <v>2</v>
      </c>
      <c r="BV30" s="160">
        <v>0</v>
      </c>
      <c r="BW30" s="160">
        <v>0</v>
      </c>
      <c r="BX30" s="160">
        <v>0</v>
      </c>
      <c r="BY30" s="160">
        <v>0</v>
      </c>
      <c r="BZ30" s="165">
        <v>2</v>
      </c>
      <c r="CA30" s="164">
        <v>2</v>
      </c>
      <c r="CB30" s="159">
        <v>0</v>
      </c>
      <c r="CC30" s="160">
        <v>0</v>
      </c>
      <c r="CD30" s="165">
        <v>0</v>
      </c>
      <c r="CE30" s="162">
        <v>0</v>
      </c>
      <c r="CF30" s="160">
        <v>0</v>
      </c>
      <c r="CG30" s="160">
        <v>1</v>
      </c>
      <c r="CH30" s="160">
        <v>0</v>
      </c>
      <c r="CI30" s="160">
        <v>0</v>
      </c>
      <c r="CJ30" s="160">
        <v>0</v>
      </c>
      <c r="CK30" s="165">
        <v>1</v>
      </c>
      <c r="CL30" s="164">
        <v>1</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4</v>
      </c>
      <c r="DZ30" s="160">
        <v>1</v>
      </c>
      <c r="EA30" s="160">
        <v>1</v>
      </c>
      <c r="EB30" s="160">
        <v>0</v>
      </c>
      <c r="EC30" s="165">
        <v>9</v>
      </c>
      <c r="ED30" s="164">
        <v>10</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8</v>
      </c>
      <c r="EU30" s="160">
        <v>6</v>
      </c>
      <c r="EV30" s="160">
        <v>2</v>
      </c>
      <c r="EW30" s="160">
        <v>1</v>
      </c>
      <c r="EX30" s="160">
        <v>0</v>
      </c>
      <c r="EY30" s="165">
        <v>17</v>
      </c>
      <c r="EZ30" s="164">
        <v>18</v>
      </c>
    </row>
    <row r="31" spans="2:156" ht="21" customHeight="1" x14ac:dyDescent="0.2">
      <c r="B31" s="166" t="s">
        <v>29</v>
      </c>
      <c r="C31" s="159">
        <v>0</v>
      </c>
      <c r="D31" s="160">
        <v>0</v>
      </c>
      <c r="E31" s="161">
        <v>0</v>
      </c>
      <c r="F31" s="162">
        <v>0</v>
      </c>
      <c r="G31" s="160">
        <v>0</v>
      </c>
      <c r="H31" s="160">
        <v>2</v>
      </c>
      <c r="I31" s="160">
        <v>0</v>
      </c>
      <c r="J31" s="160">
        <v>1</v>
      </c>
      <c r="K31" s="160">
        <v>1</v>
      </c>
      <c r="L31" s="163">
        <v>4</v>
      </c>
      <c r="M31" s="164">
        <v>4</v>
      </c>
      <c r="N31" s="159">
        <v>0</v>
      </c>
      <c r="O31" s="160">
        <v>0</v>
      </c>
      <c r="P31" s="165">
        <v>0</v>
      </c>
      <c r="Q31" s="162">
        <v>0</v>
      </c>
      <c r="R31" s="160">
        <v>0</v>
      </c>
      <c r="S31" s="160">
        <v>0</v>
      </c>
      <c r="T31" s="160">
        <v>0</v>
      </c>
      <c r="U31" s="160">
        <v>0</v>
      </c>
      <c r="V31" s="160">
        <v>1</v>
      </c>
      <c r="W31" s="165">
        <v>1</v>
      </c>
      <c r="X31" s="164">
        <v>1</v>
      </c>
      <c r="Y31" s="159">
        <v>0</v>
      </c>
      <c r="Z31" s="160">
        <v>0</v>
      </c>
      <c r="AA31" s="165">
        <v>0</v>
      </c>
      <c r="AB31" s="162">
        <v>0</v>
      </c>
      <c r="AC31" s="160">
        <v>0</v>
      </c>
      <c r="AD31" s="160">
        <v>1</v>
      </c>
      <c r="AE31" s="160">
        <v>2</v>
      </c>
      <c r="AF31" s="160">
        <v>1</v>
      </c>
      <c r="AG31" s="160">
        <v>0</v>
      </c>
      <c r="AH31" s="165">
        <v>4</v>
      </c>
      <c r="AI31" s="164">
        <v>4</v>
      </c>
      <c r="AJ31" s="159">
        <v>1</v>
      </c>
      <c r="AK31" s="160">
        <v>0</v>
      </c>
      <c r="AL31" s="165">
        <v>1</v>
      </c>
      <c r="AM31" s="162">
        <v>0</v>
      </c>
      <c r="AN31" s="160">
        <v>0</v>
      </c>
      <c r="AO31" s="160">
        <v>1</v>
      </c>
      <c r="AP31" s="160">
        <v>0</v>
      </c>
      <c r="AQ31" s="160">
        <v>0</v>
      </c>
      <c r="AR31" s="160">
        <v>0</v>
      </c>
      <c r="AS31" s="165">
        <v>1</v>
      </c>
      <c r="AT31" s="164">
        <v>2</v>
      </c>
      <c r="AU31" s="159">
        <v>1</v>
      </c>
      <c r="AV31" s="160">
        <v>0</v>
      </c>
      <c r="AW31" s="165">
        <v>1</v>
      </c>
      <c r="AX31" s="162">
        <v>0</v>
      </c>
      <c r="AY31" s="160">
        <v>2</v>
      </c>
      <c r="AZ31" s="160">
        <v>0</v>
      </c>
      <c r="BA31" s="160">
        <v>2</v>
      </c>
      <c r="BB31" s="160">
        <v>1</v>
      </c>
      <c r="BC31" s="160">
        <v>2</v>
      </c>
      <c r="BD31" s="163">
        <v>7</v>
      </c>
      <c r="BE31" s="164">
        <v>8</v>
      </c>
      <c r="BF31" s="159">
        <v>0</v>
      </c>
      <c r="BG31" s="160">
        <v>0</v>
      </c>
      <c r="BH31" s="165">
        <v>0</v>
      </c>
      <c r="BI31" s="162">
        <v>0</v>
      </c>
      <c r="BJ31" s="160">
        <v>0</v>
      </c>
      <c r="BK31" s="160">
        <v>3</v>
      </c>
      <c r="BL31" s="160">
        <v>2</v>
      </c>
      <c r="BM31" s="160">
        <v>0</v>
      </c>
      <c r="BN31" s="160">
        <v>1</v>
      </c>
      <c r="BO31" s="165">
        <v>6</v>
      </c>
      <c r="BP31" s="164">
        <v>6</v>
      </c>
      <c r="BQ31" s="159">
        <v>1</v>
      </c>
      <c r="BR31" s="160">
        <v>0</v>
      </c>
      <c r="BS31" s="165">
        <v>1</v>
      </c>
      <c r="BT31" s="162">
        <v>0</v>
      </c>
      <c r="BU31" s="160">
        <v>0</v>
      </c>
      <c r="BV31" s="160">
        <v>0</v>
      </c>
      <c r="BW31" s="160">
        <v>0</v>
      </c>
      <c r="BX31" s="160">
        <v>0</v>
      </c>
      <c r="BY31" s="160">
        <v>0</v>
      </c>
      <c r="BZ31" s="165">
        <v>0</v>
      </c>
      <c r="CA31" s="164">
        <v>1</v>
      </c>
      <c r="CB31" s="159">
        <v>0</v>
      </c>
      <c r="CC31" s="160">
        <v>0</v>
      </c>
      <c r="CD31" s="165">
        <v>0</v>
      </c>
      <c r="CE31" s="162">
        <v>0</v>
      </c>
      <c r="CF31" s="160">
        <v>0</v>
      </c>
      <c r="CG31" s="160">
        <v>0</v>
      </c>
      <c r="CH31" s="160">
        <v>0</v>
      </c>
      <c r="CI31" s="160">
        <v>0</v>
      </c>
      <c r="CJ31" s="160">
        <v>0</v>
      </c>
      <c r="CK31" s="165">
        <v>0</v>
      </c>
      <c r="CL31" s="164">
        <v>0</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4</v>
      </c>
      <c r="DU31" s="160">
        <v>0</v>
      </c>
      <c r="DV31" s="165">
        <v>4</v>
      </c>
      <c r="DW31" s="162">
        <v>0</v>
      </c>
      <c r="DX31" s="160">
        <v>0</v>
      </c>
      <c r="DY31" s="160">
        <v>3</v>
      </c>
      <c r="DZ31" s="160">
        <v>1</v>
      </c>
      <c r="EA31" s="160">
        <v>1</v>
      </c>
      <c r="EB31" s="160">
        <v>2</v>
      </c>
      <c r="EC31" s="165">
        <v>7</v>
      </c>
      <c r="ED31" s="164">
        <v>11</v>
      </c>
      <c r="EE31" s="159">
        <v>1</v>
      </c>
      <c r="EF31" s="160">
        <v>0</v>
      </c>
      <c r="EG31" s="165">
        <v>1</v>
      </c>
      <c r="EH31" s="162">
        <v>0</v>
      </c>
      <c r="EI31" s="160">
        <v>2</v>
      </c>
      <c r="EJ31" s="160">
        <v>0</v>
      </c>
      <c r="EK31" s="160">
        <v>0</v>
      </c>
      <c r="EL31" s="160">
        <v>0</v>
      </c>
      <c r="EM31" s="160">
        <v>0</v>
      </c>
      <c r="EN31" s="165">
        <v>2</v>
      </c>
      <c r="EO31" s="164">
        <v>3</v>
      </c>
      <c r="EP31" s="159">
        <v>5</v>
      </c>
      <c r="EQ31" s="160">
        <v>0</v>
      </c>
      <c r="ER31" s="165">
        <v>5</v>
      </c>
      <c r="ES31" s="162">
        <v>0</v>
      </c>
      <c r="ET31" s="160">
        <v>0</v>
      </c>
      <c r="EU31" s="160">
        <v>3</v>
      </c>
      <c r="EV31" s="160">
        <v>2</v>
      </c>
      <c r="EW31" s="160">
        <v>1</v>
      </c>
      <c r="EX31" s="160">
        <v>2</v>
      </c>
      <c r="EY31" s="165">
        <v>8</v>
      </c>
      <c r="EZ31" s="164">
        <v>13</v>
      </c>
    </row>
    <row r="32" spans="2:156" ht="21" customHeight="1" x14ac:dyDescent="0.2">
      <c r="B32" s="166" t="s">
        <v>30</v>
      </c>
      <c r="C32" s="159">
        <v>0</v>
      </c>
      <c r="D32" s="160">
        <v>0</v>
      </c>
      <c r="E32" s="161">
        <v>0</v>
      </c>
      <c r="F32" s="162">
        <v>0</v>
      </c>
      <c r="G32" s="160">
        <v>1</v>
      </c>
      <c r="H32" s="160">
        <v>0</v>
      </c>
      <c r="I32" s="160">
        <v>1</v>
      </c>
      <c r="J32" s="160">
        <v>1</v>
      </c>
      <c r="K32" s="160">
        <v>0</v>
      </c>
      <c r="L32" s="163">
        <v>3</v>
      </c>
      <c r="M32" s="164">
        <v>3</v>
      </c>
      <c r="N32" s="159">
        <v>0</v>
      </c>
      <c r="O32" s="160">
        <v>0</v>
      </c>
      <c r="P32" s="165">
        <v>0</v>
      </c>
      <c r="Q32" s="162">
        <v>0</v>
      </c>
      <c r="R32" s="160">
        <v>0</v>
      </c>
      <c r="S32" s="160">
        <v>0</v>
      </c>
      <c r="T32" s="160">
        <v>1</v>
      </c>
      <c r="U32" s="160">
        <v>0</v>
      </c>
      <c r="V32" s="160">
        <v>0</v>
      </c>
      <c r="W32" s="165">
        <v>1</v>
      </c>
      <c r="X32" s="164">
        <v>1</v>
      </c>
      <c r="Y32" s="159">
        <v>0</v>
      </c>
      <c r="Z32" s="160">
        <v>1</v>
      </c>
      <c r="AA32" s="165">
        <v>1</v>
      </c>
      <c r="AB32" s="162">
        <v>0</v>
      </c>
      <c r="AC32" s="160">
        <v>1</v>
      </c>
      <c r="AD32" s="160">
        <v>0</v>
      </c>
      <c r="AE32" s="160">
        <v>1</v>
      </c>
      <c r="AF32" s="160">
        <v>1</v>
      </c>
      <c r="AG32" s="160">
        <v>0</v>
      </c>
      <c r="AH32" s="165">
        <v>3</v>
      </c>
      <c r="AI32" s="164">
        <v>4</v>
      </c>
      <c r="AJ32" s="159">
        <v>0</v>
      </c>
      <c r="AK32" s="160">
        <v>0</v>
      </c>
      <c r="AL32" s="165">
        <v>0</v>
      </c>
      <c r="AM32" s="162">
        <v>0</v>
      </c>
      <c r="AN32" s="160">
        <v>0</v>
      </c>
      <c r="AO32" s="160">
        <v>0</v>
      </c>
      <c r="AP32" s="160">
        <v>0</v>
      </c>
      <c r="AQ32" s="160">
        <v>0</v>
      </c>
      <c r="AR32" s="160">
        <v>0</v>
      </c>
      <c r="AS32" s="165">
        <v>0</v>
      </c>
      <c r="AT32" s="164">
        <v>0</v>
      </c>
      <c r="AU32" s="159">
        <v>0</v>
      </c>
      <c r="AV32" s="160">
        <v>0</v>
      </c>
      <c r="AW32" s="165">
        <v>0</v>
      </c>
      <c r="AX32" s="162">
        <v>0</v>
      </c>
      <c r="AY32" s="160">
        <v>0</v>
      </c>
      <c r="AZ32" s="160">
        <v>2</v>
      </c>
      <c r="BA32" s="160">
        <v>2</v>
      </c>
      <c r="BB32" s="160">
        <v>1</v>
      </c>
      <c r="BC32" s="160">
        <v>0</v>
      </c>
      <c r="BD32" s="163">
        <v>5</v>
      </c>
      <c r="BE32" s="164">
        <v>5</v>
      </c>
      <c r="BF32" s="159">
        <v>0</v>
      </c>
      <c r="BG32" s="160">
        <v>0</v>
      </c>
      <c r="BH32" s="165">
        <v>0</v>
      </c>
      <c r="BI32" s="162">
        <v>0</v>
      </c>
      <c r="BJ32" s="160">
        <v>0</v>
      </c>
      <c r="BK32" s="160">
        <v>0</v>
      </c>
      <c r="BL32" s="160">
        <v>0</v>
      </c>
      <c r="BM32" s="160">
        <v>1</v>
      </c>
      <c r="BN32" s="160">
        <v>0</v>
      </c>
      <c r="BO32" s="165">
        <v>1</v>
      </c>
      <c r="BP32" s="164">
        <v>1</v>
      </c>
      <c r="BQ32" s="159">
        <v>1</v>
      </c>
      <c r="BR32" s="160">
        <v>1</v>
      </c>
      <c r="BS32" s="165">
        <v>2</v>
      </c>
      <c r="BT32" s="162">
        <v>0</v>
      </c>
      <c r="BU32" s="160">
        <v>0</v>
      </c>
      <c r="BV32" s="160">
        <v>0</v>
      </c>
      <c r="BW32" s="160">
        <v>0</v>
      </c>
      <c r="BX32" s="160">
        <v>0</v>
      </c>
      <c r="BY32" s="160">
        <v>0</v>
      </c>
      <c r="BZ32" s="165">
        <v>0</v>
      </c>
      <c r="CA32" s="164">
        <v>2</v>
      </c>
      <c r="CB32" s="159">
        <v>0</v>
      </c>
      <c r="CC32" s="160">
        <v>0</v>
      </c>
      <c r="CD32" s="165">
        <v>0</v>
      </c>
      <c r="CE32" s="162">
        <v>0</v>
      </c>
      <c r="CF32" s="160">
        <v>1</v>
      </c>
      <c r="CG32" s="160">
        <v>0</v>
      </c>
      <c r="CH32" s="160">
        <v>0</v>
      </c>
      <c r="CI32" s="160">
        <v>1</v>
      </c>
      <c r="CJ32" s="160">
        <v>0</v>
      </c>
      <c r="CK32" s="165">
        <v>2</v>
      </c>
      <c r="CL32" s="164">
        <v>2</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2</v>
      </c>
      <c r="DU32" s="160">
        <v>0</v>
      </c>
      <c r="DV32" s="165">
        <v>2</v>
      </c>
      <c r="DW32" s="162">
        <v>0</v>
      </c>
      <c r="DX32" s="160">
        <v>1</v>
      </c>
      <c r="DY32" s="160">
        <v>1</v>
      </c>
      <c r="DZ32" s="160">
        <v>2</v>
      </c>
      <c r="EA32" s="160">
        <v>1</v>
      </c>
      <c r="EB32" s="160">
        <v>0</v>
      </c>
      <c r="EC32" s="165">
        <v>5</v>
      </c>
      <c r="ED32" s="164">
        <v>7</v>
      </c>
      <c r="EE32" s="159">
        <v>0</v>
      </c>
      <c r="EF32" s="160">
        <v>0</v>
      </c>
      <c r="EG32" s="165">
        <v>0</v>
      </c>
      <c r="EH32" s="162">
        <v>0</v>
      </c>
      <c r="EI32" s="160">
        <v>0</v>
      </c>
      <c r="EJ32" s="160">
        <v>2</v>
      </c>
      <c r="EK32" s="160">
        <v>1</v>
      </c>
      <c r="EL32" s="160">
        <v>0</v>
      </c>
      <c r="EM32" s="160">
        <v>0</v>
      </c>
      <c r="EN32" s="165">
        <v>3</v>
      </c>
      <c r="EO32" s="164">
        <v>3</v>
      </c>
      <c r="EP32" s="159">
        <v>2</v>
      </c>
      <c r="EQ32" s="160">
        <v>2</v>
      </c>
      <c r="ER32" s="165">
        <v>4</v>
      </c>
      <c r="ES32" s="162">
        <v>0</v>
      </c>
      <c r="ET32" s="160">
        <v>2</v>
      </c>
      <c r="EU32" s="160">
        <v>1</v>
      </c>
      <c r="EV32" s="160">
        <v>2</v>
      </c>
      <c r="EW32" s="160">
        <v>0</v>
      </c>
      <c r="EX32" s="160">
        <v>0</v>
      </c>
      <c r="EY32" s="165">
        <v>5</v>
      </c>
      <c r="EZ32" s="164">
        <v>9</v>
      </c>
    </row>
    <row r="33" spans="2:156" ht="21" customHeight="1" x14ac:dyDescent="0.2">
      <c r="B33" s="166" t="s">
        <v>31</v>
      </c>
      <c r="C33" s="159">
        <v>0</v>
      </c>
      <c r="D33" s="160">
        <v>0</v>
      </c>
      <c r="E33" s="161">
        <v>0</v>
      </c>
      <c r="F33" s="162">
        <v>0</v>
      </c>
      <c r="G33" s="160">
        <v>0</v>
      </c>
      <c r="H33" s="160">
        <v>0</v>
      </c>
      <c r="I33" s="160">
        <v>2</v>
      </c>
      <c r="J33" s="160">
        <v>0</v>
      </c>
      <c r="K33" s="160">
        <v>0</v>
      </c>
      <c r="L33" s="163">
        <v>2</v>
      </c>
      <c r="M33" s="164">
        <v>2</v>
      </c>
      <c r="N33" s="159">
        <v>0</v>
      </c>
      <c r="O33" s="160">
        <v>0</v>
      </c>
      <c r="P33" s="165">
        <v>0</v>
      </c>
      <c r="Q33" s="162">
        <v>0</v>
      </c>
      <c r="R33" s="160">
        <v>0</v>
      </c>
      <c r="S33" s="160">
        <v>1</v>
      </c>
      <c r="T33" s="160">
        <v>1</v>
      </c>
      <c r="U33" s="160">
        <v>0</v>
      </c>
      <c r="V33" s="160">
        <v>0</v>
      </c>
      <c r="W33" s="165">
        <v>2</v>
      </c>
      <c r="X33" s="164">
        <v>2</v>
      </c>
      <c r="Y33" s="159">
        <v>0</v>
      </c>
      <c r="Z33" s="160">
        <v>1</v>
      </c>
      <c r="AA33" s="165">
        <v>1</v>
      </c>
      <c r="AB33" s="162">
        <v>0</v>
      </c>
      <c r="AC33" s="160">
        <v>0</v>
      </c>
      <c r="AD33" s="160">
        <v>0</v>
      </c>
      <c r="AE33" s="160">
        <v>5</v>
      </c>
      <c r="AF33" s="160">
        <v>1</v>
      </c>
      <c r="AG33" s="160">
        <v>0</v>
      </c>
      <c r="AH33" s="165">
        <v>6</v>
      </c>
      <c r="AI33" s="164">
        <v>7</v>
      </c>
      <c r="AJ33" s="159">
        <v>0</v>
      </c>
      <c r="AK33" s="160">
        <v>0</v>
      </c>
      <c r="AL33" s="165">
        <v>0</v>
      </c>
      <c r="AM33" s="162">
        <v>0</v>
      </c>
      <c r="AN33" s="160">
        <v>0</v>
      </c>
      <c r="AO33" s="160">
        <v>0</v>
      </c>
      <c r="AP33" s="160">
        <v>1</v>
      </c>
      <c r="AQ33" s="160">
        <v>0</v>
      </c>
      <c r="AR33" s="160">
        <v>0</v>
      </c>
      <c r="AS33" s="165">
        <v>1</v>
      </c>
      <c r="AT33" s="164">
        <v>1</v>
      </c>
      <c r="AU33" s="159">
        <v>0</v>
      </c>
      <c r="AV33" s="160">
        <v>0</v>
      </c>
      <c r="AW33" s="165">
        <v>0</v>
      </c>
      <c r="AX33" s="162">
        <v>0</v>
      </c>
      <c r="AY33" s="160">
        <v>0</v>
      </c>
      <c r="AZ33" s="160">
        <v>2</v>
      </c>
      <c r="BA33" s="160">
        <v>0</v>
      </c>
      <c r="BB33" s="160">
        <v>2</v>
      </c>
      <c r="BC33" s="160">
        <v>1</v>
      </c>
      <c r="BD33" s="163">
        <v>5</v>
      </c>
      <c r="BE33" s="164">
        <v>5</v>
      </c>
      <c r="BF33" s="159">
        <v>0</v>
      </c>
      <c r="BG33" s="160">
        <v>0</v>
      </c>
      <c r="BH33" s="165">
        <v>0</v>
      </c>
      <c r="BI33" s="162">
        <v>0</v>
      </c>
      <c r="BJ33" s="160">
        <v>3</v>
      </c>
      <c r="BK33" s="160">
        <v>0</v>
      </c>
      <c r="BL33" s="160">
        <v>0</v>
      </c>
      <c r="BM33" s="160">
        <v>1</v>
      </c>
      <c r="BN33" s="160">
        <v>0</v>
      </c>
      <c r="BO33" s="165">
        <v>4</v>
      </c>
      <c r="BP33" s="164">
        <v>4</v>
      </c>
      <c r="BQ33" s="159">
        <v>0</v>
      </c>
      <c r="BR33" s="160">
        <v>0</v>
      </c>
      <c r="BS33" s="165">
        <v>0</v>
      </c>
      <c r="BT33" s="162">
        <v>0</v>
      </c>
      <c r="BU33" s="160">
        <v>1</v>
      </c>
      <c r="BV33" s="160">
        <v>1</v>
      </c>
      <c r="BW33" s="160">
        <v>2</v>
      </c>
      <c r="BX33" s="160">
        <v>0</v>
      </c>
      <c r="BY33" s="160">
        <v>0</v>
      </c>
      <c r="BZ33" s="165">
        <v>4</v>
      </c>
      <c r="CA33" s="164">
        <v>4</v>
      </c>
      <c r="CB33" s="159">
        <v>0</v>
      </c>
      <c r="CC33" s="160">
        <v>0</v>
      </c>
      <c r="CD33" s="165">
        <v>0</v>
      </c>
      <c r="CE33" s="162">
        <v>0</v>
      </c>
      <c r="CF33" s="160">
        <v>0</v>
      </c>
      <c r="CG33" s="160">
        <v>0</v>
      </c>
      <c r="CH33" s="160">
        <v>0</v>
      </c>
      <c r="CI33" s="160">
        <v>2</v>
      </c>
      <c r="CJ33" s="160">
        <v>0</v>
      </c>
      <c r="CK33" s="165">
        <v>2</v>
      </c>
      <c r="CL33" s="164">
        <v>2</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1</v>
      </c>
      <c r="DU33" s="160">
        <v>2</v>
      </c>
      <c r="DV33" s="165">
        <v>3</v>
      </c>
      <c r="DW33" s="162">
        <v>0</v>
      </c>
      <c r="DX33" s="160">
        <v>3</v>
      </c>
      <c r="DY33" s="160">
        <v>3</v>
      </c>
      <c r="DZ33" s="160">
        <v>5</v>
      </c>
      <c r="EA33" s="160">
        <v>2</v>
      </c>
      <c r="EB33" s="160">
        <v>0</v>
      </c>
      <c r="EC33" s="165">
        <v>13</v>
      </c>
      <c r="ED33" s="164">
        <v>16</v>
      </c>
      <c r="EE33" s="159">
        <v>0</v>
      </c>
      <c r="EF33" s="160">
        <v>0</v>
      </c>
      <c r="EG33" s="165">
        <v>0</v>
      </c>
      <c r="EH33" s="162">
        <v>0</v>
      </c>
      <c r="EI33" s="160">
        <v>0</v>
      </c>
      <c r="EJ33" s="160">
        <v>0</v>
      </c>
      <c r="EK33" s="160">
        <v>0</v>
      </c>
      <c r="EL33" s="160">
        <v>0</v>
      </c>
      <c r="EM33" s="160">
        <v>0</v>
      </c>
      <c r="EN33" s="165">
        <v>0</v>
      </c>
      <c r="EO33" s="164">
        <v>0</v>
      </c>
      <c r="EP33" s="159">
        <v>1</v>
      </c>
      <c r="EQ33" s="160">
        <v>2</v>
      </c>
      <c r="ER33" s="165">
        <v>3</v>
      </c>
      <c r="ES33" s="162">
        <v>0</v>
      </c>
      <c r="ET33" s="160">
        <v>5</v>
      </c>
      <c r="EU33" s="160">
        <v>3</v>
      </c>
      <c r="EV33" s="160">
        <v>6</v>
      </c>
      <c r="EW33" s="160">
        <v>2</v>
      </c>
      <c r="EX33" s="160">
        <v>0</v>
      </c>
      <c r="EY33" s="165">
        <v>16</v>
      </c>
      <c r="EZ33" s="164">
        <v>19</v>
      </c>
    </row>
    <row r="34" spans="2:156" ht="21" customHeight="1" x14ac:dyDescent="0.2">
      <c r="B34" s="166" t="s">
        <v>32</v>
      </c>
      <c r="C34" s="159">
        <v>0</v>
      </c>
      <c r="D34" s="160">
        <v>0</v>
      </c>
      <c r="E34" s="161">
        <v>0</v>
      </c>
      <c r="F34" s="162">
        <v>0</v>
      </c>
      <c r="G34" s="160">
        <v>1</v>
      </c>
      <c r="H34" s="160">
        <v>2</v>
      </c>
      <c r="I34" s="160">
        <v>1</v>
      </c>
      <c r="J34" s="160">
        <v>1</v>
      </c>
      <c r="K34" s="160">
        <v>0</v>
      </c>
      <c r="L34" s="163">
        <v>5</v>
      </c>
      <c r="M34" s="164">
        <v>5</v>
      </c>
      <c r="N34" s="159">
        <v>0</v>
      </c>
      <c r="O34" s="160">
        <v>0</v>
      </c>
      <c r="P34" s="165">
        <v>0</v>
      </c>
      <c r="Q34" s="162">
        <v>0</v>
      </c>
      <c r="R34" s="160">
        <v>0</v>
      </c>
      <c r="S34" s="160">
        <v>0</v>
      </c>
      <c r="T34" s="160">
        <v>0</v>
      </c>
      <c r="U34" s="160">
        <v>0</v>
      </c>
      <c r="V34" s="160">
        <v>1</v>
      </c>
      <c r="W34" s="165">
        <v>1</v>
      </c>
      <c r="X34" s="164">
        <v>1</v>
      </c>
      <c r="Y34" s="159">
        <v>0</v>
      </c>
      <c r="Z34" s="160">
        <v>0</v>
      </c>
      <c r="AA34" s="165">
        <v>0</v>
      </c>
      <c r="AB34" s="162">
        <v>0</v>
      </c>
      <c r="AC34" s="160">
        <v>2</v>
      </c>
      <c r="AD34" s="160">
        <v>4</v>
      </c>
      <c r="AE34" s="160">
        <v>0</v>
      </c>
      <c r="AF34" s="160">
        <v>1</v>
      </c>
      <c r="AG34" s="160">
        <v>0</v>
      </c>
      <c r="AH34" s="165">
        <v>7</v>
      </c>
      <c r="AI34" s="164">
        <v>7</v>
      </c>
      <c r="AJ34" s="159">
        <v>0</v>
      </c>
      <c r="AK34" s="160">
        <v>0</v>
      </c>
      <c r="AL34" s="165">
        <v>0</v>
      </c>
      <c r="AM34" s="162">
        <v>0</v>
      </c>
      <c r="AN34" s="160">
        <v>0</v>
      </c>
      <c r="AO34" s="160">
        <v>1</v>
      </c>
      <c r="AP34" s="160">
        <v>0</v>
      </c>
      <c r="AQ34" s="160">
        <v>0</v>
      </c>
      <c r="AR34" s="160">
        <v>0</v>
      </c>
      <c r="AS34" s="165">
        <v>1</v>
      </c>
      <c r="AT34" s="164">
        <v>1</v>
      </c>
      <c r="AU34" s="159">
        <v>0</v>
      </c>
      <c r="AV34" s="160">
        <v>0</v>
      </c>
      <c r="AW34" s="165">
        <v>0</v>
      </c>
      <c r="AX34" s="162">
        <v>0</v>
      </c>
      <c r="AY34" s="160">
        <v>0</v>
      </c>
      <c r="AZ34" s="160">
        <v>2</v>
      </c>
      <c r="BA34" s="160">
        <v>2</v>
      </c>
      <c r="BB34" s="160">
        <v>5</v>
      </c>
      <c r="BC34" s="160">
        <v>1</v>
      </c>
      <c r="BD34" s="163">
        <v>10</v>
      </c>
      <c r="BE34" s="164">
        <v>10</v>
      </c>
      <c r="BF34" s="159">
        <v>0</v>
      </c>
      <c r="BG34" s="160">
        <v>0</v>
      </c>
      <c r="BH34" s="165">
        <v>0</v>
      </c>
      <c r="BI34" s="162">
        <v>0</v>
      </c>
      <c r="BJ34" s="160">
        <v>3</v>
      </c>
      <c r="BK34" s="160">
        <v>5</v>
      </c>
      <c r="BL34" s="160">
        <v>1</v>
      </c>
      <c r="BM34" s="160">
        <v>1</v>
      </c>
      <c r="BN34" s="160">
        <v>0</v>
      </c>
      <c r="BO34" s="165">
        <v>10</v>
      </c>
      <c r="BP34" s="164">
        <v>10</v>
      </c>
      <c r="BQ34" s="159">
        <v>0</v>
      </c>
      <c r="BR34" s="160">
        <v>0</v>
      </c>
      <c r="BS34" s="165">
        <v>0</v>
      </c>
      <c r="BT34" s="162">
        <v>0</v>
      </c>
      <c r="BU34" s="160">
        <v>0</v>
      </c>
      <c r="BV34" s="160">
        <v>1</v>
      </c>
      <c r="BW34" s="160">
        <v>0</v>
      </c>
      <c r="BX34" s="160">
        <v>0</v>
      </c>
      <c r="BY34" s="160">
        <v>0</v>
      </c>
      <c r="BZ34" s="165">
        <v>1</v>
      </c>
      <c r="CA34" s="164">
        <v>1</v>
      </c>
      <c r="CB34" s="159">
        <v>0</v>
      </c>
      <c r="CC34" s="160">
        <v>0</v>
      </c>
      <c r="CD34" s="165">
        <v>0</v>
      </c>
      <c r="CE34" s="162">
        <v>0</v>
      </c>
      <c r="CF34" s="160">
        <v>0</v>
      </c>
      <c r="CG34" s="160">
        <v>1</v>
      </c>
      <c r="CH34" s="160">
        <v>0</v>
      </c>
      <c r="CI34" s="160">
        <v>0</v>
      </c>
      <c r="CJ34" s="160">
        <v>0</v>
      </c>
      <c r="CK34" s="165">
        <v>1</v>
      </c>
      <c r="CL34" s="164">
        <v>1</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v>
      </c>
      <c r="DU34" s="160">
        <v>3</v>
      </c>
      <c r="DV34" s="165">
        <v>5</v>
      </c>
      <c r="DW34" s="162">
        <v>0</v>
      </c>
      <c r="DX34" s="160">
        <v>4</v>
      </c>
      <c r="DY34" s="160">
        <v>10</v>
      </c>
      <c r="DZ34" s="160">
        <v>2</v>
      </c>
      <c r="EA34" s="160">
        <v>2</v>
      </c>
      <c r="EB34" s="160">
        <v>1</v>
      </c>
      <c r="EC34" s="165">
        <v>19</v>
      </c>
      <c r="ED34" s="164">
        <v>24</v>
      </c>
      <c r="EE34" s="159">
        <v>0</v>
      </c>
      <c r="EF34" s="160">
        <v>0</v>
      </c>
      <c r="EG34" s="165">
        <v>0</v>
      </c>
      <c r="EH34" s="162">
        <v>0</v>
      </c>
      <c r="EI34" s="160">
        <v>1</v>
      </c>
      <c r="EJ34" s="160">
        <v>1</v>
      </c>
      <c r="EK34" s="160">
        <v>0</v>
      </c>
      <c r="EL34" s="160">
        <v>2</v>
      </c>
      <c r="EM34" s="160">
        <v>1</v>
      </c>
      <c r="EN34" s="165">
        <v>5</v>
      </c>
      <c r="EO34" s="164">
        <v>5</v>
      </c>
      <c r="EP34" s="159">
        <v>2</v>
      </c>
      <c r="EQ34" s="160">
        <v>3</v>
      </c>
      <c r="ER34" s="165">
        <v>5</v>
      </c>
      <c r="ES34" s="162">
        <v>0</v>
      </c>
      <c r="ET34" s="160">
        <v>8</v>
      </c>
      <c r="EU34" s="160">
        <v>13</v>
      </c>
      <c r="EV34" s="160">
        <v>2</v>
      </c>
      <c r="EW34" s="160">
        <v>2</v>
      </c>
      <c r="EX34" s="160">
        <v>1</v>
      </c>
      <c r="EY34" s="165">
        <v>26</v>
      </c>
      <c r="EZ34" s="164">
        <v>31</v>
      </c>
    </row>
    <row r="35" spans="2:156" ht="21" customHeight="1" x14ac:dyDescent="0.2">
      <c r="B35" s="166" t="s">
        <v>33</v>
      </c>
      <c r="C35" s="159">
        <v>0</v>
      </c>
      <c r="D35" s="160">
        <v>0</v>
      </c>
      <c r="E35" s="161">
        <v>0</v>
      </c>
      <c r="F35" s="162">
        <v>0</v>
      </c>
      <c r="G35" s="160">
        <v>1</v>
      </c>
      <c r="H35" s="160">
        <v>0</v>
      </c>
      <c r="I35" s="160">
        <v>1</v>
      </c>
      <c r="J35" s="160">
        <v>0</v>
      </c>
      <c r="K35" s="160">
        <v>1</v>
      </c>
      <c r="L35" s="163">
        <v>3</v>
      </c>
      <c r="M35" s="164">
        <v>3</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2</v>
      </c>
      <c r="AD35" s="160">
        <v>1</v>
      </c>
      <c r="AE35" s="160">
        <v>1</v>
      </c>
      <c r="AF35" s="160">
        <v>0</v>
      </c>
      <c r="AG35" s="160">
        <v>0</v>
      </c>
      <c r="AH35" s="165">
        <v>4</v>
      </c>
      <c r="AI35" s="164">
        <v>4</v>
      </c>
      <c r="AJ35" s="159">
        <v>2</v>
      </c>
      <c r="AK35" s="160">
        <v>1</v>
      </c>
      <c r="AL35" s="165">
        <v>3</v>
      </c>
      <c r="AM35" s="162">
        <v>0</v>
      </c>
      <c r="AN35" s="160">
        <v>1</v>
      </c>
      <c r="AO35" s="160">
        <v>0</v>
      </c>
      <c r="AP35" s="160">
        <v>2</v>
      </c>
      <c r="AQ35" s="160">
        <v>0</v>
      </c>
      <c r="AR35" s="160">
        <v>0</v>
      </c>
      <c r="AS35" s="165">
        <v>3</v>
      </c>
      <c r="AT35" s="164">
        <v>6</v>
      </c>
      <c r="AU35" s="159">
        <v>0</v>
      </c>
      <c r="AV35" s="160">
        <v>0</v>
      </c>
      <c r="AW35" s="165">
        <v>0</v>
      </c>
      <c r="AX35" s="162">
        <v>0</v>
      </c>
      <c r="AY35" s="160">
        <v>2</v>
      </c>
      <c r="AZ35" s="160">
        <v>0</v>
      </c>
      <c r="BA35" s="160">
        <v>2</v>
      </c>
      <c r="BB35" s="160">
        <v>0</v>
      </c>
      <c r="BC35" s="160">
        <v>0</v>
      </c>
      <c r="BD35" s="163">
        <v>4</v>
      </c>
      <c r="BE35" s="164">
        <v>4</v>
      </c>
      <c r="BF35" s="159">
        <v>0</v>
      </c>
      <c r="BG35" s="160">
        <v>0</v>
      </c>
      <c r="BH35" s="165">
        <v>0</v>
      </c>
      <c r="BI35" s="162">
        <v>0</v>
      </c>
      <c r="BJ35" s="160">
        <v>0</v>
      </c>
      <c r="BK35" s="160">
        <v>0</v>
      </c>
      <c r="BL35" s="160">
        <v>0</v>
      </c>
      <c r="BM35" s="160">
        <v>0</v>
      </c>
      <c r="BN35" s="160">
        <v>0</v>
      </c>
      <c r="BO35" s="165">
        <v>0</v>
      </c>
      <c r="BP35" s="164">
        <v>0</v>
      </c>
      <c r="BQ35" s="159">
        <v>0</v>
      </c>
      <c r="BR35" s="160">
        <v>1</v>
      </c>
      <c r="BS35" s="165">
        <v>1</v>
      </c>
      <c r="BT35" s="162">
        <v>0</v>
      </c>
      <c r="BU35" s="160">
        <v>0</v>
      </c>
      <c r="BV35" s="160">
        <v>0</v>
      </c>
      <c r="BW35" s="160">
        <v>0</v>
      </c>
      <c r="BX35" s="160">
        <v>0</v>
      </c>
      <c r="BY35" s="160">
        <v>0</v>
      </c>
      <c r="BZ35" s="165">
        <v>0</v>
      </c>
      <c r="CA35" s="164">
        <v>1</v>
      </c>
      <c r="CB35" s="159">
        <v>0</v>
      </c>
      <c r="CC35" s="160">
        <v>0</v>
      </c>
      <c r="CD35" s="165">
        <v>0</v>
      </c>
      <c r="CE35" s="162">
        <v>0</v>
      </c>
      <c r="CF35" s="160">
        <v>1</v>
      </c>
      <c r="CG35" s="160">
        <v>0</v>
      </c>
      <c r="CH35" s="160">
        <v>0</v>
      </c>
      <c r="CI35" s="160">
        <v>0</v>
      </c>
      <c r="CJ35" s="160">
        <v>1</v>
      </c>
      <c r="CK35" s="165">
        <v>2</v>
      </c>
      <c r="CL35" s="164">
        <v>2</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2</v>
      </c>
      <c r="DY35" s="160">
        <v>1</v>
      </c>
      <c r="DZ35" s="160">
        <v>0</v>
      </c>
      <c r="EA35" s="160">
        <v>0</v>
      </c>
      <c r="EB35" s="160">
        <v>1</v>
      </c>
      <c r="EC35" s="165">
        <v>4</v>
      </c>
      <c r="ED35" s="164">
        <v>6</v>
      </c>
      <c r="EE35" s="159">
        <v>0</v>
      </c>
      <c r="EF35" s="160">
        <v>0</v>
      </c>
      <c r="EG35" s="165">
        <v>0</v>
      </c>
      <c r="EH35" s="162">
        <v>0</v>
      </c>
      <c r="EI35" s="160">
        <v>1</v>
      </c>
      <c r="EJ35" s="160">
        <v>0</v>
      </c>
      <c r="EK35" s="160">
        <v>1</v>
      </c>
      <c r="EL35" s="160">
        <v>0</v>
      </c>
      <c r="EM35" s="160">
        <v>0</v>
      </c>
      <c r="EN35" s="165">
        <v>2</v>
      </c>
      <c r="EO35" s="164">
        <v>2</v>
      </c>
      <c r="EP35" s="159">
        <v>2</v>
      </c>
      <c r="EQ35" s="160">
        <v>2</v>
      </c>
      <c r="ER35" s="165">
        <v>4</v>
      </c>
      <c r="ES35" s="162">
        <v>0</v>
      </c>
      <c r="ET35" s="160">
        <v>3</v>
      </c>
      <c r="EU35" s="160">
        <v>1</v>
      </c>
      <c r="EV35" s="160">
        <v>2</v>
      </c>
      <c r="EW35" s="160">
        <v>0</v>
      </c>
      <c r="EX35" s="160">
        <v>1</v>
      </c>
      <c r="EY35" s="165">
        <v>7</v>
      </c>
      <c r="EZ35" s="164">
        <v>11</v>
      </c>
    </row>
    <row r="36" spans="2:156" ht="21" customHeight="1" x14ac:dyDescent="0.2">
      <c r="B36" s="166" t="s">
        <v>34</v>
      </c>
      <c r="C36" s="159">
        <v>0</v>
      </c>
      <c r="D36" s="160">
        <v>0</v>
      </c>
      <c r="E36" s="161">
        <v>0</v>
      </c>
      <c r="F36" s="162">
        <v>0</v>
      </c>
      <c r="G36" s="160">
        <v>1</v>
      </c>
      <c r="H36" s="160">
        <v>0</v>
      </c>
      <c r="I36" s="160">
        <v>0</v>
      </c>
      <c r="J36" s="160">
        <v>0</v>
      </c>
      <c r="K36" s="160">
        <v>0</v>
      </c>
      <c r="L36" s="163">
        <v>1</v>
      </c>
      <c r="M36" s="164">
        <v>1</v>
      </c>
      <c r="N36" s="159">
        <v>0</v>
      </c>
      <c r="O36" s="160">
        <v>0</v>
      </c>
      <c r="P36" s="165">
        <v>0</v>
      </c>
      <c r="Q36" s="162">
        <v>0</v>
      </c>
      <c r="R36" s="160">
        <v>0</v>
      </c>
      <c r="S36" s="160">
        <v>0</v>
      </c>
      <c r="T36" s="160">
        <v>0</v>
      </c>
      <c r="U36" s="160">
        <v>0</v>
      </c>
      <c r="V36" s="160">
        <v>1</v>
      </c>
      <c r="W36" s="165">
        <v>1</v>
      </c>
      <c r="X36" s="164">
        <v>1</v>
      </c>
      <c r="Y36" s="159">
        <v>0</v>
      </c>
      <c r="Z36" s="160">
        <v>0</v>
      </c>
      <c r="AA36" s="165">
        <v>0</v>
      </c>
      <c r="AB36" s="162">
        <v>0</v>
      </c>
      <c r="AC36" s="160">
        <v>1</v>
      </c>
      <c r="AD36" s="160">
        <v>2</v>
      </c>
      <c r="AE36" s="160">
        <v>0</v>
      </c>
      <c r="AF36" s="160">
        <v>1</v>
      </c>
      <c r="AG36" s="160">
        <v>1</v>
      </c>
      <c r="AH36" s="165">
        <v>5</v>
      </c>
      <c r="AI36" s="164">
        <v>5</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0</v>
      </c>
      <c r="BC36" s="160">
        <v>2</v>
      </c>
      <c r="BD36" s="163">
        <v>5</v>
      </c>
      <c r="BE36" s="164">
        <v>5</v>
      </c>
      <c r="BF36" s="159">
        <v>0</v>
      </c>
      <c r="BG36" s="160">
        <v>0</v>
      </c>
      <c r="BH36" s="165">
        <v>0</v>
      </c>
      <c r="BI36" s="162">
        <v>0</v>
      </c>
      <c r="BJ36" s="160">
        <v>2</v>
      </c>
      <c r="BK36" s="160">
        <v>1</v>
      </c>
      <c r="BL36" s="160">
        <v>1</v>
      </c>
      <c r="BM36" s="160">
        <v>0</v>
      </c>
      <c r="BN36" s="160">
        <v>0</v>
      </c>
      <c r="BO36" s="165">
        <v>4</v>
      </c>
      <c r="BP36" s="164">
        <v>4</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3</v>
      </c>
      <c r="DY36" s="160">
        <v>6</v>
      </c>
      <c r="DZ36" s="160">
        <v>2</v>
      </c>
      <c r="EA36" s="160">
        <v>1</v>
      </c>
      <c r="EB36" s="160">
        <v>1</v>
      </c>
      <c r="EC36" s="165">
        <v>13</v>
      </c>
      <c r="ED36" s="164">
        <v>13</v>
      </c>
      <c r="EE36" s="159">
        <v>0</v>
      </c>
      <c r="EF36" s="160">
        <v>0</v>
      </c>
      <c r="EG36" s="165">
        <v>0</v>
      </c>
      <c r="EH36" s="162">
        <v>0</v>
      </c>
      <c r="EI36" s="160">
        <v>0</v>
      </c>
      <c r="EJ36" s="160">
        <v>1</v>
      </c>
      <c r="EK36" s="160">
        <v>0</v>
      </c>
      <c r="EL36" s="160">
        <v>0</v>
      </c>
      <c r="EM36" s="160">
        <v>1</v>
      </c>
      <c r="EN36" s="165">
        <v>2</v>
      </c>
      <c r="EO36" s="164">
        <v>2</v>
      </c>
      <c r="EP36" s="159">
        <v>0</v>
      </c>
      <c r="EQ36" s="160">
        <v>0</v>
      </c>
      <c r="ER36" s="165">
        <v>0</v>
      </c>
      <c r="ES36" s="162">
        <v>0</v>
      </c>
      <c r="ET36" s="160">
        <v>4</v>
      </c>
      <c r="EU36" s="160">
        <v>6</v>
      </c>
      <c r="EV36" s="160">
        <v>1</v>
      </c>
      <c r="EW36" s="160">
        <v>1</v>
      </c>
      <c r="EX36" s="160">
        <v>1</v>
      </c>
      <c r="EY36" s="165">
        <v>13</v>
      </c>
      <c r="EZ36" s="164">
        <v>13</v>
      </c>
    </row>
    <row r="37" spans="2:156" ht="21" customHeight="1" x14ac:dyDescent="0.2">
      <c r="B37" s="166" t="s">
        <v>35</v>
      </c>
      <c r="C37" s="159">
        <v>0</v>
      </c>
      <c r="D37" s="160">
        <v>0</v>
      </c>
      <c r="E37" s="161">
        <v>0</v>
      </c>
      <c r="F37" s="162">
        <v>0</v>
      </c>
      <c r="G37" s="160">
        <v>2</v>
      </c>
      <c r="H37" s="160">
        <v>1</v>
      </c>
      <c r="I37" s="160">
        <v>3</v>
      </c>
      <c r="J37" s="160">
        <v>1</v>
      </c>
      <c r="K37" s="160">
        <v>0</v>
      </c>
      <c r="L37" s="163">
        <v>7</v>
      </c>
      <c r="M37" s="164">
        <v>7</v>
      </c>
      <c r="N37" s="159">
        <v>0</v>
      </c>
      <c r="O37" s="160">
        <v>0</v>
      </c>
      <c r="P37" s="165">
        <v>0</v>
      </c>
      <c r="Q37" s="162">
        <v>0</v>
      </c>
      <c r="R37" s="160">
        <v>0</v>
      </c>
      <c r="S37" s="160">
        <v>0</v>
      </c>
      <c r="T37" s="160">
        <v>0</v>
      </c>
      <c r="U37" s="160">
        <v>0</v>
      </c>
      <c r="V37" s="160">
        <v>0</v>
      </c>
      <c r="W37" s="165">
        <v>0</v>
      </c>
      <c r="X37" s="164">
        <v>0</v>
      </c>
      <c r="Y37" s="159">
        <v>0</v>
      </c>
      <c r="Z37" s="160">
        <v>0</v>
      </c>
      <c r="AA37" s="165">
        <v>0</v>
      </c>
      <c r="AB37" s="162">
        <v>0</v>
      </c>
      <c r="AC37" s="160">
        <v>1</v>
      </c>
      <c r="AD37" s="160">
        <v>0</v>
      </c>
      <c r="AE37" s="160">
        <v>2</v>
      </c>
      <c r="AF37" s="160">
        <v>1</v>
      </c>
      <c r="AG37" s="160">
        <v>0</v>
      </c>
      <c r="AH37" s="165">
        <v>4</v>
      </c>
      <c r="AI37" s="164">
        <v>4</v>
      </c>
      <c r="AJ37" s="159">
        <v>1</v>
      </c>
      <c r="AK37" s="160">
        <v>0</v>
      </c>
      <c r="AL37" s="165">
        <v>1</v>
      </c>
      <c r="AM37" s="162">
        <v>0</v>
      </c>
      <c r="AN37" s="160">
        <v>2</v>
      </c>
      <c r="AO37" s="160">
        <v>0</v>
      </c>
      <c r="AP37" s="160">
        <v>1</v>
      </c>
      <c r="AQ37" s="160">
        <v>0</v>
      </c>
      <c r="AR37" s="160">
        <v>0</v>
      </c>
      <c r="AS37" s="165">
        <v>3</v>
      </c>
      <c r="AT37" s="164">
        <v>4</v>
      </c>
      <c r="AU37" s="159">
        <v>1</v>
      </c>
      <c r="AV37" s="160">
        <v>0</v>
      </c>
      <c r="AW37" s="165">
        <v>1</v>
      </c>
      <c r="AX37" s="162">
        <v>0</v>
      </c>
      <c r="AY37" s="160">
        <v>9</v>
      </c>
      <c r="AZ37" s="160">
        <v>4</v>
      </c>
      <c r="BA37" s="160">
        <v>2</v>
      </c>
      <c r="BB37" s="160">
        <v>4</v>
      </c>
      <c r="BC37" s="160">
        <v>2</v>
      </c>
      <c r="BD37" s="163">
        <v>21</v>
      </c>
      <c r="BE37" s="164">
        <v>22</v>
      </c>
      <c r="BF37" s="159">
        <v>0</v>
      </c>
      <c r="BG37" s="160">
        <v>0</v>
      </c>
      <c r="BH37" s="165">
        <v>0</v>
      </c>
      <c r="BI37" s="162">
        <v>0</v>
      </c>
      <c r="BJ37" s="160">
        <v>2</v>
      </c>
      <c r="BK37" s="160">
        <v>2</v>
      </c>
      <c r="BL37" s="160">
        <v>3</v>
      </c>
      <c r="BM37" s="160">
        <v>0</v>
      </c>
      <c r="BN37" s="160">
        <v>1</v>
      </c>
      <c r="BO37" s="165">
        <v>8</v>
      </c>
      <c r="BP37" s="164">
        <v>8</v>
      </c>
      <c r="BQ37" s="159">
        <v>1</v>
      </c>
      <c r="BR37" s="160">
        <v>0</v>
      </c>
      <c r="BS37" s="165">
        <v>1</v>
      </c>
      <c r="BT37" s="162">
        <v>0</v>
      </c>
      <c r="BU37" s="160">
        <v>3</v>
      </c>
      <c r="BV37" s="160">
        <v>0</v>
      </c>
      <c r="BW37" s="160">
        <v>1</v>
      </c>
      <c r="BX37" s="160">
        <v>1</v>
      </c>
      <c r="BY37" s="160">
        <v>0</v>
      </c>
      <c r="BZ37" s="165">
        <v>5</v>
      </c>
      <c r="CA37" s="164">
        <v>6</v>
      </c>
      <c r="CB37" s="159">
        <v>0</v>
      </c>
      <c r="CC37" s="160">
        <v>0</v>
      </c>
      <c r="CD37" s="165">
        <v>0</v>
      </c>
      <c r="CE37" s="162">
        <v>0</v>
      </c>
      <c r="CF37" s="160">
        <v>0</v>
      </c>
      <c r="CG37" s="160">
        <v>0</v>
      </c>
      <c r="CH37" s="160">
        <v>0</v>
      </c>
      <c r="CI37" s="160">
        <v>1</v>
      </c>
      <c r="CJ37" s="160">
        <v>0</v>
      </c>
      <c r="CK37" s="165">
        <v>1</v>
      </c>
      <c r="CL37" s="164">
        <v>1</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2</v>
      </c>
      <c r="DU37" s="160">
        <v>0</v>
      </c>
      <c r="DV37" s="165">
        <v>2</v>
      </c>
      <c r="DW37" s="162">
        <v>0</v>
      </c>
      <c r="DX37" s="160">
        <v>5</v>
      </c>
      <c r="DY37" s="160">
        <v>2</v>
      </c>
      <c r="DZ37" s="160">
        <v>6</v>
      </c>
      <c r="EA37" s="160">
        <v>2</v>
      </c>
      <c r="EB37" s="160">
        <v>1</v>
      </c>
      <c r="EC37" s="165">
        <v>16</v>
      </c>
      <c r="ED37" s="164">
        <v>18</v>
      </c>
      <c r="EE37" s="159">
        <v>1</v>
      </c>
      <c r="EF37" s="160">
        <v>0</v>
      </c>
      <c r="EG37" s="165">
        <v>1</v>
      </c>
      <c r="EH37" s="162">
        <v>0</v>
      </c>
      <c r="EI37" s="160">
        <v>6</v>
      </c>
      <c r="EJ37" s="160">
        <v>2</v>
      </c>
      <c r="EK37" s="160">
        <v>0</v>
      </c>
      <c r="EL37" s="160">
        <v>4</v>
      </c>
      <c r="EM37" s="160">
        <v>1</v>
      </c>
      <c r="EN37" s="165">
        <v>13</v>
      </c>
      <c r="EO37" s="164">
        <v>14</v>
      </c>
      <c r="EP37" s="159">
        <v>4</v>
      </c>
      <c r="EQ37" s="160">
        <v>0</v>
      </c>
      <c r="ER37" s="165">
        <v>4</v>
      </c>
      <c r="ES37" s="162">
        <v>0</v>
      </c>
      <c r="ET37" s="160">
        <v>9</v>
      </c>
      <c r="EU37" s="160">
        <v>3</v>
      </c>
      <c r="EV37" s="160">
        <v>6</v>
      </c>
      <c r="EW37" s="160">
        <v>2</v>
      </c>
      <c r="EX37" s="160">
        <v>1</v>
      </c>
      <c r="EY37" s="165">
        <v>21</v>
      </c>
      <c r="EZ37" s="164">
        <v>25</v>
      </c>
    </row>
    <row r="38" spans="2:156" ht="21" customHeight="1" x14ac:dyDescent="0.2">
      <c r="B38" s="166" t="s">
        <v>36</v>
      </c>
      <c r="C38" s="159">
        <v>0</v>
      </c>
      <c r="D38" s="160">
        <v>0</v>
      </c>
      <c r="E38" s="161">
        <v>0</v>
      </c>
      <c r="F38" s="162">
        <v>0</v>
      </c>
      <c r="G38" s="160">
        <v>1</v>
      </c>
      <c r="H38" s="160">
        <v>1</v>
      </c>
      <c r="I38" s="160">
        <v>0</v>
      </c>
      <c r="J38" s="160">
        <v>0</v>
      </c>
      <c r="K38" s="160">
        <v>1</v>
      </c>
      <c r="L38" s="163">
        <v>3</v>
      </c>
      <c r="M38" s="164">
        <v>3</v>
      </c>
      <c r="N38" s="159">
        <v>0</v>
      </c>
      <c r="O38" s="160">
        <v>0</v>
      </c>
      <c r="P38" s="165">
        <v>0</v>
      </c>
      <c r="Q38" s="162">
        <v>0</v>
      </c>
      <c r="R38" s="160">
        <v>0</v>
      </c>
      <c r="S38" s="160">
        <v>0</v>
      </c>
      <c r="T38" s="160">
        <v>1</v>
      </c>
      <c r="U38" s="160">
        <v>1</v>
      </c>
      <c r="V38" s="160">
        <v>1</v>
      </c>
      <c r="W38" s="165">
        <v>3</v>
      </c>
      <c r="X38" s="164">
        <v>3</v>
      </c>
      <c r="Y38" s="159">
        <v>0</v>
      </c>
      <c r="Z38" s="160">
        <v>0</v>
      </c>
      <c r="AA38" s="165">
        <v>0</v>
      </c>
      <c r="AB38" s="162">
        <v>0</v>
      </c>
      <c r="AC38" s="160">
        <v>0</v>
      </c>
      <c r="AD38" s="160">
        <v>2</v>
      </c>
      <c r="AE38" s="160">
        <v>2</v>
      </c>
      <c r="AF38" s="160">
        <v>1</v>
      </c>
      <c r="AG38" s="160">
        <v>0</v>
      </c>
      <c r="AH38" s="165">
        <v>5</v>
      </c>
      <c r="AI38" s="164">
        <v>5</v>
      </c>
      <c r="AJ38" s="159">
        <v>0</v>
      </c>
      <c r="AK38" s="160">
        <v>1</v>
      </c>
      <c r="AL38" s="165">
        <v>1</v>
      </c>
      <c r="AM38" s="162">
        <v>0</v>
      </c>
      <c r="AN38" s="160">
        <v>1</v>
      </c>
      <c r="AO38" s="160">
        <v>0</v>
      </c>
      <c r="AP38" s="160">
        <v>1</v>
      </c>
      <c r="AQ38" s="160">
        <v>0</v>
      </c>
      <c r="AR38" s="160">
        <v>0</v>
      </c>
      <c r="AS38" s="165">
        <v>2</v>
      </c>
      <c r="AT38" s="164">
        <v>3</v>
      </c>
      <c r="AU38" s="159">
        <v>0</v>
      </c>
      <c r="AV38" s="160">
        <v>0</v>
      </c>
      <c r="AW38" s="165">
        <v>0</v>
      </c>
      <c r="AX38" s="162">
        <v>0</v>
      </c>
      <c r="AY38" s="160">
        <v>3</v>
      </c>
      <c r="AZ38" s="160">
        <v>3</v>
      </c>
      <c r="BA38" s="160">
        <v>2</v>
      </c>
      <c r="BB38" s="160">
        <v>2</v>
      </c>
      <c r="BC38" s="160">
        <v>1</v>
      </c>
      <c r="BD38" s="163">
        <v>11</v>
      </c>
      <c r="BE38" s="164">
        <v>11</v>
      </c>
      <c r="BF38" s="159">
        <v>0</v>
      </c>
      <c r="BG38" s="160">
        <v>0</v>
      </c>
      <c r="BH38" s="165">
        <v>0</v>
      </c>
      <c r="BI38" s="162">
        <v>0</v>
      </c>
      <c r="BJ38" s="160">
        <v>1</v>
      </c>
      <c r="BK38" s="160">
        <v>2</v>
      </c>
      <c r="BL38" s="160">
        <v>0</v>
      </c>
      <c r="BM38" s="160">
        <v>0</v>
      </c>
      <c r="BN38" s="160">
        <v>0</v>
      </c>
      <c r="BO38" s="165">
        <v>3</v>
      </c>
      <c r="BP38" s="164">
        <v>3</v>
      </c>
      <c r="BQ38" s="159">
        <v>0</v>
      </c>
      <c r="BR38" s="160">
        <v>1</v>
      </c>
      <c r="BS38" s="165">
        <v>1</v>
      </c>
      <c r="BT38" s="162">
        <v>0</v>
      </c>
      <c r="BU38" s="160">
        <v>1</v>
      </c>
      <c r="BV38" s="160">
        <v>0</v>
      </c>
      <c r="BW38" s="160">
        <v>1</v>
      </c>
      <c r="BX38" s="160">
        <v>1</v>
      </c>
      <c r="BY38" s="160">
        <v>0</v>
      </c>
      <c r="BZ38" s="165">
        <v>3</v>
      </c>
      <c r="CA38" s="164">
        <v>4</v>
      </c>
      <c r="CB38" s="159">
        <v>0</v>
      </c>
      <c r="CC38" s="160">
        <v>0</v>
      </c>
      <c r="CD38" s="165">
        <v>0</v>
      </c>
      <c r="CE38" s="162">
        <v>0</v>
      </c>
      <c r="CF38" s="160">
        <v>0</v>
      </c>
      <c r="CG38" s="160">
        <v>0</v>
      </c>
      <c r="CH38" s="160">
        <v>0</v>
      </c>
      <c r="CI38" s="160">
        <v>1</v>
      </c>
      <c r="CJ38" s="160">
        <v>0</v>
      </c>
      <c r="CK38" s="165">
        <v>1</v>
      </c>
      <c r="CL38" s="164">
        <v>1</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3</v>
      </c>
      <c r="DV38" s="165">
        <v>5</v>
      </c>
      <c r="DW38" s="162">
        <v>0</v>
      </c>
      <c r="DX38" s="160">
        <v>4</v>
      </c>
      <c r="DY38" s="160">
        <v>7</v>
      </c>
      <c r="DZ38" s="160">
        <v>2</v>
      </c>
      <c r="EA38" s="160">
        <v>3</v>
      </c>
      <c r="EB38" s="160">
        <v>1</v>
      </c>
      <c r="EC38" s="165">
        <v>17</v>
      </c>
      <c r="ED38" s="164">
        <v>22</v>
      </c>
      <c r="EE38" s="159">
        <v>0</v>
      </c>
      <c r="EF38" s="160">
        <v>0</v>
      </c>
      <c r="EG38" s="165">
        <v>0</v>
      </c>
      <c r="EH38" s="162">
        <v>0</v>
      </c>
      <c r="EI38" s="160">
        <v>3</v>
      </c>
      <c r="EJ38" s="160">
        <v>1</v>
      </c>
      <c r="EK38" s="160">
        <v>1</v>
      </c>
      <c r="EL38" s="160">
        <v>0</v>
      </c>
      <c r="EM38" s="160">
        <v>0</v>
      </c>
      <c r="EN38" s="165">
        <v>5</v>
      </c>
      <c r="EO38" s="164">
        <v>5</v>
      </c>
      <c r="EP38" s="159">
        <v>2</v>
      </c>
      <c r="EQ38" s="160">
        <v>4</v>
      </c>
      <c r="ER38" s="165">
        <v>6</v>
      </c>
      <c r="ES38" s="162">
        <v>0</v>
      </c>
      <c r="ET38" s="160">
        <v>7</v>
      </c>
      <c r="EU38" s="160">
        <v>8</v>
      </c>
      <c r="EV38" s="160">
        <v>2</v>
      </c>
      <c r="EW38" s="160">
        <v>3</v>
      </c>
      <c r="EX38" s="160">
        <v>2</v>
      </c>
      <c r="EY38" s="165">
        <v>22</v>
      </c>
      <c r="EZ38" s="164">
        <v>28</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1</v>
      </c>
      <c r="BL39" s="169">
        <v>0</v>
      </c>
      <c r="BM39" s="169">
        <v>0</v>
      </c>
      <c r="BN39" s="169">
        <v>0</v>
      </c>
      <c r="BO39" s="174">
        <v>1</v>
      </c>
      <c r="BP39" s="173">
        <v>1</v>
      </c>
      <c r="BQ39" s="168">
        <v>0</v>
      </c>
      <c r="BR39" s="169">
        <v>0</v>
      </c>
      <c r="BS39" s="174">
        <v>0</v>
      </c>
      <c r="BT39" s="171">
        <v>0</v>
      </c>
      <c r="BU39" s="169">
        <v>1</v>
      </c>
      <c r="BV39" s="169">
        <v>1</v>
      </c>
      <c r="BW39" s="169">
        <v>0</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2</v>
      </c>
      <c r="DZ39" s="169">
        <v>0</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2</v>
      </c>
      <c r="EV39" s="169">
        <v>0</v>
      </c>
      <c r="EW39" s="169">
        <v>0</v>
      </c>
      <c r="EX39" s="169">
        <v>0</v>
      </c>
      <c r="EY39" s="174">
        <v>3</v>
      </c>
      <c r="EZ39" s="173">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1">
        <f>第１表!F2</f>
        <v>6</v>
      </c>
      <c r="J1" s="441"/>
      <c r="K1" s="18">
        <f>第１表!G2</f>
        <v>8</v>
      </c>
      <c r="L1" s="445">
        <f>IF(K1&lt;3,K1+12-2,K1-2)</f>
        <v>6</v>
      </c>
      <c r="M1" s="445"/>
    </row>
    <row r="2" spans="2:156" ht="24" customHeight="1" thickBot="1" x14ac:dyDescent="0.25">
      <c r="B2" s="142" t="s">
        <v>151</v>
      </c>
      <c r="G2" s="17"/>
      <c r="H2" s="18"/>
      <c r="J2" s="176"/>
      <c r="K2" s="176"/>
    </row>
    <row r="3" spans="2:156" ht="21" customHeight="1" thickBot="1" x14ac:dyDescent="0.25">
      <c r="B3" s="466"/>
      <c r="C3" s="463" t="s">
        <v>70</v>
      </c>
      <c r="D3" s="464"/>
      <c r="E3" s="464"/>
      <c r="F3" s="464"/>
      <c r="G3" s="464"/>
      <c r="H3" s="464"/>
      <c r="I3" s="464"/>
      <c r="J3" s="464"/>
      <c r="K3" s="464"/>
      <c r="L3" s="464"/>
      <c r="M3" s="465"/>
      <c r="N3" s="463" t="s">
        <v>71</v>
      </c>
      <c r="O3" s="464"/>
      <c r="P3" s="464"/>
      <c r="Q3" s="464"/>
      <c r="R3" s="464"/>
      <c r="S3" s="464"/>
      <c r="T3" s="464"/>
      <c r="U3" s="464"/>
      <c r="V3" s="464"/>
      <c r="W3" s="464"/>
      <c r="X3" s="465"/>
      <c r="Y3" s="463" t="s">
        <v>72</v>
      </c>
      <c r="Z3" s="464"/>
      <c r="AA3" s="464"/>
      <c r="AB3" s="464"/>
      <c r="AC3" s="464"/>
      <c r="AD3" s="464"/>
      <c r="AE3" s="464"/>
      <c r="AF3" s="464"/>
      <c r="AG3" s="464"/>
      <c r="AH3" s="464"/>
      <c r="AI3" s="465"/>
      <c r="AJ3" s="463" t="s">
        <v>73</v>
      </c>
      <c r="AK3" s="464"/>
      <c r="AL3" s="464"/>
      <c r="AM3" s="464"/>
      <c r="AN3" s="464"/>
      <c r="AO3" s="464"/>
      <c r="AP3" s="464"/>
      <c r="AQ3" s="464"/>
      <c r="AR3" s="464"/>
      <c r="AS3" s="464"/>
      <c r="AT3" s="465"/>
      <c r="AU3" s="463" t="s">
        <v>74</v>
      </c>
      <c r="AV3" s="464"/>
      <c r="AW3" s="464"/>
      <c r="AX3" s="464"/>
      <c r="AY3" s="464"/>
      <c r="AZ3" s="464"/>
      <c r="BA3" s="464"/>
      <c r="BB3" s="464"/>
      <c r="BC3" s="464"/>
      <c r="BD3" s="464"/>
      <c r="BE3" s="465"/>
      <c r="BF3" s="463" t="s">
        <v>75</v>
      </c>
      <c r="BG3" s="464"/>
      <c r="BH3" s="464"/>
      <c r="BI3" s="464"/>
      <c r="BJ3" s="464"/>
      <c r="BK3" s="464"/>
      <c r="BL3" s="464"/>
      <c r="BM3" s="464"/>
      <c r="BN3" s="464"/>
      <c r="BO3" s="464"/>
      <c r="BP3" s="465"/>
      <c r="BQ3" s="463" t="s">
        <v>76</v>
      </c>
      <c r="BR3" s="464"/>
      <c r="BS3" s="464"/>
      <c r="BT3" s="464"/>
      <c r="BU3" s="464"/>
      <c r="BV3" s="464"/>
      <c r="BW3" s="464"/>
      <c r="BX3" s="464"/>
      <c r="BY3" s="464"/>
      <c r="BZ3" s="464"/>
      <c r="CA3" s="465"/>
      <c r="CB3" s="463" t="s">
        <v>77</v>
      </c>
      <c r="CC3" s="464"/>
      <c r="CD3" s="464"/>
      <c r="CE3" s="464"/>
      <c r="CF3" s="464"/>
      <c r="CG3" s="464"/>
      <c r="CH3" s="464"/>
      <c r="CI3" s="464"/>
      <c r="CJ3" s="464"/>
      <c r="CK3" s="464"/>
      <c r="CL3" s="465"/>
      <c r="CM3" s="463" t="s">
        <v>78</v>
      </c>
      <c r="CN3" s="464"/>
      <c r="CO3" s="464"/>
      <c r="CP3" s="464"/>
      <c r="CQ3" s="464"/>
      <c r="CR3" s="464"/>
      <c r="CS3" s="464"/>
      <c r="CT3" s="464"/>
      <c r="CU3" s="464"/>
      <c r="CV3" s="464"/>
      <c r="CW3" s="465"/>
      <c r="CX3" s="463" t="s">
        <v>79</v>
      </c>
      <c r="CY3" s="464"/>
      <c r="CZ3" s="464"/>
      <c r="DA3" s="464"/>
      <c r="DB3" s="464"/>
      <c r="DC3" s="464"/>
      <c r="DD3" s="464"/>
      <c r="DE3" s="464"/>
      <c r="DF3" s="464"/>
      <c r="DG3" s="464"/>
      <c r="DH3" s="465"/>
      <c r="DI3" s="463" t="s">
        <v>149</v>
      </c>
      <c r="DJ3" s="464"/>
      <c r="DK3" s="464"/>
      <c r="DL3" s="464"/>
      <c r="DM3" s="464"/>
      <c r="DN3" s="464"/>
      <c r="DO3" s="464"/>
      <c r="DP3" s="464"/>
      <c r="DQ3" s="464"/>
      <c r="DR3" s="464"/>
      <c r="DS3" s="465"/>
      <c r="DT3" s="463" t="s">
        <v>80</v>
      </c>
      <c r="DU3" s="464"/>
      <c r="DV3" s="464"/>
      <c r="DW3" s="464"/>
      <c r="DX3" s="464"/>
      <c r="DY3" s="464"/>
      <c r="DZ3" s="464"/>
      <c r="EA3" s="464"/>
      <c r="EB3" s="464"/>
      <c r="EC3" s="464"/>
      <c r="ED3" s="465"/>
      <c r="EE3" s="463" t="s">
        <v>68</v>
      </c>
      <c r="EF3" s="464"/>
      <c r="EG3" s="464"/>
      <c r="EH3" s="464"/>
      <c r="EI3" s="464"/>
      <c r="EJ3" s="464"/>
      <c r="EK3" s="464"/>
      <c r="EL3" s="464"/>
      <c r="EM3" s="464"/>
      <c r="EN3" s="464"/>
      <c r="EO3" s="465"/>
      <c r="EP3" s="476" t="s">
        <v>69</v>
      </c>
      <c r="EQ3" s="477"/>
      <c r="ER3" s="477"/>
      <c r="ES3" s="477"/>
      <c r="ET3" s="477"/>
      <c r="EU3" s="477"/>
      <c r="EV3" s="477"/>
      <c r="EW3" s="477"/>
      <c r="EX3" s="477"/>
      <c r="EY3" s="477"/>
      <c r="EZ3" s="478"/>
    </row>
    <row r="4" spans="2:156"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3"/>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c r="DI4" s="471" t="s">
        <v>61</v>
      </c>
      <c r="DJ4" s="472"/>
      <c r="DK4" s="473"/>
      <c r="DL4" s="474" t="s">
        <v>62</v>
      </c>
      <c r="DM4" s="472"/>
      <c r="DN4" s="472"/>
      <c r="DO4" s="472"/>
      <c r="DP4" s="472"/>
      <c r="DQ4" s="472"/>
      <c r="DR4" s="473"/>
      <c r="DS4" s="469" t="s">
        <v>52</v>
      </c>
      <c r="DT4" s="471" t="s">
        <v>61</v>
      </c>
      <c r="DU4" s="472"/>
      <c r="DV4" s="473"/>
      <c r="DW4" s="474" t="s">
        <v>62</v>
      </c>
      <c r="DX4" s="472"/>
      <c r="DY4" s="472"/>
      <c r="DZ4" s="472"/>
      <c r="EA4" s="472"/>
      <c r="EB4" s="472"/>
      <c r="EC4" s="473"/>
      <c r="ED4" s="469" t="s">
        <v>52</v>
      </c>
      <c r="EE4" s="471" t="s">
        <v>61</v>
      </c>
      <c r="EF4" s="472"/>
      <c r="EG4" s="473"/>
      <c r="EH4" s="474" t="s">
        <v>62</v>
      </c>
      <c r="EI4" s="472"/>
      <c r="EJ4" s="472"/>
      <c r="EK4" s="472"/>
      <c r="EL4" s="472"/>
      <c r="EM4" s="472"/>
      <c r="EN4" s="473"/>
      <c r="EO4" s="469" t="s">
        <v>52</v>
      </c>
      <c r="EP4" s="471" t="s">
        <v>61</v>
      </c>
      <c r="EQ4" s="472"/>
      <c r="ER4" s="473"/>
      <c r="ES4" s="474" t="s">
        <v>62</v>
      </c>
      <c r="ET4" s="472"/>
      <c r="EU4" s="472"/>
      <c r="EV4" s="472"/>
      <c r="EW4" s="472"/>
      <c r="EX4" s="472"/>
      <c r="EY4" s="473"/>
      <c r="EZ4" s="469" t="s">
        <v>52</v>
      </c>
    </row>
    <row r="5" spans="2:156" ht="30" customHeight="1" thickBot="1" x14ac:dyDescent="0.25">
      <c r="B5" s="468"/>
      <c r="C5" s="177" t="s">
        <v>43</v>
      </c>
      <c r="D5" s="178" t="s">
        <v>159</v>
      </c>
      <c r="E5" s="179"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c r="DI5" s="177" t="s">
        <v>43</v>
      </c>
      <c r="DJ5" s="178" t="s">
        <v>44</v>
      </c>
      <c r="DK5" s="182" t="s">
        <v>45</v>
      </c>
      <c r="DL5" s="180" t="s">
        <v>83</v>
      </c>
      <c r="DM5" s="178" t="s">
        <v>47</v>
      </c>
      <c r="DN5" s="178" t="s">
        <v>48</v>
      </c>
      <c r="DO5" s="178" t="s">
        <v>49</v>
      </c>
      <c r="DP5" s="178" t="s">
        <v>50</v>
      </c>
      <c r="DQ5" s="178" t="s">
        <v>51</v>
      </c>
      <c r="DR5" s="182" t="s">
        <v>45</v>
      </c>
      <c r="DS5" s="470"/>
      <c r="DT5" s="177" t="s">
        <v>43</v>
      </c>
      <c r="DU5" s="178" t="s">
        <v>44</v>
      </c>
      <c r="DV5" s="182" t="s">
        <v>45</v>
      </c>
      <c r="DW5" s="180" t="s">
        <v>83</v>
      </c>
      <c r="DX5" s="178" t="s">
        <v>47</v>
      </c>
      <c r="DY5" s="178" t="s">
        <v>48</v>
      </c>
      <c r="DZ5" s="178" t="s">
        <v>49</v>
      </c>
      <c r="EA5" s="178" t="s">
        <v>50</v>
      </c>
      <c r="EB5" s="178" t="s">
        <v>51</v>
      </c>
      <c r="EC5" s="182" t="s">
        <v>45</v>
      </c>
      <c r="ED5" s="470"/>
      <c r="EE5" s="177" t="s">
        <v>43</v>
      </c>
      <c r="EF5" s="178" t="s">
        <v>44</v>
      </c>
      <c r="EG5" s="182" t="s">
        <v>45</v>
      </c>
      <c r="EH5" s="180" t="s">
        <v>83</v>
      </c>
      <c r="EI5" s="178" t="s">
        <v>47</v>
      </c>
      <c r="EJ5" s="178" t="s">
        <v>48</v>
      </c>
      <c r="EK5" s="178" t="s">
        <v>49</v>
      </c>
      <c r="EL5" s="178" t="s">
        <v>50</v>
      </c>
      <c r="EM5" s="178" t="s">
        <v>51</v>
      </c>
      <c r="EN5" s="182" t="s">
        <v>45</v>
      </c>
      <c r="EO5" s="470"/>
      <c r="EP5" s="177" t="s">
        <v>43</v>
      </c>
      <c r="EQ5" s="178" t="s">
        <v>44</v>
      </c>
      <c r="ER5" s="182" t="s">
        <v>45</v>
      </c>
      <c r="ES5" s="180" t="s">
        <v>83</v>
      </c>
      <c r="ET5" s="178" t="s">
        <v>47</v>
      </c>
      <c r="EU5" s="178" t="s">
        <v>48</v>
      </c>
      <c r="EV5" s="178" t="s">
        <v>49</v>
      </c>
      <c r="EW5" s="178" t="s">
        <v>50</v>
      </c>
      <c r="EX5" s="178" t="s">
        <v>51</v>
      </c>
      <c r="EY5" s="182" t="s">
        <v>45</v>
      </c>
      <c r="EZ5" s="470"/>
    </row>
    <row r="6" spans="2:156" ht="21" customHeight="1" x14ac:dyDescent="0.2">
      <c r="B6" s="84" t="s">
        <v>4</v>
      </c>
      <c r="C6" s="183">
        <v>1</v>
      </c>
      <c r="D6" s="184">
        <v>0</v>
      </c>
      <c r="E6" s="185">
        <v>1</v>
      </c>
      <c r="F6" s="186">
        <v>0</v>
      </c>
      <c r="G6" s="184">
        <v>1147</v>
      </c>
      <c r="H6" s="184">
        <v>1356</v>
      </c>
      <c r="I6" s="184">
        <v>717</v>
      </c>
      <c r="J6" s="184">
        <v>539</v>
      </c>
      <c r="K6" s="184">
        <v>442</v>
      </c>
      <c r="L6" s="187">
        <v>4201</v>
      </c>
      <c r="M6" s="188">
        <v>4202</v>
      </c>
      <c r="N6" s="183">
        <v>0</v>
      </c>
      <c r="O6" s="184">
        <v>3</v>
      </c>
      <c r="P6" s="189">
        <v>3</v>
      </c>
      <c r="Q6" s="186">
        <v>0</v>
      </c>
      <c r="R6" s="184">
        <v>11</v>
      </c>
      <c r="S6" s="184">
        <v>23</v>
      </c>
      <c r="T6" s="184">
        <v>51</v>
      </c>
      <c r="U6" s="184">
        <v>126</v>
      </c>
      <c r="V6" s="184">
        <v>207</v>
      </c>
      <c r="W6" s="189">
        <v>418</v>
      </c>
      <c r="X6" s="188">
        <v>421</v>
      </c>
      <c r="Y6" s="183">
        <v>230</v>
      </c>
      <c r="Z6" s="184">
        <v>523</v>
      </c>
      <c r="AA6" s="189">
        <v>753</v>
      </c>
      <c r="AB6" s="186">
        <v>0</v>
      </c>
      <c r="AC6" s="184">
        <v>954</v>
      </c>
      <c r="AD6" s="184">
        <v>1319</v>
      </c>
      <c r="AE6" s="184">
        <v>744</v>
      </c>
      <c r="AF6" s="184">
        <v>602</v>
      </c>
      <c r="AG6" s="184">
        <v>377</v>
      </c>
      <c r="AH6" s="189">
        <v>3996</v>
      </c>
      <c r="AI6" s="188">
        <v>4749</v>
      </c>
      <c r="AJ6" s="183">
        <v>24</v>
      </c>
      <c r="AK6" s="184">
        <v>64</v>
      </c>
      <c r="AL6" s="189">
        <v>88</v>
      </c>
      <c r="AM6" s="186">
        <v>0</v>
      </c>
      <c r="AN6" s="184">
        <v>89</v>
      </c>
      <c r="AO6" s="184">
        <v>148</v>
      </c>
      <c r="AP6" s="184">
        <v>69</v>
      </c>
      <c r="AQ6" s="184">
        <v>76</v>
      </c>
      <c r="AR6" s="184">
        <v>50</v>
      </c>
      <c r="AS6" s="189">
        <v>432</v>
      </c>
      <c r="AT6" s="188">
        <v>520</v>
      </c>
      <c r="AU6" s="183">
        <v>320</v>
      </c>
      <c r="AV6" s="184">
        <v>368</v>
      </c>
      <c r="AW6" s="189">
        <v>688</v>
      </c>
      <c r="AX6" s="186">
        <v>0</v>
      </c>
      <c r="AY6" s="184">
        <v>1454</v>
      </c>
      <c r="AZ6" s="184">
        <v>1803</v>
      </c>
      <c r="BA6" s="184">
        <v>1476</v>
      </c>
      <c r="BB6" s="184">
        <v>1431</v>
      </c>
      <c r="BC6" s="184">
        <v>1088</v>
      </c>
      <c r="BD6" s="187">
        <v>7252</v>
      </c>
      <c r="BE6" s="188">
        <v>7940</v>
      </c>
      <c r="BF6" s="183">
        <v>0</v>
      </c>
      <c r="BG6" s="184">
        <v>0</v>
      </c>
      <c r="BH6" s="189">
        <v>0</v>
      </c>
      <c r="BI6" s="186">
        <v>0</v>
      </c>
      <c r="BJ6" s="184">
        <v>1430</v>
      </c>
      <c r="BK6" s="184">
        <v>1280</v>
      </c>
      <c r="BL6" s="184">
        <v>604</v>
      </c>
      <c r="BM6" s="184">
        <v>315</v>
      </c>
      <c r="BN6" s="184">
        <v>157</v>
      </c>
      <c r="BO6" s="189">
        <v>3786</v>
      </c>
      <c r="BP6" s="188">
        <v>3786</v>
      </c>
      <c r="BQ6" s="183">
        <v>135</v>
      </c>
      <c r="BR6" s="184">
        <v>174</v>
      </c>
      <c r="BS6" s="189">
        <v>309</v>
      </c>
      <c r="BT6" s="186">
        <v>0</v>
      </c>
      <c r="BU6" s="184">
        <v>361</v>
      </c>
      <c r="BV6" s="184">
        <v>499</v>
      </c>
      <c r="BW6" s="184">
        <v>281</v>
      </c>
      <c r="BX6" s="184">
        <v>166</v>
      </c>
      <c r="BY6" s="184">
        <v>59</v>
      </c>
      <c r="BZ6" s="189">
        <v>1366</v>
      </c>
      <c r="CA6" s="188">
        <v>1675</v>
      </c>
      <c r="CB6" s="183">
        <v>2</v>
      </c>
      <c r="CC6" s="184">
        <v>21</v>
      </c>
      <c r="CD6" s="189">
        <v>23</v>
      </c>
      <c r="CE6" s="186">
        <v>0</v>
      </c>
      <c r="CF6" s="184">
        <v>157</v>
      </c>
      <c r="CG6" s="184">
        <v>231</v>
      </c>
      <c r="CH6" s="184">
        <v>263</v>
      </c>
      <c r="CI6" s="184">
        <v>173</v>
      </c>
      <c r="CJ6" s="184">
        <v>85</v>
      </c>
      <c r="CK6" s="189">
        <v>909</v>
      </c>
      <c r="CL6" s="188">
        <v>932</v>
      </c>
      <c r="CM6" s="183">
        <v>1</v>
      </c>
      <c r="CN6" s="184">
        <v>2</v>
      </c>
      <c r="CO6" s="189">
        <v>3</v>
      </c>
      <c r="CP6" s="186">
        <v>0</v>
      </c>
      <c r="CQ6" s="184">
        <v>18</v>
      </c>
      <c r="CR6" s="184">
        <v>49</v>
      </c>
      <c r="CS6" s="184">
        <v>60</v>
      </c>
      <c r="CT6" s="184">
        <v>48</v>
      </c>
      <c r="CU6" s="184">
        <v>25</v>
      </c>
      <c r="CV6" s="189">
        <v>200</v>
      </c>
      <c r="CW6" s="188">
        <v>203</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45</v>
      </c>
      <c r="DU6" s="184">
        <v>1393</v>
      </c>
      <c r="DV6" s="189">
        <v>2038</v>
      </c>
      <c r="DW6" s="186">
        <v>0</v>
      </c>
      <c r="DX6" s="184">
        <v>1667</v>
      </c>
      <c r="DY6" s="184">
        <v>2979</v>
      </c>
      <c r="DZ6" s="184">
        <v>1640</v>
      </c>
      <c r="EA6" s="184">
        <v>1224</v>
      </c>
      <c r="EB6" s="184">
        <v>774</v>
      </c>
      <c r="EC6" s="189">
        <v>8284</v>
      </c>
      <c r="ED6" s="188">
        <v>10322</v>
      </c>
      <c r="EE6" s="183">
        <v>220</v>
      </c>
      <c r="EF6" s="184">
        <v>162</v>
      </c>
      <c r="EG6" s="189">
        <v>382</v>
      </c>
      <c r="EH6" s="186">
        <v>0</v>
      </c>
      <c r="EI6" s="184">
        <v>706</v>
      </c>
      <c r="EJ6" s="184">
        <v>691</v>
      </c>
      <c r="EK6" s="184">
        <v>599</v>
      </c>
      <c r="EL6" s="184">
        <v>613</v>
      </c>
      <c r="EM6" s="184">
        <v>403</v>
      </c>
      <c r="EN6" s="189">
        <v>3012</v>
      </c>
      <c r="EO6" s="188">
        <v>3394</v>
      </c>
      <c r="EP6" s="183">
        <v>948</v>
      </c>
      <c r="EQ6" s="184">
        <v>1820</v>
      </c>
      <c r="ER6" s="189">
        <v>2768</v>
      </c>
      <c r="ES6" s="186">
        <v>0</v>
      </c>
      <c r="ET6" s="184">
        <v>3881</v>
      </c>
      <c r="EU6" s="184">
        <v>4149</v>
      </c>
      <c r="EV6" s="184">
        <v>2006</v>
      </c>
      <c r="EW6" s="184">
        <v>1349</v>
      </c>
      <c r="EX6" s="184">
        <v>778</v>
      </c>
      <c r="EY6" s="189">
        <v>12163</v>
      </c>
      <c r="EZ6" s="188">
        <v>14931</v>
      </c>
    </row>
    <row r="7" spans="2:156" ht="21" customHeight="1" x14ac:dyDescent="0.2">
      <c r="B7" s="95" t="s">
        <v>5</v>
      </c>
      <c r="C7" s="190">
        <v>0</v>
      </c>
      <c r="D7" s="191">
        <v>0</v>
      </c>
      <c r="E7" s="192">
        <v>0</v>
      </c>
      <c r="F7" s="193">
        <v>0</v>
      </c>
      <c r="G7" s="191">
        <v>458</v>
      </c>
      <c r="H7" s="191">
        <v>672</v>
      </c>
      <c r="I7" s="191">
        <v>338</v>
      </c>
      <c r="J7" s="191">
        <v>233</v>
      </c>
      <c r="K7" s="191">
        <v>203</v>
      </c>
      <c r="L7" s="194">
        <v>1904</v>
      </c>
      <c r="M7" s="195">
        <v>1904</v>
      </c>
      <c r="N7" s="190">
        <v>0</v>
      </c>
      <c r="O7" s="191">
        <v>3</v>
      </c>
      <c r="P7" s="196">
        <v>3</v>
      </c>
      <c r="Q7" s="193">
        <v>0</v>
      </c>
      <c r="R7" s="191">
        <v>4</v>
      </c>
      <c r="S7" s="191">
        <v>9</v>
      </c>
      <c r="T7" s="191">
        <v>20</v>
      </c>
      <c r="U7" s="191">
        <v>47</v>
      </c>
      <c r="V7" s="191">
        <v>119</v>
      </c>
      <c r="W7" s="196">
        <v>199</v>
      </c>
      <c r="X7" s="195">
        <v>202</v>
      </c>
      <c r="Y7" s="190">
        <v>90</v>
      </c>
      <c r="Z7" s="191">
        <v>279</v>
      </c>
      <c r="AA7" s="196">
        <v>369</v>
      </c>
      <c r="AB7" s="193">
        <v>0</v>
      </c>
      <c r="AC7" s="191">
        <v>341</v>
      </c>
      <c r="AD7" s="191">
        <v>704</v>
      </c>
      <c r="AE7" s="191">
        <v>359</v>
      </c>
      <c r="AF7" s="191">
        <v>272</v>
      </c>
      <c r="AG7" s="191">
        <v>172</v>
      </c>
      <c r="AH7" s="196">
        <v>1848</v>
      </c>
      <c r="AI7" s="195">
        <v>2217</v>
      </c>
      <c r="AJ7" s="190">
        <v>7</v>
      </c>
      <c r="AK7" s="191">
        <v>33</v>
      </c>
      <c r="AL7" s="196">
        <v>40</v>
      </c>
      <c r="AM7" s="193">
        <v>0</v>
      </c>
      <c r="AN7" s="191">
        <v>36</v>
      </c>
      <c r="AO7" s="191">
        <v>72</v>
      </c>
      <c r="AP7" s="191">
        <v>30</v>
      </c>
      <c r="AQ7" s="191">
        <v>32</v>
      </c>
      <c r="AR7" s="191">
        <v>19</v>
      </c>
      <c r="AS7" s="196">
        <v>189</v>
      </c>
      <c r="AT7" s="195">
        <v>229</v>
      </c>
      <c r="AU7" s="190">
        <v>153</v>
      </c>
      <c r="AV7" s="191">
        <v>196</v>
      </c>
      <c r="AW7" s="196">
        <v>349</v>
      </c>
      <c r="AX7" s="193">
        <v>0</v>
      </c>
      <c r="AY7" s="191">
        <v>551</v>
      </c>
      <c r="AZ7" s="191">
        <v>836</v>
      </c>
      <c r="BA7" s="191">
        <v>658</v>
      </c>
      <c r="BB7" s="191">
        <v>641</v>
      </c>
      <c r="BC7" s="191">
        <v>478</v>
      </c>
      <c r="BD7" s="194">
        <v>3164</v>
      </c>
      <c r="BE7" s="195">
        <v>3513</v>
      </c>
      <c r="BF7" s="190">
        <v>0</v>
      </c>
      <c r="BG7" s="191">
        <v>0</v>
      </c>
      <c r="BH7" s="196">
        <v>0</v>
      </c>
      <c r="BI7" s="193">
        <v>0</v>
      </c>
      <c r="BJ7" s="191">
        <v>476</v>
      </c>
      <c r="BK7" s="191">
        <v>547</v>
      </c>
      <c r="BL7" s="191">
        <v>238</v>
      </c>
      <c r="BM7" s="191">
        <v>123</v>
      </c>
      <c r="BN7" s="191">
        <v>52</v>
      </c>
      <c r="BO7" s="196">
        <v>1436</v>
      </c>
      <c r="BP7" s="195">
        <v>1436</v>
      </c>
      <c r="BQ7" s="190">
        <v>64</v>
      </c>
      <c r="BR7" s="191">
        <v>88</v>
      </c>
      <c r="BS7" s="196">
        <v>152</v>
      </c>
      <c r="BT7" s="193">
        <v>0</v>
      </c>
      <c r="BU7" s="191">
        <v>114</v>
      </c>
      <c r="BV7" s="191">
        <v>249</v>
      </c>
      <c r="BW7" s="191">
        <v>129</v>
      </c>
      <c r="BX7" s="191">
        <v>67</v>
      </c>
      <c r="BY7" s="191">
        <v>26</v>
      </c>
      <c r="BZ7" s="196">
        <v>585</v>
      </c>
      <c r="CA7" s="195">
        <v>737</v>
      </c>
      <c r="CB7" s="190">
        <v>0</v>
      </c>
      <c r="CC7" s="191">
        <v>9</v>
      </c>
      <c r="CD7" s="196">
        <v>9</v>
      </c>
      <c r="CE7" s="193">
        <v>0</v>
      </c>
      <c r="CF7" s="191">
        <v>57</v>
      </c>
      <c r="CG7" s="191">
        <v>90</v>
      </c>
      <c r="CH7" s="191">
        <v>105</v>
      </c>
      <c r="CI7" s="191">
        <v>63</v>
      </c>
      <c r="CJ7" s="191">
        <v>34</v>
      </c>
      <c r="CK7" s="196">
        <v>349</v>
      </c>
      <c r="CL7" s="195">
        <v>358</v>
      </c>
      <c r="CM7" s="190">
        <v>1</v>
      </c>
      <c r="CN7" s="191">
        <v>1</v>
      </c>
      <c r="CO7" s="196">
        <v>2</v>
      </c>
      <c r="CP7" s="193">
        <v>0</v>
      </c>
      <c r="CQ7" s="191">
        <v>8</v>
      </c>
      <c r="CR7" s="191">
        <v>31</v>
      </c>
      <c r="CS7" s="191">
        <v>32</v>
      </c>
      <c r="CT7" s="191">
        <v>29</v>
      </c>
      <c r="CU7" s="191">
        <v>13</v>
      </c>
      <c r="CV7" s="196">
        <v>113</v>
      </c>
      <c r="CW7" s="195">
        <v>115</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31</v>
      </c>
      <c r="DU7" s="191">
        <v>631</v>
      </c>
      <c r="DV7" s="196">
        <v>862</v>
      </c>
      <c r="DW7" s="193">
        <v>0</v>
      </c>
      <c r="DX7" s="191">
        <v>524</v>
      </c>
      <c r="DY7" s="191">
        <v>1392</v>
      </c>
      <c r="DZ7" s="191">
        <v>706</v>
      </c>
      <c r="EA7" s="191">
        <v>527</v>
      </c>
      <c r="EB7" s="191">
        <v>339</v>
      </c>
      <c r="EC7" s="196">
        <v>3488</v>
      </c>
      <c r="ED7" s="195">
        <v>4350</v>
      </c>
      <c r="EE7" s="190">
        <v>97</v>
      </c>
      <c r="EF7" s="191">
        <v>81</v>
      </c>
      <c r="EG7" s="196">
        <v>178</v>
      </c>
      <c r="EH7" s="193">
        <v>0</v>
      </c>
      <c r="EI7" s="191">
        <v>287</v>
      </c>
      <c r="EJ7" s="191">
        <v>340</v>
      </c>
      <c r="EK7" s="191">
        <v>292</v>
      </c>
      <c r="EL7" s="191">
        <v>279</v>
      </c>
      <c r="EM7" s="191">
        <v>180</v>
      </c>
      <c r="EN7" s="196">
        <v>1378</v>
      </c>
      <c r="EO7" s="195">
        <v>1556</v>
      </c>
      <c r="EP7" s="190">
        <v>356</v>
      </c>
      <c r="EQ7" s="191">
        <v>877</v>
      </c>
      <c r="ER7" s="196">
        <v>1233</v>
      </c>
      <c r="ES7" s="193">
        <v>0</v>
      </c>
      <c r="ET7" s="191">
        <v>1366</v>
      </c>
      <c r="EU7" s="191">
        <v>1991</v>
      </c>
      <c r="EV7" s="191">
        <v>884</v>
      </c>
      <c r="EW7" s="191">
        <v>592</v>
      </c>
      <c r="EX7" s="191">
        <v>348</v>
      </c>
      <c r="EY7" s="196">
        <v>5181</v>
      </c>
      <c r="EZ7" s="195">
        <v>6414</v>
      </c>
    </row>
    <row r="8" spans="2:156" ht="21" customHeight="1" x14ac:dyDescent="0.2">
      <c r="B8" s="106" t="s">
        <v>6</v>
      </c>
      <c r="C8" s="190">
        <v>1</v>
      </c>
      <c r="D8" s="191">
        <v>0</v>
      </c>
      <c r="E8" s="192">
        <v>1</v>
      </c>
      <c r="F8" s="193">
        <v>0</v>
      </c>
      <c r="G8" s="191">
        <v>223</v>
      </c>
      <c r="H8" s="191">
        <v>188</v>
      </c>
      <c r="I8" s="191">
        <v>91</v>
      </c>
      <c r="J8" s="191">
        <v>94</v>
      </c>
      <c r="K8" s="191">
        <v>81</v>
      </c>
      <c r="L8" s="194">
        <v>677</v>
      </c>
      <c r="M8" s="195">
        <v>678</v>
      </c>
      <c r="N8" s="190">
        <v>0</v>
      </c>
      <c r="O8" s="191">
        <v>0</v>
      </c>
      <c r="P8" s="196">
        <v>0</v>
      </c>
      <c r="Q8" s="193">
        <v>0</v>
      </c>
      <c r="R8" s="191">
        <v>3</v>
      </c>
      <c r="S8" s="191">
        <v>4</v>
      </c>
      <c r="T8" s="191">
        <v>9</v>
      </c>
      <c r="U8" s="191">
        <v>25</v>
      </c>
      <c r="V8" s="191">
        <v>24</v>
      </c>
      <c r="W8" s="196">
        <v>65</v>
      </c>
      <c r="X8" s="195">
        <v>65</v>
      </c>
      <c r="Y8" s="190">
        <v>43</v>
      </c>
      <c r="Z8" s="191">
        <v>80</v>
      </c>
      <c r="AA8" s="196">
        <v>123</v>
      </c>
      <c r="AB8" s="193">
        <v>0</v>
      </c>
      <c r="AC8" s="191">
        <v>229</v>
      </c>
      <c r="AD8" s="191">
        <v>194</v>
      </c>
      <c r="AE8" s="191">
        <v>134</v>
      </c>
      <c r="AF8" s="191">
        <v>104</v>
      </c>
      <c r="AG8" s="191">
        <v>65</v>
      </c>
      <c r="AH8" s="196">
        <v>726</v>
      </c>
      <c r="AI8" s="195">
        <v>849</v>
      </c>
      <c r="AJ8" s="190">
        <v>4</v>
      </c>
      <c r="AK8" s="191">
        <v>5</v>
      </c>
      <c r="AL8" s="196">
        <v>9</v>
      </c>
      <c r="AM8" s="193">
        <v>0</v>
      </c>
      <c r="AN8" s="191">
        <v>13</v>
      </c>
      <c r="AO8" s="191">
        <v>16</v>
      </c>
      <c r="AP8" s="191">
        <v>9</v>
      </c>
      <c r="AQ8" s="191">
        <v>14</v>
      </c>
      <c r="AR8" s="191">
        <v>9</v>
      </c>
      <c r="AS8" s="196">
        <v>61</v>
      </c>
      <c r="AT8" s="195">
        <v>70</v>
      </c>
      <c r="AU8" s="190">
        <v>46</v>
      </c>
      <c r="AV8" s="191">
        <v>57</v>
      </c>
      <c r="AW8" s="196">
        <v>103</v>
      </c>
      <c r="AX8" s="193">
        <v>0</v>
      </c>
      <c r="AY8" s="191">
        <v>327</v>
      </c>
      <c r="AZ8" s="191">
        <v>289</v>
      </c>
      <c r="BA8" s="191">
        <v>249</v>
      </c>
      <c r="BB8" s="191">
        <v>254</v>
      </c>
      <c r="BC8" s="191">
        <v>213</v>
      </c>
      <c r="BD8" s="194">
        <v>1332</v>
      </c>
      <c r="BE8" s="195">
        <v>1435</v>
      </c>
      <c r="BF8" s="190">
        <v>0</v>
      </c>
      <c r="BG8" s="191">
        <v>0</v>
      </c>
      <c r="BH8" s="196">
        <v>0</v>
      </c>
      <c r="BI8" s="193">
        <v>0</v>
      </c>
      <c r="BJ8" s="191">
        <v>291</v>
      </c>
      <c r="BK8" s="191">
        <v>192</v>
      </c>
      <c r="BL8" s="191">
        <v>87</v>
      </c>
      <c r="BM8" s="191">
        <v>49</v>
      </c>
      <c r="BN8" s="191">
        <v>31</v>
      </c>
      <c r="BO8" s="196">
        <v>650</v>
      </c>
      <c r="BP8" s="195">
        <v>650</v>
      </c>
      <c r="BQ8" s="190">
        <v>10</v>
      </c>
      <c r="BR8" s="191">
        <v>17</v>
      </c>
      <c r="BS8" s="196">
        <v>27</v>
      </c>
      <c r="BT8" s="193">
        <v>0</v>
      </c>
      <c r="BU8" s="191">
        <v>69</v>
      </c>
      <c r="BV8" s="191">
        <v>68</v>
      </c>
      <c r="BW8" s="191">
        <v>38</v>
      </c>
      <c r="BX8" s="191">
        <v>29</v>
      </c>
      <c r="BY8" s="191">
        <v>5</v>
      </c>
      <c r="BZ8" s="196">
        <v>209</v>
      </c>
      <c r="CA8" s="195">
        <v>236</v>
      </c>
      <c r="CB8" s="190">
        <v>0</v>
      </c>
      <c r="CC8" s="191">
        <v>3</v>
      </c>
      <c r="CD8" s="196">
        <v>3</v>
      </c>
      <c r="CE8" s="193">
        <v>0</v>
      </c>
      <c r="CF8" s="191">
        <v>23</v>
      </c>
      <c r="CG8" s="191">
        <v>35</v>
      </c>
      <c r="CH8" s="191">
        <v>42</v>
      </c>
      <c r="CI8" s="191">
        <v>17</v>
      </c>
      <c r="CJ8" s="191">
        <v>13</v>
      </c>
      <c r="CK8" s="196">
        <v>130</v>
      </c>
      <c r="CL8" s="195">
        <v>133</v>
      </c>
      <c r="CM8" s="190">
        <v>0</v>
      </c>
      <c r="CN8" s="191">
        <v>0</v>
      </c>
      <c r="CO8" s="196">
        <v>0</v>
      </c>
      <c r="CP8" s="193">
        <v>0</v>
      </c>
      <c r="CQ8" s="191">
        <v>4</v>
      </c>
      <c r="CR8" s="191">
        <v>7</v>
      </c>
      <c r="CS8" s="191">
        <v>15</v>
      </c>
      <c r="CT8" s="191">
        <v>7</v>
      </c>
      <c r="CU8" s="191">
        <v>4</v>
      </c>
      <c r="CV8" s="196">
        <v>37</v>
      </c>
      <c r="CW8" s="195">
        <v>37</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14</v>
      </c>
      <c r="DU8" s="191">
        <v>193</v>
      </c>
      <c r="DV8" s="196">
        <v>307</v>
      </c>
      <c r="DW8" s="193">
        <v>0</v>
      </c>
      <c r="DX8" s="191">
        <v>352</v>
      </c>
      <c r="DY8" s="191">
        <v>434</v>
      </c>
      <c r="DZ8" s="191">
        <v>255</v>
      </c>
      <c r="EA8" s="191">
        <v>205</v>
      </c>
      <c r="EB8" s="191">
        <v>140</v>
      </c>
      <c r="EC8" s="196">
        <v>1386</v>
      </c>
      <c r="ED8" s="195">
        <v>1693</v>
      </c>
      <c r="EE8" s="190">
        <v>37</v>
      </c>
      <c r="EF8" s="191">
        <v>18</v>
      </c>
      <c r="EG8" s="196">
        <v>55</v>
      </c>
      <c r="EH8" s="193">
        <v>0</v>
      </c>
      <c r="EI8" s="191">
        <v>148</v>
      </c>
      <c r="EJ8" s="191">
        <v>116</v>
      </c>
      <c r="EK8" s="191">
        <v>93</v>
      </c>
      <c r="EL8" s="191">
        <v>104</v>
      </c>
      <c r="EM8" s="191">
        <v>68</v>
      </c>
      <c r="EN8" s="196">
        <v>529</v>
      </c>
      <c r="EO8" s="195">
        <v>584</v>
      </c>
      <c r="EP8" s="190">
        <v>154</v>
      </c>
      <c r="EQ8" s="191">
        <v>255</v>
      </c>
      <c r="ER8" s="196">
        <v>409</v>
      </c>
      <c r="ES8" s="193">
        <v>0</v>
      </c>
      <c r="ET8" s="191">
        <v>763</v>
      </c>
      <c r="EU8" s="191">
        <v>589</v>
      </c>
      <c r="EV8" s="191">
        <v>307</v>
      </c>
      <c r="EW8" s="191">
        <v>220</v>
      </c>
      <c r="EX8" s="191">
        <v>138</v>
      </c>
      <c r="EY8" s="196">
        <v>2017</v>
      </c>
      <c r="EZ8" s="195">
        <v>2426</v>
      </c>
    </row>
    <row r="9" spans="2:156" ht="21" customHeight="1" x14ac:dyDescent="0.2">
      <c r="B9" s="106" t="s">
        <v>14</v>
      </c>
      <c r="C9" s="190">
        <v>0</v>
      </c>
      <c r="D9" s="191">
        <v>0</v>
      </c>
      <c r="E9" s="192">
        <v>0</v>
      </c>
      <c r="F9" s="193">
        <v>0</v>
      </c>
      <c r="G9" s="191">
        <v>50</v>
      </c>
      <c r="H9" s="191">
        <v>90</v>
      </c>
      <c r="I9" s="191">
        <v>44</v>
      </c>
      <c r="J9" s="191">
        <v>24</v>
      </c>
      <c r="K9" s="191">
        <v>29</v>
      </c>
      <c r="L9" s="194">
        <v>237</v>
      </c>
      <c r="M9" s="195">
        <v>237</v>
      </c>
      <c r="N9" s="190">
        <v>0</v>
      </c>
      <c r="O9" s="191">
        <v>0</v>
      </c>
      <c r="P9" s="196">
        <v>0</v>
      </c>
      <c r="Q9" s="193">
        <v>0</v>
      </c>
      <c r="R9" s="191">
        <v>1</v>
      </c>
      <c r="S9" s="191">
        <v>3</v>
      </c>
      <c r="T9" s="191">
        <v>3</v>
      </c>
      <c r="U9" s="191">
        <v>12</v>
      </c>
      <c r="V9" s="191">
        <v>8</v>
      </c>
      <c r="W9" s="196">
        <v>27</v>
      </c>
      <c r="X9" s="195">
        <v>27</v>
      </c>
      <c r="Y9" s="190">
        <v>5</v>
      </c>
      <c r="Z9" s="191">
        <v>16</v>
      </c>
      <c r="AA9" s="196">
        <v>21</v>
      </c>
      <c r="AB9" s="193">
        <v>0</v>
      </c>
      <c r="AC9" s="191">
        <v>39</v>
      </c>
      <c r="AD9" s="191">
        <v>72</v>
      </c>
      <c r="AE9" s="191">
        <v>39</v>
      </c>
      <c r="AF9" s="191">
        <v>31</v>
      </c>
      <c r="AG9" s="191">
        <v>24</v>
      </c>
      <c r="AH9" s="196">
        <v>205</v>
      </c>
      <c r="AI9" s="195">
        <v>226</v>
      </c>
      <c r="AJ9" s="190">
        <v>0</v>
      </c>
      <c r="AK9" s="191">
        <v>3</v>
      </c>
      <c r="AL9" s="196">
        <v>3</v>
      </c>
      <c r="AM9" s="193">
        <v>0</v>
      </c>
      <c r="AN9" s="191">
        <v>1</v>
      </c>
      <c r="AO9" s="191">
        <v>4</v>
      </c>
      <c r="AP9" s="191">
        <v>2</v>
      </c>
      <c r="AQ9" s="191">
        <v>0</v>
      </c>
      <c r="AR9" s="191">
        <v>1</v>
      </c>
      <c r="AS9" s="196">
        <v>8</v>
      </c>
      <c r="AT9" s="195">
        <v>11</v>
      </c>
      <c r="AU9" s="190">
        <v>10</v>
      </c>
      <c r="AV9" s="191">
        <v>23</v>
      </c>
      <c r="AW9" s="196">
        <v>33</v>
      </c>
      <c r="AX9" s="193">
        <v>0</v>
      </c>
      <c r="AY9" s="191">
        <v>76</v>
      </c>
      <c r="AZ9" s="191">
        <v>119</v>
      </c>
      <c r="BA9" s="191">
        <v>100</v>
      </c>
      <c r="BB9" s="191">
        <v>79</v>
      </c>
      <c r="BC9" s="191">
        <v>60</v>
      </c>
      <c r="BD9" s="194">
        <v>434</v>
      </c>
      <c r="BE9" s="195">
        <v>467</v>
      </c>
      <c r="BF9" s="190">
        <v>0</v>
      </c>
      <c r="BG9" s="191">
        <v>0</v>
      </c>
      <c r="BH9" s="196">
        <v>0</v>
      </c>
      <c r="BI9" s="193">
        <v>0</v>
      </c>
      <c r="BJ9" s="191">
        <v>92</v>
      </c>
      <c r="BK9" s="191">
        <v>114</v>
      </c>
      <c r="BL9" s="191">
        <v>56</v>
      </c>
      <c r="BM9" s="191">
        <v>25</v>
      </c>
      <c r="BN9" s="191">
        <v>16</v>
      </c>
      <c r="BO9" s="196">
        <v>303</v>
      </c>
      <c r="BP9" s="195">
        <v>303</v>
      </c>
      <c r="BQ9" s="190">
        <v>7</v>
      </c>
      <c r="BR9" s="191">
        <v>9</v>
      </c>
      <c r="BS9" s="196">
        <v>16</v>
      </c>
      <c r="BT9" s="193">
        <v>0</v>
      </c>
      <c r="BU9" s="191">
        <v>10</v>
      </c>
      <c r="BV9" s="191">
        <v>19</v>
      </c>
      <c r="BW9" s="191">
        <v>11</v>
      </c>
      <c r="BX9" s="191">
        <v>11</v>
      </c>
      <c r="BY9" s="191">
        <v>3</v>
      </c>
      <c r="BZ9" s="196">
        <v>54</v>
      </c>
      <c r="CA9" s="195">
        <v>70</v>
      </c>
      <c r="CB9" s="190">
        <v>0</v>
      </c>
      <c r="CC9" s="191">
        <v>0</v>
      </c>
      <c r="CD9" s="196">
        <v>0</v>
      </c>
      <c r="CE9" s="193">
        <v>0</v>
      </c>
      <c r="CF9" s="191">
        <v>6</v>
      </c>
      <c r="CG9" s="191">
        <v>17</v>
      </c>
      <c r="CH9" s="191">
        <v>16</v>
      </c>
      <c r="CI9" s="191">
        <v>17</v>
      </c>
      <c r="CJ9" s="191">
        <v>9</v>
      </c>
      <c r="CK9" s="196">
        <v>65</v>
      </c>
      <c r="CL9" s="195">
        <v>65</v>
      </c>
      <c r="CM9" s="190">
        <v>0</v>
      </c>
      <c r="CN9" s="191">
        <v>0</v>
      </c>
      <c r="CO9" s="196">
        <v>0</v>
      </c>
      <c r="CP9" s="193">
        <v>0</v>
      </c>
      <c r="CQ9" s="191">
        <v>1</v>
      </c>
      <c r="CR9" s="191">
        <v>0</v>
      </c>
      <c r="CS9" s="191">
        <v>0</v>
      </c>
      <c r="CT9" s="191">
        <v>0</v>
      </c>
      <c r="CU9" s="191">
        <v>1</v>
      </c>
      <c r="CV9" s="196">
        <v>2</v>
      </c>
      <c r="CW9" s="195">
        <v>2</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4</v>
      </c>
      <c r="DU9" s="191">
        <v>89</v>
      </c>
      <c r="DV9" s="196">
        <v>123</v>
      </c>
      <c r="DW9" s="193">
        <v>0</v>
      </c>
      <c r="DX9" s="191">
        <v>94</v>
      </c>
      <c r="DY9" s="191">
        <v>212</v>
      </c>
      <c r="DZ9" s="191">
        <v>115</v>
      </c>
      <c r="EA9" s="191">
        <v>66</v>
      </c>
      <c r="EB9" s="191">
        <v>54</v>
      </c>
      <c r="EC9" s="196">
        <v>541</v>
      </c>
      <c r="ED9" s="195">
        <v>664</v>
      </c>
      <c r="EE9" s="190">
        <v>8</v>
      </c>
      <c r="EF9" s="191">
        <v>7</v>
      </c>
      <c r="EG9" s="196">
        <v>15</v>
      </c>
      <c r="EH9" s="193">
        <v>0</v>
      </c>
      <c r="EI9" s="191">
        <v>31</v>
      </c>
      <c r="EJ9" s="191">
        <v>33</v>
      </c>
      <c r="EK9" s="191">
        <v>32</v>
      </c>
      <c r="EL9" s="191">
        <v>33</v>
      </c>
      <c r="EM9" s="191">
        <v>15</v>
      </c>
      <c r="EN9" s="196">
        <v>144</v>
      </c>
      <c r="EO9" s="195">
        <v>159</v>
      </c>
      <c r="EP9" s="190">
        <v>42</v>
      </c>
      <c r="EQ9" s="191">
        <v>101</v>
      </c>
      <c r="ER9" s="196">
        <v>143</v>
      </c>
      <c r="ES9" s="193">
        <v>0</v>
      </c>
      <c r="ET9" s="191">
        <v>202</v>
      </c>
      <c r="EU9" s="191">
        <v>304</v>
      </c>
      <c r="EV9" s="191">
        <v>133</v>
      </c>
      <c r="EW9" s="191">
        <v>74</v>
      </c>
      <c r="EX9" s="191">
        <v>55</v>
      </c>
      <c r="EY9" s="196">
        <v>768</v>
      </c>
      <c r="EZ9" s="195">
        <v>911</v>
      </c>
    </row>
    <row r="10" spans="2:156" ht="21" customHeight="1" x14ac:dyDescent="0.2">
      <c r="B10" s="106" t="s">
        <v>7</v>
      </c>
      <c r="C10" s="190">
        <v>0</v>
      </c>
      <c r="D10" s="191">
        <v>0</v>
      </c>
      <c r="E10" s="192">
        <v>0</v>
      </c>
      <c r="F10" s="193">
        <v>0</v>
      </c>
      <c r="G10" s="191">
        <v>49</v>
      </c>
      <c r="H10" s="191">
        <v>38</v>
      </c>
      <c r="I10" s="191">
        <v>20</v>
      </c>
      <c r="J10" s="191">
        <v>25</v>
      </c>
      <c r="K10" s="191">
        <v>9</v>
      </c>
      <c r="L10" s="194">
        <v>141</v>
      </c>
      <c r="M10" s="195">
        <v>141</v>
      </c>
      <c r="N10" s="190">
        <v>0</v>
      </c>
      <c r="O10" s="191">
        <v>0</v>
      </c>
      <c r="P10" s="196">
        <v>0</v>
      </c>
      <c r="Q10" s="193">
        <v>0</v>
      </c>
      <c r="R10" s="191">
        <v>0</v>
      </c>
      <c r="S10" s="191">
        <v>0</v>
      </c>
      <c r="T10" s="191">
        <v>1</v>
      </c>
      <c r="U10" s="191">
        <v>5</v>
      </c>
      <c r="V10" s="191">
        <v>10</v>
      </c>
      <c r="W10" s="196">
        <v>16</v>
      </c>
      <c r="X10" s="195">
        <v>16</v>
      </c>
      <c r="Y10" s="190">
        <v>0</v>
      </c>
      <c r="Z10" s="191">
        <v>5</v>
      </c>
      <c r="AA10" s="196">
        <v>5</v>
      </c>
      <c r="AB10" s="193">
        <v>0</v>
      </c>
      <c r="AC10" s="191">
        <v>31</v>
      </c>
      <c r="AD10" s="191">
        <v>21</v>
      </c>
      <c r="AE10" s="191">
        <v>18</v>
      </c>
      <c r="AF10" s="191">
        <v>21</v>
      </c>
      <c r="AG10" s="191">
        <v>12</v>
      </c>
      <c r="AH10" s="196">
        <v>103</v>
      </c>
      <c r="AI10" s="195">
        <v>108</v>
      </c>
      <c r="AJ10" s="190">
        <v>1</v>
      </c>
      <c r="AK10" s="191">
        <v>0</v>
      </c>
      <c r="AL10" s="196">
        <v>1</v>
      </c>
      <c r="AM10" s="193">
        <v>0</v>
      </c>
      <c r="AN10" s="191">
        <v>2</v>
      </c>
      <c r="AO10" s="191">
        <v>4</v>
      </c>
      <c r="AP10" s="191">
        <v>1</v>
      </c>
      <c r="AQ10" s="191">
        <v>4</v>
      </c>
      <c r="AR10" s="191">
        <v>0</v>
      </c>
      <c r="AS10" s="196">
        <v>11</v>
      </c>
      <c r="AT10" s="195">
        <v>12</v>
      </c>
      <c r="AU10" s="190">
        <v>17</v>
      </c>
      <c r="AV10" s="191">
        <v>10</v>
      </c>
      <c r="AW10" s="196">
        <v>27</v>
      </c>
      <c r="AX10" s="193">
        <v>0</v>
      </c>
      <c r="AY10" s="191">
        <v>69</v>
      </c>
      <c r="AZ10" s="191">
        <v>57</v>
      </c>
      <c r="BA10" s="191">
        <v>38</v>
      </c>
      <c r="BB10" s="191">
        <v>56</v>
      </c>
      <c r="BC10" s="191">
        <v>33</v>
      </c>
      <c r="BD10" s="194">
        <v>253</v>
      </c>
      <c r="BE10" s="195">
        <v>280</v>
      </c>
      <c r="BF10" s="190">
        <v>0</v>
      </c>
      <c r="BG10" s="191">
        <v>0</v>
      </c>
      <c r="BH10" s="196">
        <v>0</v>
      </c>
      <c r="BI10" s="193">
        <v>0</v>
      </c>
      <c r="BJ10" s="191">
        <v>76</v>
      </c>
      <c r="BK10" s="191">
        <v>44</v>
      </c>
      <c r="BL10" s="191">
        <v>22</v>
      </c>
      <c r="BM10" s="191">
        <v>14</v>
      </c>
      <c r="BN10" s="191">
        <v>4</v>
      </c>
      <c r="BO10" s="196">
        <v>160</v>
      </c>
      <c r="BP10" s="195">
        <v>160</v>
      </c>
      <c r="BQ10" s="190">
        <v>2</v>
      </c>
      <c r="BR10" s="191">
        <v>2</v>
      </c>
      <c r="BS10" s="196">
        <v>4</v>
      </c>
      <c r="BT10" s="193">
        <v>0</v>
      </c>
      <c r="BU10" s="191">
        <v>17</v>
      </c>
      <c r="BV10" s="191">
        <v>13</v>
      </c>
      <c r="BW10" s="191">
        <v>7</v>
      </c>
      <c r="BX10" s="191">
        <v>5</v>
      </c>
      <c r="BY10" s="191">
        <v>1</v>
      </c>
      <c r="BZ10" s="196">
        <v>43</v>
      </c>
      <c r="CA10" s="195">
        <v>47</v>
      </c>
      <c r="CB10" s="190">
        <v>0</v>
      </c>
      <c r="CC10" s="191">
        <v>0</v>
      </c>
      <c r="CD10" s="196">
        <v>0</v>
      </c>
      <c r="CE10" s="193">
        <v>0</v>
      </c>
      <c r="CF10" s="191">
        <v>13</v>
      </c>
      <c r="CG10" s="191">
        <v>9</v>
      </c>
      <c r="CH10" s="191">
        <v>7</v>
      </c>
      <c r="CI10" s="191">
        <v>12</v>
      </c>
      <c r="CJ10" s="191">
        <v>3</v>
      </c>
      <c r="CK10" s="196">
        <v>44</v>
      </c>
      <c r="CL10" s="195">
        <v>44</v>
      </c>
      <c r="CM10" s="190">
        <v>0</v>
      </c>
      <c r="CN10" s="191">
        <v>0</v>
      </c>
      <c r="CO10" s="196">
        <v>0</v>
      </c>
      <c r="CP10" s="193">
        <v>0</v>
      </c>
      <c r="CQ10" s="191">
        <v>0</v>
      </c>
      <c r="CR10" s="191">
        <v>0</v>
      </c>
      <c r="CS10" s="191">
        <v>1</v>
      </c>
      <c r="CT10" s="191">
        <v>0</v>
      </c>
      <c r="CU10" s="191">
        <v>0</v>
      </c>
      <c r="CV10" s="196">
        <v>1</v>
      </c>
      <c r="CW10" s="195">
        <v>1</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18</v>
      </c>
      <c r="DU10" s="191">
        <v>24</v>
      </c>
      <c r="DV10" s="196">
        <v>42</v>
      </c>
      <c r="DW10" s="193">
        <v>0</v>
      </c>
      <c r="DX10" s="191">
        <v>87</v>
      </c>
      <c r="DY10" s="191">
        <v>91</v>
      </c>
      <c r="DZ10" s="191">
        <v>51</v>
      </c>
      <c r="EA10" s="191">
        <v>51</v>
      </c>
      <c r="EB10" s="191">
        <v>20</v>
      </c>
      <c r="EC10" s="196">
        <v>300</v>
      </c>
      <c r="ED10" s="195">
        <v>342</v>
      </c>
      <c r="EE10" s="190">
        <v>15</v>
      </c>
      <c r="EF10" s="191">
        <v>5</v>
      </c>
      <c r="EG10" s="196">
        <v>20</v>
      </c>
      <c r="EH10" s="193">
        <v>0</v>
      </c>
      <c r="EI10" s="191">
        <v>33</v>
      </c>
      <c r="EJ10" s="191">
        <v>26</v>
      </c>
      <c r="EK10" s="191">
        <v>14</v>
      </c>
      <c r="EL10" s="191">
        <v>19</v>
      </c>
      <c r="EM10" s="191">
        <v>13</v>
      </c>
      <c r="EN10" s="196">
        <v>105</v>
      </c>
      <c r="EO10" s="195">
        <v>125</v>
      </c>
      <c r="EP10" s="190">
        <v>21</v>
      </c>
      <c r="EQ10" s="191">
        <v>29</v>
      </c>
      <c r="ER10" s="196">
        <v>50</v>
      </c>
      <c r="ES10" s="193">
        <v>0</v>
      </c>
      <c r="ET10" s="191">
        <v>190</v>
      </c>
      <c r="EU10" s="191">
        <v>121</v>
      </c>
      <c r="EV10" s="191">
        <v>58</v>
      </c>
      <c r="EW10" s="191">
        <v>54</v>
      </c>
      <c r="EX10" s="191">
        <v>21</v>
      </c>
      <c r="EY10" s="196">
        <v>444</v>
      </c>
      <c r="EZ10" s="195">
        <v>494</v>
      </c>
    </row>
    <row r="11" spans="2:156" ht="21" customHeight="1" x14ac:dyDescent="0.2">
      <c r="B11" s="106" t="s">
        <v>8</v>
      </c>
      <c r="C11" s="190">
        <v>0</v>
      </c>
      <c r="D11" s="191">
        <v>0</v>
      </c>
      <c r="E11" s="192">
        <v>0</v>
      </c>
      <c r="F11" s="193">
        <v>0</v>
      </c>
      <c r="G11" s="191">
        <v>16</v>
      </c>
      <c r="H11" s="191">
        <v>24</v>
      </c>
      <c r="I11" s="191">
        <v>16</v>
      </c>
      <c r="J11" s="191">
        <v>11</v>
      </c>
      <c r="K11" s="191">
        <v>12</v>
      </c>
      <c r="L11" s="194">
        <v>79</v>
      </c>
      <c r="M11" s="195">
        <v>79</v>
      </c>
      <c r="N11" s="190">
        <v>0</v>
      </c>
      <c r="O11" s="191">
        <v>0</v>
      </c>
      <c r="P11" s="196">
        <v>0</v>
      </c>
      <c r="Q11" s="193">
        <v>0</v>
      </c>
      <c r="R11" s="191">
        <v>0</v>
      </c>
      <c r="S11" s="191">
        <v>0</v>
      </c>
      <c r="T11" s="191">
        <v>0</v>
      </c>
      <c r="U11" s="191">
        <v>2</v>
      </c>
      <c r="V11" s="191">
        <v>4</v>
      </c>
      <c r="W11" s="196">
        <v>6</v>
      </c>
      <c r="X11" s="195">
        <v>6</v>
      </c>
      <c r="Y11" s="190">
        <v>5</v>
      </c>
      <c r="Z11" s="191">
        <v>6</v>
      </c>
      <c r="AA11" s="196">
        <v>11</v>
      </c>
      <c r="AB11" s="193">
        <v>0</v>
      </c>
      <c r="AC11" s="191">
        <v>18</v>
      </c>
      <c r="AD11" s="191">
        <v>17</v>
      </c>
      <c r="AE11" s="191">
        <v>9</v>
      </c>
      <c r="AF11" s="191">
        <v>14</v>
      </c>
      <c r="AG11" s="191">
        <v>11</v>
      </c>
      <c r="AH11" s="196">
        <v>69</v>
      </c>
      <c r="AI11" s="195">
        <v>80</v>
      </c>
      <c r="AJ11" s="190">
        <v>0</v>
      </c>
      <c r="AK11" s="191">
        <v>2</v>
      </c>
      <c r="AL11" s="196">
        <v>2</v>
      </c>
      <c r="AM11" s="193">
        <v>0</v>
      </c>
      <c r="AN11" s="191">
        <v>5</v>
      </c>
      <c r="AO11" s="191">
        <v>5</v>
      </c>
      <c r="AP11" s="191">
        <v>2</v>
      </c>
      <c r="AQ11" s="191">
        <v>2</v>
      </c>
      <c r="AR11" s="191">
        <v>3</v>
      </c>
      <c r="AS11" s="196">
        <v>17</v>
      </c>
      <c r="AT11" s="195">
        <v>19</v>
      </c>
      <c r="AU11" s="190">
        <v>6</v>
      </c>
      <c r="AV11" s="191">
        <v>2</v>
      </c>
      <c r="AW11" s="196">
        <v>8</v>
      </c>
      <c r="AX11" s="193">
        <v>0</v>
      </c>
      <c r="AY11" s="191">
        <v>32</v>
      </c>
      <c r="AZ11" s="191">
        <v>25</v>
      </c>
      <c r="BA11" s="191">
        <v>24</v>
      </c>
      <c r="BB11" s="191">
        <v>26</v>
      </c>
      <c r="BC11" s="191">
        <v>20</v>
      </c>
      <c r="BD11" s="194">
        <v>127</v>
      </c>
      <c r="BE11" s="195">
        <v>135</v>
      </c>
      <c r="BF11" s="190">
        <v>0</v>
      </c>
      <c r="BG11" s="191">
        <v>0</v>
      </c>
      <c r="BH11" s="196">
        <v>0</v>
      </c>
      <c r="BI11" s="193">
        <v>0</v>
      </c>
      <c r="BJ11" s="191">
        <v>29</v>
      </c>
      <c r="BK11" s="191">
        <v>29</v>
      </c>
      <c r="BL11" s="191">
        <v>14</v>
      </c>
      <c r="BM11" s="191">
        <v>8</v>
      </c>
      <c r="BN11" s="191">
        <v>5</v>
      </c>
      <c r="BO11" s="196">
        <v>85</v>
      </c>
      <c r="BP11" s="195">
        <v>85</v>
      </c>
      <c r="BQ11" s="190">
        <v>4</v>
      </c>
      <c r="BR11" s="191">
        <v>4</v>
      </c>
      <c r="BS11" s="196">
        <v>8</v>
      </c>
      <c r="BT11" s="193">
        <v>0</v>
      </c>
      <c r="BU11" s="191">
        <v>17</v>
      </c>
      <c r="BV11" s="191">
        <v>8</v>
      </c>
      <c r="BW11" s="191">
        <v>10</v>
      </c>
      <c r="BX11" s="191">
        <v>5</v>
      </c>
      <c r="BY11" s="191">
        <v>3</v>
      </c>
      <c r="BZ11" s="196">
        <v>43</v>
      </c>
      <c r="CA11" s="195">
        <v>51</v>
      </c>
      <c r="CB11" s="190">
        <v>0</v>
      </c>
      <c r="CC11" s="191">
        <v>0</v>
      </c>
      <c r="CD11" s="196">
        <v>0</v>
      </c>
      <c r="CE11" s="193">
        <v>0</v>
      </c>
      <c r="CF11" s="191">
        <v>5</v>
      </c>
      <c r="CG11" s="191">
        <v>11</v>
      </c>
      <c r="CH11" s="191">
        <v>13</v>
      </c>
      <c r="CI11" s="191">
        <v>3</v>
      </c>
      <c r="CJ11" s="191">
        <v>3</v>
      </c>
      <c r="CK11" s="196">
        <v>35</v>
      </c>
      <c r="CL11" s="195">
        <v>35</v>
      </c>
      <c r="CM11" s="190">
        <v>0</v>
      </c>
      <c r="CN11" s="191">
        <v>0</v>
      </c>
      <c r="CO11" s="196">
        <v>0</v>
      </c>
      <c r="CP11" s="193">
        <v>0</v>
      </c>
      <c r="CQ11" s="191">
        <v>0</v>
      </c>
      <c r="CR11" s="191">
        <v>0</v>
      </c>
      <c r="CS11" s="191">
        <v>1</v>
      </c>
      <c r="CT11" s="191">
        <v>3</v>
      </c>
      <c r="CU11" s="191">
        <v>1</v>
      </c>
      <c r="CV11" s="196">
        <v>5</v>
      </c>
      <c r="CW11" s="195">
        <v>5</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19</v>
      </c>
      <c r="DU11" s="191">
        <v>20</v>
      </c>
      <c r="DV11" s="196">
        <v>39</v>
      </c>
      <c r="DW11" s="193">
        <v>0</v>
      </c>
      <c r="DX11" s="191">
        <v>54</v>
      </c>
      <c r="DY11" s="191">
        <v>63</v>
      </c>
      <c r="DZ11" s="191">
        <v>40</v>
      </c>
      <c r="EA11" s="191">
        <v>26</v>
      </c>
      <c r="EB11" s="191">
        <v>18</v>
      </c>
      <c r="EC11" s="196">
        <v>201</v>
      </c>
      <c r="ED11" s="195">
        <v>240</v>
      </c>
      <c r="EE11" s="190">
        <v>6</v>
      </c>
      <c r="EF11" s="191">
        <v>2</v>
      </c>
      <c r="EG11" s="196">
        <v>8</v>
      </c>
      <c r="EH11" s="193">
        <v>0</v>
      </c>
      <c r="EI11" s="191">
        <v>15</v>
      </c>
      <c r="EJ11" s="191">
        <v>12</v>
      </c>
      <c r="EK11" s="191">
        <v>6</v>
      </c>
      <c r="EL11" s="191">
        <v>11</v>
      </c>
      <c r="EM11" s="191">
        <v>4</v>
      </c>
      <c r="EN11" s="196">
        <v>48</v>
      </c>
      <c r="EO11" s="195">
        <v>56</v>
      </c>
      <c r="EP11" s="190">
        <v>27</v>
      </c>
      <c r="EQ11" s="191">
        <v>22</v>
      </c>
      <c r="ER11" s="196">
        <v>49</v>
      </c>
      <c r="ES11" s="193">
        <v>0</v>
      </c>
      <c r="ET11" s="191">
        <v>115</v>
      </c>
      <c r="EU11" s="191">
        <v>88</v>
      </c>
      <c r="EV11" s="191">
        <v>48</v>
      </c>
      <c r="EW11" s="191">
        <v>24</v>
      </c>
      <c r="EX11" s="191">
        <v>19</v>
      </c>
      <c r="EY11" s="196">
        <v>294</v>
      </c>
      <c r="EZ11" s="195">
        <v>343</v>
      </c>
    </row>
    <row r="12" spans="2:156" ht="21" customHeight="1" x14ac:dyDescent="0.2">
      <c r="B12" s="106" t="s">
        <v>9</v>
      </c>
      <c r="C12" s="190">
        <v>0</v>
      </c>
      <c r="D12" s="191">
        <v>0</v>
      </c>
      <c r="E12" s="192">
        <v>0</v>
      </c>
      <c r="F12" s="193">
        <v>0</v>
      </c>
      <c r="G12" s="191">
        <v>65</v>
      </c>
      <c r="H12" s="191">
        <v>53</v>
      </c>
      <c r="I12" s="191">
        <v>38</v>
      </c>
      <c r="J12" s="191">
        <v>39</v>
      </c>
      <c r="K12" s="191">
        <v>23</v>
      </c>
      <c r="L12" s="194">
        <v>218</v>
      </c>
      <c r="M12" s="195">
        <v>218</v>
      </c>
      <c r="N12" s="190">
        <v>0</v>
      </c>
      <c r="O12" s="191">
        <v>0</v>
      </c>
      <c r="P12" s="196">
        <v>0</v>
      </c>
      <c r="Q12" s="193">
        <v>0</v>
      </c>
      <c r="R12" s="191">
        <v>1</v>
      </c>
      <c r="S12" s="191">
        <v>0</v>
      </c>
      <c r="T12" s="191">
        <v>1</v>
      </c>
      <c r="U12" s="191">
        <v>5</v>
      </c>
      <c r="V12" s="191">
        <v>9</v>
      </c>
      <c r="W12" s="196">
        <v>16</v>
      </c>
      <c r="X12" s="195">
        <v>16</v>
      </c>
      <c r="Y12" s="190">
        <v>15</v>
      </c>
      <c r="Z12" s="191">
        <v>18</v>
      </c>
      <c r="AA12" s="196">
        <v>33</v>
      </c>
      <c r="AB12" s="193">
        <v>0</v>
      </c>
      <c r="AC12" s="191">
        <v>48</v>
      </c>
      <c r="AD12" s="191">
        <v>49</v>
      </c>
      <c r="AE12" s="191">
        <v>30</v>
      </c>
      <c r="AF12" s="191">
        <v>26</v>
      </c>
      <c r="AG12" s="191">
        <v>20</v>
      </c>
      <c r="AH12" s="196">
        <v>173</v>
      </c>
      <c r="AI12" s="195">
        <v>206</v>
      </c>
      <c r="AJ12" s="190">
        <v>1</v>
      </c>
      <c r="AK12" s="191">
        <v>2</v>
      </c>
      <c r="AL12" s="196">
        <v>3</v>
      </c>
      <c r="AM12" s="193">
        <v>0</v>
      </c>
      <c r="AN12" s="191">
        <v>2</v>
      </c>
      <c r="AO12" s="191">
        <v>9</v>
      </c>
      <c r="AP12" s="191">
        <v>6</v>
      </c>
      <c r="AQ12" s="191">
        <v>6</v>
      </c>
      <c r="AR12" s="191">
        <v>5</v>
      </c>
      <c r="AS12" s="196">
        <v>28</v>
      </c>
      <c r="AT12" s="195">
        <v>31</v>
      </c>
      <c r="AU12" s="190">
        <v>22</v>
      </c>
      <c r="AV12" s="191">
        <v>8</v>
      </c>
      <c r="AW12" s="196">
        <v>30</v>
      </c>
      <c r="AX12" s="193">
        <v>0</v>
      </c>
      <c r="AY12" s="191">
        <v>64</v>
      </c>
      <c r="AZ12" s="191">
        <v>83</v>
      </c>
      <c r="BA12" s="191">
        <v>70</v>
      </c>
      <c r="BB12" s="191">
        <v>69</v>
      </c>
      <c r="BC12" s="191">
        <v>41</v>
      </c>
      <c r="BD12" s="194">
        <v>327</v>
      </c>
      <c r="BE12" s="195">
        <v>357</v>
      </c>
      <c r="BF12" s="190">
        <v>0</v>
      </c>
      <c r="BG12" s="191">
        <v>0</v>
      </c>
      <c r="BH12" s="196">
        <v>0</v>
      </c>
      <c r="BI12" s="193">
        <v>0</v>
      </c>
      <c r="BJ12" s="191">
        <v>69</v>
      </c>
      <c r="BK12" s="191">
        <v>44</v>
      </c>
      <c r="BL12" s="191">
        <v>25</v>
      </c>
      <c r="BM12" s="191">
        <v>10</v>
      </c>
      <c r="BN12" s="191">
        <v>4</v>
      </c>
      <c r="BO12" s="196">
        <v>152</v>
      </c>
      <c r="BP12" s="195">
        <v>152</v>
      </c>
      <c r="BQ12" s="190">
        <v>8</v>
      </c>
      <c r="BR12" s="191">
        <v>12</v>
      </c>
      <c r="BS12" s="196">
        <v>20</v>
      </c>
      <c r="BT12" s="193">
        <v>0</v>
      </c>
      <c r="BU12" s="191">
        <v>22</v>
      </c>
      <c r="BV12" s="191">
        <v>17</v>
      </c>
      <c r="BW12" s="191">
        <v>11</v>
      </c>
      <c r="BX12" s="191">
        <v>8</v>
      </c>
      <c r="BY12" s="191">
        <v>4</v>
      </c>
      <c r="BZ12" s="196">
        <v>62</v>
      </c>
      <c r="CA12" s="195">
        <v>82</v>
      </c>
      <c r="CB12" s="190">
        <v>1</v>
      </c>
      <c r="CC12" s="191">
        <v>0</v>
      </c>
      <c r="CD12" s="196">
        <v>1</v>
      </c>
      <c r="CE12" s="193">
        <v>0</v>
      </c>
      <c r="CF12" s="191">
        <v>6</v>
      </c>
      <c r="CG12" s="191">
        <v>8</v>
      </c>
      <c r="CH12" s="191">
        <v>11</v>
      </c>
      <c r="CI12" s="191">
        <v>6</v>
      </c>
      <c r="CJ12" s="191">
        <v>4</v>
      </c>
      <c r="CK12" s="196">
        <v>35</v>
      </c>
      <c r="CL12" s="195">
        <v>36</v>
      </c>
      <c r="CM12" s="190">
        <v>0</v>
      </c>
      <c r="CN12" s="191">
        <v>0</v>
      </c>
      <c r="CO12" s="196">
        <v>0</v>
      </c>
      <c r="CP12" s="193">
        <v>0</v>
      </c>
      <c r="CQ12" s="191">
        <v>0</v>
      </c>
      <c r="CR12" s="191">
        <v>3</v>
      </c>
      <c r="CS12" s="191">
        <v>4</v>
      </c>
      <c r="CT12" s="191">
        <v>4</v>
      </c>
      <c r="CU12" s="191">
        <v>0</v>
      </c>
      <c r="CV12" s="196">
        <v>11</v>
      </c>
      <c r="CW12" s="195">
        <v>11</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31</v>
      </c>
      <c r="DU12" s="191">
        <v>42</v>
      </c>
      <c r="DV12" s="196">
        <v>73</v>
      </c>
      <c r="DW12" s="193">
        <v>0</v>
      </c>
      <c r="DX12" s="191">
        <v>92</v>
      </c>
      <c r="DY12" s="191">
        <v>111</v>
      </c>
      <c r="DZ12" s="191">
        <v>70</v>
      </c>
      <c r="EA12" s="191">
        <v>54</v>
      </c>
      <c r="EB12" s="191">
        <v>37</v>
      </c>
      <c r="EC12" s="196">
        <v>364</v>
      </c>
      <c r="ED12" s="195">
        <v>437</v>
      </c>
      <c r="EE12" s="190">
        <v>16</v>
      </c>
      <c r="EF12" s="191">
        <v>6</v>
      </c>
      <c r="EG12" s="196">
        <v>22</v>
      </c>
      <c r="EH12" s="193">
        <v>0</v>
      </c>
      <c r="EI12" s="191">
        <v>31</v>
      </c>
      <c r="EJ12" s="191">
        <v>34</v>
      </c>
      <c r="EK12" s="191">
        <v>27</v>
      </c>
      <c r="EL12" s="191">
        <v>24</v>
      </c>
      <c r="EM12" s="191">
        <v>13</v>
      </c>
      <c r="EN12" s="196">
        <v>129</v>
      </c>
      <c r="EO12" s="195">
        <v>151</v>
      </c>
      <c r="EP12" s="190">
        <v>50</v>
      </c>
      <c r="EQ12" s="191">
        <v>55</v>
      </c>
      <c r="ER12" s="196">
        <v>105</v>
      </c>
      <c r="ES12" s="193">
        <v>0</v>
      </c>
      <c r="ET12" s="191">
        <v>187</v>
      </c>
      <c r="EU12" s="191">
        <v>147</v>
      </c>
      <c r="EV12" s="191">
        <v>86</v>
      </c>
      <c r="EW12" s="191">
        <v>66</v>
      </c>
      <c r="EX12" s="191">
        <v>33</v>
      </c>
      <c r="EY12" s="196">
        <v>519</v>
      </c>
      <c r="EZ12" s="195">
        <v>624</v>
      </c>
    </row>
    <row r="13" spans="2:156" ht="21" customHeight="1" x14ac:dyDescent="0.2">
      <c r="B13" s="106" t="s">
        <v>10</v>
      </c>
      <c r="C13" s="190">
        <v>0</v>
      </c>
      <c r="D13" s="191">
        <v>0</v>
      </c>
      <c r="E13" s="192">
        <v>0</v>
      </c>
      <c r="F13" s="193">
        <v>0</v>
      </c>
      <c r="G13" s="191">
        <v>90</v>
      </c>
      <c r="H13" s="191">
        <v>61</v>
      </c>
      <c r="I13" s="191">
        <v>46</v>
      </c>
      <c r="J13" s="191">
        <v>27</v>
      </c>
      <c r="K13" s="191">
        <v>17</v>
      </c>
      <c r="L13" s="194">
        <v>241</v>
      </c>
      <c r="M13" s="195">
        <v>241</v>
      </c>
      <c r="N13" s="190">
        <v>0</v>
      </c>
      <c r="O13" s="191">
        <v>0</v>
      </c>
      <c r="P13" s="196">
        <v>0</v>
      </c>
      <c r="Q13" s="193">
        <v>0</v>
      </c>
      <c r="R13" s="191">
        <v>0</v>
      </c>
      <c r="S13" s="191">
        <v>3</v>
      </c>
      <c r="T13" s="191">
        <v>3</v>
      </c>
      <c r="U13" s="191">
        <v>5</v>
      </c>
      <c r="V13" s="191">
        <v>4</v>
      </c>
      <c r="W13" s="196">
        <v>15</v>
      </c>
      <c r="X13" s="195">
        <v>15</v>
      </c>
      <c r="Y13" s="190">
        <v>19</v>
      </c>
      <c r="Z13" s="191">
        <v>28</v>
      </c>
      <c r="AA13" s="196">
        <v>47</v>
      </c>
      <c r="AB13" s="193">
        <v>0</v>
      </c>
      <c r="AC13" s="191">
        <v>70</v>
      </c>
      <c r="AD13" s="191">
        <v>54</v>
      </c>
      <c r="AE13" s="191">
        <v>30</v>
      </c>
      <c r="AF13" s="191">
        <v>25</v>
      </c>
      <c r="AG13" s="191">
        <v>9</v>
      </c>
      <c r="AH13" s="196">
        <v>188</v>
      </c>
      <c r="AI13" s="195">
        <v>235</v>
      </c>
      <c r="AJ13" s="190">
        <v>1</v>
      </c>
      <c r="AK13" s="191">
        <v>3</v>
      </c>
      <c r="AL13" s="196">
        <v>4</v>
      </c>
      <c r="AM13" s="193">
        <v>0</v>
      </c>
      <c r="AN13" s="191">
        <v>9</v>
      </c>
      <c r="AO13" s="191">
        <v>9</v>
      </c>
      <c r="AP13" s="191">
        <v>4</v>
      </c>
      <c r="AQ13" s="191">
        <v>1</v>
      </c>
      <c r="AR13" s="191">
        <v>2</v>
      </c>
      <c r="AS13" s="196">
        <v>25</v>
      </c>
      <c r="AT13" s="195">
        <v>29</v>
      </c>
      <c r="AU13" s="190">
        <v>22</v>
      </c>
      <c r="AV13" s="191">
        <v>17</v>
      </c>
      <c r="AW13" s="196">
        <v>39</v>
      </c>
      <c r="AX13" s="193">
        <v>0</v>
      </c>
      <c r="AY13" s="191">
        <v>99</v>
      </c>
      <c r="AZ13" s="191">
        <v>101</v>
      </c>
      <c r="BA13" s="191">
        <v>94</v>
      </c>
      <c r="BB13" s="191">
        <v>70</v>
      </c>
      <c r="BC13" s="191">
        <v>66</v>
      </c>
      <c r="BD13" s="194">
        <v>430</v>
      </c>
      <c r="BE13" s="195">
        <v>469</v>
      </c>
      <c r="BF13" s="190">
        <v>0</v>
      </c>
      <c r="BG13" s="191">
        <v>0</v>
      </c>
      <c r="BH13" s="196">
        <v>0</v>
      </c>
      <c r="BI13" s="193">
        <v>0</v>
      </c>
      <c r="BJ13" s="191">
        <v>136</v>
      </c>
      <c r="BK13" s="191">
        <v>62</v>
      </c>
      <c r="BL13" s="191">
        <v>43</v>
      </c>
      <c r="BM13" s="191">
        <v>16</v>
      </c>
      <c r="BN13" s="191">
        <v>7</v>
      </c>
      <c r="BO13" s="196">
        <v>264</v>
      </c>
      <c r="BP13" s="195">
        <v>264</v>
      </c>
      <c r="BQ13" s="190">
        <v>5</v>
      </c>
      <c r="BR13" s="191">
        <v>3</v>
      </c>
      <c r="BS13" s="196">
        <v>8</v>
      </c>
      <c r="BT13" s="193">
        <v>0</v>
      </c>
      <c r="BU13" s="191">
        <v>20</v>
      </c>
      <c r="BV13" s="191">
        <v>17</v>
      </c>
      <c r="BW13" s="191">
        <v>10</v>
      </c>
      <c r="BX13" s="191">
        <v>2</v>
      </c>
      <c r="BY13" s="191">
        <v>2</v>
      </c>
      <c r="BZ13" s="196">
        <v>51</v>
      </c>
      <c r="CA13" s="195">
        <v>59</v>
      </c>
      <c r="CB13" s="190">
        <v>0</v>
      </c>
      <c r="CC13" s="191">
        <v>3</v>
      </c>
      <c r="CD13" s="196">
        <v>3</v>
      </c>
      <c r="CE13" s="193">
        <v>0</v>
      </c>
      <c r="CF13" s="191">
        <v>11</v>
      </c>
      <c r="CG13" s="191">
        <v>12</v>
      </c>
      <c r="CH13" s="191">
        <v>13</v>
      </c>
      <c r="CI13" s="191">
        <v>12</v>
      </c>
      <c r="CJ13" s="191">
        <v>2</v>
      </c>
      <c r="CK13" s="196">
        <v>50</v>
      </c>
      <c r="CL13" s="195">
        <v>53</v>
      </c>
      <c r="CM13" s="190">
        <v>0</v>
      </c>
      <c r="CN13" s="191">
        <v>0</v>
      </c>
      <c r="CO13" s="196">
        <v>0</v>
      </c>
      <c r="CP13" s="193">
        <v>0</v>
      </c>
      <c r="CQ13" s="191">
        <v>0</v>
      </c>
      <c r="CR13" s="191">
        <v>1</v>
      </c>
      <c r="CS13" s="191">
        <v>1</v>
      </c>
      <c r="CT13" s="191">
        <v>1</v>
      </c>
      <c r="CU13" s="191">
        <v>1</v>
      </c>
      <c r="CV13" s="196">
        <v>4</v>
      </c>
      <c r="CW13" s="195">
        <v>4</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54</v>
      </c>
      <c r="DU13" s="191">
        <v>100</v>
      </c>
      <c r="DV13" s="196">
        <v>154</v>
      </c>
      <c r="DW13" s="193">
        <v>0</v>
      </c>
      <c r="DX13" s="191">
        <v>130</v>
      </c>
      <c r="DY13" s="191">
        <v>128</v>
      </c>
      <c r="DZ13" s="191">
        <v>77</v>
      </c>
      <c r="EA13" s="191">
        <v>50</v>
      </c>
      <c r="EB13" s="191">
        <v>30</v>
      </c>
      <c r="EC13" s="196">
        <v>415</v>
      </c>
      <c r="ED13" s="195">
        <v>569</v>
      </c>
      <c r="EE13" s="190">
        <v>7</v>
      </c>
      <c r="EF13" s="191">
        <v>9</v>
      </c>
      <c r="EG13" s="196">
        <v>16</v>
      </c>
      <c r="EH13" s="193">
        <v>0</v>
      </c>
      <c r="EI13" s="191">
        <v>35</v>
      </c>
      <c r="EJ13" s="191">
        <v>27</v>
      </c>
      <c r="EK13" s="191">
        <v>30</v>
      </c>
      <c r="EL13" s="191">
        <v>27</v>
      </c>
      <c r="EM13" s="191">
        <v>28</v>
      </c>
      <c r="EN13" s="196">
        <v>147</v>
      </c>
      <c r="EO13" s="195">
        <v>163</v>
      </c>
      <c r="EP13" s="190">
        <v>73</v>
      </c>
      <c r="EQ13" s="191">
        <v>117</v>
      </c>
      <c r="ER13" s="196">
        <v>190</v>
      </c>
      <c r="ES13" s="193">
        <v>0</v>
      </c>
      <c r="ET13" s="191">
        <v>274</v>
      </c>
      <c r="EU13" s="191">
        <v>164</v>
      </c>
      <c r="EV13" s="191">
        <v>98</v>
      </c>
      <c r="EW13" s="191">
        <v>57</v>
      </c>
      <c r="EX13" s="191">
        <v>27</v>
      </c>
      <c r="EY13" s="196">
        <v>620</v>
      </c>
      <c r="EZ13" s="195">
        <v>810</v>
      </c>
    </row>
    <row r="14" spans="2:156" ht="21" customHeight="1" x14ac:dyDescent="0.2">
      <c r="B14" s="106" t="s">
        <v>11</v>
      </c>
      <c r="C14" s="190">
        <v>0</v>
      </c>
      <c r="D14" s="191">
        <v>0</v>
      </c>
      <c r="E14" s="192">
        <v>0</v>
      </c>
      <c r="F14" s="193">
        <v>0</v>
      </c>
      <c r="G14" s="191">
        <v>15</v>
      </c>
      <c r="H14" s="191">
        <v>10</v>
      </c>
      <c r="I14" s="191">
        <v>7</v>
      </c>
      <c r="J14" s="191">
        <v>7</v>
      </c>
      <c r="K14" s="191">
        <v>4</v>
      </c>
      <c r="L14" s="194">
        <v>43</v>
      </c>
      <c r="M14" s="195">
        <v>43</v>
      </c>
      <c r="N14" s="190">
        <v>0</v>
      </c>
      <c r="O14" s="191">
        <v>0</v>
      </c>
      <c r="P14" s="196">
        <v>0</v>
      </c>
      <c r="Q14" s="193">
        <v>0</v>
      </c>
      <c r="R14" s="191">
        <v>1</v>
      </c>
      <c r="S14" s="191">
        <v>0</v>
      </c>
      <c r="T14" s="191">
        <v>1</v>
      </c>
      <c r="U14" s="191">
        <v>3</v>
      </c>
      <c r="V14" s="191">
        <v>1</v>
      </c>
      <c r="W14" s="196">
        <v>6</v>
      </c>
      <c r="X14" s="195">
        <v>6</v>
      </c>
      <c r="Y14" s="190">
        <v>3</v>
      </c>
      <c r="Z14" s="191">
        <v>4</v>
      </c>
      <c r="AA14" s="196">
        <v>7</v>
      </c>
      <c r="AB14" s="193">
        <v>0</v>
      </c>
      <c r="AC14" s="191">
        <v>23</v>
      </c>
      <c r="AD14" s="191">
        <v>16</v>
      </c>
      <c r="AE14" s="191">
        <v>11</v>
      </c>
      <c r="AF14" s="191">
        <v>12</v>
      </c>
      <c r="AG14" s="191">
        <v>8</v>
      </c>
      <c r="AH14" s="196">
        <v>70</v>
      </c>
      <c r="AI14" s="195">
        <v>77</v>
      </c>
      <c r="AJ14" s="190">
        <v>0</v>
      </c>
      <c r="AK14" s="191">
        <v>1</v>
      </c>
      <c r="AL14" s="196">
        <v>1</v>
      </c>
      <c r="AM14" s="193">
        <v>0</v>
      </c>
      <c r="AN14" s="191">
        <v>2</v>
      </c>
      <c r="AO14" s="191">
        <v>3</v>
      </c>
      <c r="AP14" s="191">
        <v>1</v>
      </c>
      <c r="AQ14" s="191">
        <v>1</v>
      </c>
      <c r="AR14" s="191">
        <v>1</v>
      </c>
      <c r="AS14" s="196">
        <v>8</v>
      </c>
      <c r="AT14" s="195">
        <v>9</v>
      </c>
      <c r="AU14" s="190">
        <v>5</v>
      </c>
      <c r="AV14" s="191">
        <v>4</v>
      </c>
      <c r="AW14" s="196">
        <v>9</v>
      </c>
      <c r="AX14" s="193">
        <v>0</v>
      </c>
      <c r="AY14" s="191">
        <v>26</v>
      </c>
      <c r="AZ14" s="191">
        <v>28</v>
      </c>
      <c r="BA14" s="191">
        <v>19</v>
      </c>
      <c r="BB14" s="191">
        <v>21</v>
      </c>
      <c r="BC14" s="191">
        <v>12</v>
      </c>
      <c r="BD14" s="194">
        <v>106</v>
      </c>
      <c r="BE14" s="195">
        <v>115</v>
      </c>
      <c r="BF14" s="190">
        <v>0</v>
      </c>
      <c r="BG14" s="191">
        <v>0</v>
      </c>
      <c r="BH14" s="196">
        <v>0</v>
      </c>
      <c r="BI14" s="193">
        <v>0</v>
      </c>
      <c r="BJ14" s="191">
        <v>20</v>
      </c>
      <c r="BK14" s="191">
        <v>17</v>
      </c>
      <c r="BL14" s="191">
        <v>8</v>
      </c>
      <c r="BM14" s="191">
        <v>4</v>
      </c>
      <c r="BN14" s="191">
        <v>3</v>
      </c>
      <c r="BO14" s="196">
        <v>52</v>
      </c>
      <c r="BP14" s="195">
        <v>52</v>
      </c>
      <c r="BQ14" s="190">
        <v>1</v>
      </c>
      <c r="BR14" s="191">
        <v>5</v>
      </c>
      <c r="BS14" s="196">
        <v>6</v>
      </c>
      <c r="BT14" s="193">
        <v>0</v>
      </c>
      <c r="BU14" s="191">
        <v>12</v>
      </c>
      <c r="BV14" s="191">
        <v>7</v>
      </c>
      <c r="BW14" s="191">
        <v>9</v>
      </c>
      <c r="BX14" s="191">
        <v>1</v>
      </c>
      <c r="BY14" s="191">
        <v>1</v>
      </c>
      <c r="BZ14" s="196">
        <v>30</v>
      </c>
      <c r="CA14" s="195">
        <v>36</v>
      </c>
      <c r="CB14" s="190">
        <v>0</v>
      </c>
      <c r="CC14" s="191">
        <v>0</v>
      </c>
      <c r="CD14" s="196">
        <v>0</v>
      </c>
      <c r="CE14" s="193">
        <v>0</v>
      </c>
      <c r="CF14" s="191">
        <v>4</v>
      </c>
      <c r="CG14" s="191">
        <v>1</v>
      </c>
      <c r="CH14" s="191">
        <v>1</v>
      </c>
      <c r="CI14" s="191">
        <v>1</v>
      </c>
      <c r="CJ14" s="191">
        <v>2</v>
      </c>
      <c r="CK14" s="196">
        <v>9</v>
      </c>
      <c r="CL14" s="195">
        <v>9</v>
      </c>
      <c r="CM14" s="190">
        <v>0</v>
      </c>
      <c r="CN14" s="191">
        <v>0</v>
      </c>
      <c r="CO14" s="196">
        <v>0</v>
      </c>
      <c r="CP14" s="193">
        <v>0</v>
      </c>
      <c r="CQ14" s="191">
        <v>0</v>
      </c>
      <c r="CR14" s="191">
        <v>0</v>
      </c>
      <c r="CS14" s="191">
        <v>2</v>
      </c>
      <c r="CT14" s="191">
        <v>1</v>
      </c>
      <c r="CU14" s="191">
        <v>2</v>
      </c>
      <c r="CV14" s="196">
        <v>5</v>
      </c>
      <c r="CW14" s="195">
        <v>5</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19</v>
      </c>
      <c r="DU14" s="191">
        <v>21</v>
      </c>
      <c r="DV14" s="196">
        <v>40</v>
      </c>
      <c r="DW14" s="193">
        <v>0</v>
      </c>
      <c r="DX14" s="191">
        <v>44</v>
      </c>
      <c r="DY14" s="191">
        <v>44</v>
      </c>
      <c r="DZ14" s="191">
        <v>28</v>
      </c>
      <c r="EA14" s="191">
        <v>26</v>
      </c>
      <c r="EB14" s="191">
        <v>9</v>
      </c>
      <c r="EC14" s="196">
        <v>151</v>
      </c>
      <c r="ED14" s="195">
        <v>191</v>
      </c>
      <c r="EE14" s="190">
        <v>4</v>
      </c>
      <c r="EF14" s="191">
        <v>2</v>
      </c>
      <c r="EG14" s="196">
        <v>6</v>
      </c>
      <c r="EH14" s="193">
        <v>0</v>
      </c>
      <c r="EI14" s="191">
        <v>22</v>
      </c>
      <c r="EJ14" s="191">
        <v>12</v>
      </c>
      <c r="EK14" s="191">
        <v>8</v>
      </c>
      <c r="EL14" s="191">
        <v>11</v>
      </c>
      <c r="EM14" s="191">
        <v>7</v>
      </c>
      <c r="EN14" s="196">
        <v>60</v>
      </c>
      <c r="EO14" s="195">
        <v>66</v>
      </c>
      <c r="EP14" s="190">
        <v>24</v>
      </c>
      <c r="EQ14" s="191">
        <v>24</v>
      </c>
      <c r="ER14" s="196">
        <v>48</v>
      </c>
      <c r="ES14" s="193">
        <v>0</v>
      </c>
      <c r="ET14" s="191">
        <v>86</v>
      </c>
      <c r="EU14" s="191">
        <v>56</v>
      </c>
      <c r="EV14" s="191">
        <v>33</v>
      </c>
      <c r="EW14" s="191">
        <v>26</v>
      </c>
      <c r="EX14" s="191">
        <v>10</v>
      </c>
      <c r="EY14" s="196">
        <v>211</v>
      </c>
      <c r="EZ14" s="195">
        <v>259</v>
      </c>
    </row>
    <row r="15" spans="2:156" ht="21" customHeight="1" x14ac:dyDescent="0.2">
      <c r="B15" s="106" t="s">
        <v>12</v>
      </c>
      <c r="C15" s="190">
        <v>0</v>
      </c>
      <c r="D15" s="191">
        <v>0</v>
      </c>
      <c r="E15" s="192">
        <v>0</v>
      </c>
      <c r="F15" s="193">
        <v>0</v>
      </c>
      <c r="G15" s="191">
        <v>38</v>
      </c>
      <c r="H15" s="191">
        <v>40</v>
      </c>
      <c r="I15" s="191">
        <v>17</v>
      </c>
      <c r="J15" s="191">
        <v>16</v>
      </c>
      <c r="K15" s="191">
        <v>13</v>
      </c>
      <c r="L15" s="194">
        <v>124</v>
      </c>
      <c r="M15" s="195">
        <v>124</v>
      </c>
      <c r="N15" s="190">
        <v>0</v>
      </c>
      <c r="O15" s="191">
        <v>0</v>
      </c>
      <c r="P15" s="196">
        <v>0</v>
      </c>
      <c r="Q15" s="193">
        <v>0</v>
      </c>
      <c r="R15" s="191">
        <v>0</v>
      </c>
      <c r="S15" s="191">
        <v>1</v>
      </c>
      <c r="T15" s="191">
        <v>1</v>
      </c>
      <c r="U15" s="191">
        <v>3</v>
      </c>
      <c r="V15" s="191">
        <v>2</v>
      </c>
      <c r="W15" s="196">
        <v>7</v>
      </c>
      <c r="X15" s="195">
        <v>7</v>
      </c>
      <c r="Y15" s="190">
        <v>8</v>
      </c>
      <c r="Z15" s="191">
        <v>30</v>
      </c>
      <c r="AA15" s="196">
        <v>38</v>
      </c>
      <c r="AB15" s="193">
        <v>0</v>
      </c>
      <c r="AC15" s="191">
        <v>27</v>
      </c>
      <c r="AD15" s="191">
        <v>29</v>
      </c>
      <c r="AE15" s="191">
        <v>8</v>
      </c>
      <c r="AF15" s="191">
        <v>21</v>
      </c>
      <c r="AG15" s="191">
        <v>8</v>
      </c>
      <c r="AH15" s="196">
        <v>93</v>
      </c>
      <c r="AI15" s="195">
        <v>131</v>
      </c>
      <c r="AJ15" s="190">
        <v>1</v>
      </c>
      <c r="AK15" s="191">
        <v>3</v>
      </c>
      <c r="AL15" s="196">
        <v>4</v>
      </c>
      <c r="AM15" s="193">
        <v>0</v>
      </c>
      <c r="AN15" s="191">
        <v>1</v>
      </c>
      <c r="AO15" s="191">
        <v>1</v>
      </c>
      <c r="AP15" s="191">
        <v>0</v>
      </c>
      <c r="AQ15" s="191">
        <v>3</v>
      </c>
      <c r="AR15" s="191">
        <v>0</v>
      </c>
      <c r="AS15" s="196">
        <v>5</v>
      </c>
      <c r="AT15" s="195">
        <v>9</v>
      </c>
      <c r="AU15" s="190">
        <v>3</v>
      </c>
      <c r="AV15" s="191">
        <v>11</v>
      </c>
      <c r="AW15" s="196">
        <v>14</v>
      </c>
      <c r="AX15" s="193">
        <v>0</v>
      </c>
      <c r="AY15" s="191">
        <v>25</v>
      </c>
      <c r="AZ15" s="191">
        <v>38</v>
      </c>
      <c r="BA15" s="191">
        <v>20</v>
      </c>
      <c r="BB15" s="191">
        <v>34</v>
      </c>
      <c r="BC15" s="191">
        <v>17</v>
      </c>
      <c r="BD15" s="194">
        <v>134</v>
      </c>
      <c r="BE15" s="195">
        <v>148</v>
      </c>
      <c r="BF15" s="190">
        <v>0</v>
      </c>
      <c r="BG15" s="191">
        <v>0</v>
      </c>
      <c r="BH15" s="196">
        <v>0</v>
      </c>
      <c r="BI15" s="193">
        <v>0</v>
      </c>
      <c r="BJ15" s="191">
        <v>44</v>
      </c>
      <c r="BK15" s="191">
        <v>37</v>
      </c>
      <c r="BL15" s="191">
        <v>14</v>
      </c>
      <c r="BM15" s="191">
        <v>11</v>
      </c>
      <c r="BN15" s="191">
        <v>7</v>
      </c>
      <c r="BO15" s="196">
        <v>113</v>
      </c>
      <c r="BP15" s="195">
        <v>113</v>
      </c>
      <c r="BQ15" s="190">
        <v>10</v>
      </c>
      <c r="BR15" s="191">
        <v>9</v>
      </c>
      <c r="BS15" s="196">
        <v>19</v>
      </c>
      <c r="BT15" s="193">
        <v>0</v>
      </c>
      <c r="BU15" s="191">
        <v>11</v>
      </c>
      <c r="BV15" s="191">
        <v>9</v>
      </c>
      <c r="BW15" s="191">
        <v>8</v>
      </c>
      <c r="BX15" s="191">
        <v>7</v>
      </c>
      <c r="BY15" s="191">
        <v>1</v>
      </c>
      <c r="BZ15" s="196">
        <v>36</v>
      </c>
      <c r="CA15" s="195">
        <v>55</v>
      </c>
      <c r="CB15" s="190">
        <v>0</v>
      </c>
      <c r="CC15" s="191">
        <v>3</v>
      </c>
      <c r="CD15" s="196">
        <v>3</v>
      </c>
      <c r="CE15" s="193">
        <v>0</v>
      </c>
      <c r="CF15" s="191">
        <v>9</v>
      </c>
      <c r="CG15" s="191">
        <v>6</v>
      </c>
      <c r="CH15" s="191">
        <v>9</v>
      </c>
      <c r="CI15" s="191">
        <v>11</v>
      </c>
      <c r="CJ15" s="191">
        <v>2</v>
      </c>
      <c r="CK15" s="196">
        <v>37</v>
      </c>
      <c r="CL15" s="195">
        <v>40</v>
      </c>
      <c r="CM15" s="190">
        <v>0</v>
      </c>
      <c r="CN15" s="191">
        <v>0</v>
      </c>
      <c r="CO15" s="196">
        <v>0</v>
      </c>
      <c r="CP15" s="193">
        <v>0</v>
      </c>
      <c r="CQ15" s="191">
        <v>1</v>
      </c>
      <c r="CR15" s="191">
        <v>0</v>
      </c>
      <c r="CS15" s="191">
        <v>0</v>
      </c>
      <c r="CT15" s="191">
        <v>1</v>
      </c>
      <c r="CU15" s="191">
        <v>0</v>
      </c>
      <c r="CV15" s="196">
        <v>2</v>
      </c>
      <c r="CW15" s="195">
        <v>2</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7</v>
      </c>
      <c r="DU15" s="191">
        <v>71</v>
      </c>
      <c r="DV15" s="196">
        <v>98</v>
      </c>
      <c r="DW15" s="193">
        <v>0</v>
      </c>
      <c r="DX15" s="191">
        <v>40</v>
      </c>
      <c r="DY15" s="191">
        <v>70</v>
      </c>
      <c r="DZ15" s="191">
        <v>31</v>
      </c>
      <c r="EA15" s="191">
        <v>48</v>
      </c>
      <c r="EB15" s="191">
        <v>20</v>
      </c>
      <c r="EC15" s="196">
        <v>209</v>
      </c>
      <c r="ED15" s="195">
        <v>307</v>
      </c>
      <c r="EE15" s="190">
        <v>5</v>
      </c>
      <c r="EF15" s="191">
        <v>5</v>
      </c>
      <c r="EG15" s="196">
        <v>10</v>
      </c>
      <c r="EH15" s="193">
        <v>0</v>
      </c>
      <c r="EI15" s="191">
        <v>10</v>
      </c>
      <c r="EJ15" s="191">
        <v>17</v>
      </c>
      <c r="EK15" s="191">
        <v>12</v>
      </c>
      <c r="EL15" s="191">
        <v>11</v>
      </c>
      <c r="EM15" s="191">
        <v>8</v>
      </c>
      <c r="EN15" s="196">
        <v>58</v>
      </c>
      <c r="EO15" s="195">
        <v>68</v>
      </c>
      <c r="EP15" s="190">
        <v>40</v>
      </c>
      <c r="EQ15" s="191">
        <v>88</v>
      </c>
      <c r="ER15" s="196">
        <v>128</v>
      </c>
      <c r="ES15" s="193">
        <v>0</v>
      </c>
      <c r="ET15" s="191">
        <v>107</v>
      </c>
      <c r="EU15" s="191">
        <v>90</v>
      </c>
      <c r="EV15" s="191">
        <v>37</v>
      </c>
      <c r="EW15" s="191">
        <v>47</v>
      </c>
      <c r="EX15" s="191">
        <v>22</v>
      </c>
      <c r="EY15" s="196">
        <v>303</v>
      </c>
      <c r="EZ15" s="195">
        <v>431</v>
      </c>
    </row>
    <row r="16" spans="2:156" ht="21" customHeight="1" x14ac:dyDescent="0.2">
      <c r="B16" s="106" t="s">
        <v>13</v>
      </c>
      <c r="C16" s="190">
        <v>0</v>
      </c>
      <c r="D16" s="191">
        <v>0</v>
      </c>
      <c r="E16" s="192">
        <v>0</v>
      </c>
      <c r="F16" s="193">
        <v>0</v>
      </c>
      <c r="G16" s="191">
        <v>24</v>
      </c>
      <c r="H16" s="191">
        <v>24</v>
      </c>
      <c r="I16" s="191">
        <v>16</v>
      </c>
      <c r="J16" s="191">
        <v>7</v>
      </c>
      <c r="K16" s="191">
        <v>10</v>
      </c>
      <c r="L16" s="194">
        <v>81</v>
      </c>
      <c r="M16" s="195">
        <v>81</v>
      </c>
      <c r="N16" s="190">
        <v>0</v>
      </c>
      <c r="O16" s="191">
        <v>0</v>
      </c>
      <c r="P16" s="196">
        <v>0</v>
      </c>
      <c r="Q16" s="193">
        <v>0</v>
      </c>
      <c r="R16" s="191">
        <v>0</v>
      </c>
      <c r="S16" s="191">
        <v>1</v>
      </c>
      <c r="T16" s="191">
        <v>0</v>
      </c>
      <c r="U16" s="191">
        <v>1</v>
      </c>
      <c r="V16" s="191">
        <v>2</v>
      </c>
      <c r="W16" s="196">
        <v>4</v>
      </c>
      <c r="X16" s="195">
        <v>4</v>
      </c>
      <c r="Y16" s="190">
        <v>2</v>
      </c>
      <c r="Z16" s="191">
        <v>4</v>
      </c>
      <c r="AA16" s="196">
        <v>6</v>
      </c>
      <c r="AB16" s="193">
        <v>0</v>
      </c>
      <c r="AC16" s="191">
        <v>20</v>
      </c>
      <c r="AD16" s="191">
        <v>13</v>
      </c>
      <c r="AE16" s="191">
        <v>12</v>
      </c>
      <c r="AF16" s="191">
        <v>5</v>
      </c>
      <c r="AG16" s="191">
        <v>4</v>
      </c>
      <c r="AH16" s="196">
        <v>54</v>
      </c>
      <c r="AI16" s="195">
        <v>60</v>
      </c>
      <c r="AJ16" s="190">
        <v>1</v>
      </c>
      <c r="AK16" s="191">
        <v>0</v>
      </c>
      <c r="AL16" s="196">
        <v>1</v>
      </c>
      <c r="AM16" s="193">
        <v>0</v>
      </c>
      <c r="AN16" s="191">
        <v>1</v>
      </c>
      <c r="AO16" s="191">
        <v>3</v>
      </c>
      <c r="AP16" s="191">
        <v>1</v>
      </c>
      <c r="AQ16" s="191">
        <v>1</v>
      </c>
      <c r="AR16" s="191">
        <v>3</v>
      </c>
      <c r="AS16" s="196">
        <v>9</v>
      </c>
      <c r="AT16" s="195">
        <v>10</v>
      </c>
      <c r="AU16" s="190">
        <v>6</v>
      </c>
      <c r="AV16" s="191">
        <v>7</v>
      </c>
      <c r="AW16" s="196">
        <v>13</v>
      </c>
      <c r="AX16" s="193">
        <v>0</v>
      </c>
      <c r="AY16" s="191">
        <v>25</v>
      </c>
      <c r="AZ16" s="191">
        <v>34</v>
      </c>
      <c r="BA16" s="191">
        <v>16</v>
      </c>
      <c r="BB16" s="191">
        <v>18</v>
      </c>
      <c r="BC16" s="191">
        <v>21</v>
      </c>
      <c r="BD16" s="194">
        <v>114</v>
      </c>
      <c r="BE16" s="195">
        <v>127</v>
      </c>
      <c r="BF16" s="190">
        <v>0</v>
      </c>
      <c r="BG16" s="191">
        <v>0</v>
      </c>
      <c r="BH16" s="196">
        <v>0</v>
      </c>
      <c r="BI16" s="193">
        <v>0</v>
      </c>
      <c r="BJ16" s="191">
        <v>26</v>
      </c>
      <c r="BK16" s="191">
        <v>11</v>
      </c>
      <c r="BL16" s="191">
        <v>10</v>
      </c>
      <c r="BM16" s="191">
        <v>2</v>
      </c>
      <c r="BN16" s="191">
        <v>1</v>
      </c>
      <c r="BO16" s="196">
        <v>50</v>
      </c>
      <c r="BP16" s="195">
        <v>50</v>
      </c>
      <c r="BQ16" s="190">
        <v>0</v>
      </c>
      <c r="BR16" s="191">
        <v>0</v>
      </c>
      <c r="BS16" s="196">
        <v>0</v>
      </c>
      <c r="BT16" s="193">
        <v>0</v>
      </c>
      <c r="BU16" s="191">
        <v>3</v>
      </c>
      <c r="BV16" s="191">
        <v>4</v>
      </c>
      <c r="BW16" s="191">
        <v>2</v>
      </c>
      <c r="BX16" s="191">
        <v>4</v>
      </c>
      <c r="BY16" s="191">
        <v>1</v>
      </c>
      <c r="BZ16" s="196">
        <v>14</v>
      </c>
      <c r="CA16" s="195">
        <v>14</v>
      </c>
      <c r="CB16" s="190">
        <v>0</v>
      </c>
      <c r="CC16" s="191">
        <v>0</v>
      </c>
      <c r="CD16" s="196">
        <v>0</v>
      </c>
      <c r="CE16" s="193">
        <v>0</v>
      </c>
      <c r="CF16" s="191">
        <v>0</v>
      </c>
      <c r="CG16" s="191">
        <v>2</v>
      </c>
      <c r="CH16" s="191">
        <v>1</v>
      </c>
      <c r="CI16" s="191">
        <v>1</v>
      </c>
      <c r="CJ16" s="191">
        <v>1</v>
      </c>
      <c r="CK16" s="196">
        <v>5</v>
      </c>
      <c r="CL16" s="195">
        <v>5</v>
      </c>
      <c r="CM16" s="190">
        <v>0</v>
      </c>
      <c r="CN16" s="191">
        <v>0</v>
      </c>
      <c r="CO16" s="196">
        <v>0</v>
      </c>
      <c r="CP16" s="193">
        <v>0</v>
      </c>
      <c r="CQ16" s="191">
        <v>0</v>
      </c>
      <c r="CR16" s="191">
        <v>0</v>
      </c>
      <c r="CS16" s="191">
        <v>1</v>
      </c>
      <c r="CT16" s="191">
        <v>0</v>
      </c>
      <c r="CU16" s="191">
        <v>0</v>
      </c>
      <c r="CV16" s="196">
        <v>1</v>
      </c>
      <c r="CW16" s="195">
        <v>1</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6</v>
      </c>
      <c r="DU16" s="191">
        <v>15</v>
      </c>
      <c r="DV16" s="196">
        <v>21</v>
      </c>
      <c r="DW16" s="193">
        <v>0</v>
      </c>
      <c r="DX16" s="191">
        <v>24</v>
      </c>
      <c r="DY16" s="191">
        <v>42</v>
      </c>
      <c r="DZ16" s="191">
        <v>20</v>
      </c>
      <c r="EA16" s="191">
        <v>11</v>
      </c>
      <c r="EB16" s="191">
        <v>13</v>
      </c>
      <c r="EC16" s="196">
        <v>110</v>
      </c>
      <c r="ED16" s="195">
        <v>131</v>
      </c>
      <c r="EE16" s="190">
        <v>3</v>
      </c>
      <c r="EF16" s="191">
        <v>5</v>
      </c>
      <c r="EG16" s="196">
        <v>8</v>
      </c>
      <c r="EH16" s="193">
        <v>0</v>
      </c>
      <c r="EI16" s="191">
        <v>12</v>
      </c>
      <c r="EJ16" s="191">
        <v>7</v>
      </c>
      <c r="EK16" s="191">
        <v>8</v>
      </c>
      <c r="EL16" s="191">
        <v>11</v>
      </c>
      <c r="EM16" s="191">
        <v>6</v>
      </c>
      <c r="EN16" s="196">
        <v>44</v>
      </c>
      <c r="EO16" s="195">
        <v>52</v>
      </c>
      <c r="EP16" s="190">
        <v>8</v>
      </c>
      <c r="EQ16" s="191">
        <v>17</v>
      </c>
      <c r="ER16" s="196">
        <v>25</v>
      </c>
      <c r="ES16" s="193">
        <v>0</v>
      </c>
      <c r="ET16" s="191">
        <v>67</v>
      </c>
      <c r="EU16" s="191">
        <v>54</v>
      </c>
      <c r="EV16" s="191">
        <v>28</v>
      </c>
      <c r="EW16" s="191">
        <v>13</v>
      </c>
      <c r="EX16" s="191">
        <v>14</v>
      </c>
      <c r="EY16" s="196">
        <v>176</v>
      </c>
      <c r="EZ16" s="195">
        <v>201</v>
      </c>
    </row>
    <row r="17" spans="2:156" ht="21" customHeight="1" x14ac:dyDescent="0.2">
      <c r="B17" s="106" t="s">
        <v>15</v>
      </c>
      <c r="C17" s="190">
        <v>0</v>
      </c>
      <c r="D17" s="191">
        <v>0</v>
      </c>
      <c r="E17" s="192">
        <v>0</v>
      </c>
      <c r="F17" s="193">
        <v>0</v>
      </c>
      <c r="G17" s="191">
        <v>7</v>
      </c>
      <c r="H17" s="191">
        <v>6</v>
      </c>
      <c r="I17" s="191">
        <v>1</v>
      </c>
      <c r="J17" s="191">
        <v>3</v>
      </c>
      <c r="K17" s="191">
        <v>2</v>
      </c>
      <c r="L17" s="194">
        <v>19</v>
      </c>
      <c r="M17" s="195">
        <v>19</v>
      </c>
      <c r="N17" s="190">
        <v>0</v>
      </c>
      <c r="O17" s="191">
        <v>0</v>
      </c>
      <c r="P17" s="196">
        <v>0</v>
      </c>
      <c r="Q17" s="193">
        <v>0</v>
      </c>
      <c r="R17" s="191">
        <v>0</v>
      </c>
      <c r="S17" s="191">
        <v>0</v>
      </c>
      <c r="T17" s="191">
        <v>1</v>
      </c>
      <c r="U17" s="191">
        <v>1</v>
      </c>
      <c r="V17" s="191">
        <v>2</v>
      </c>
      <c r="W17" s="196">
        <v>4</v>
      </c>
      <c r="X17" s="195">
        <v>4</v>
      </c>
      <c r="Y17" s="190">
        <v>0</v>
      </c>
      <c r="Z17" s="191">
        <v>1</v>
      </c>
      <c r="AA17" s="196">
        <v>1</v>
      </c>
      <c r="AB17" s="193">
        <v>0</v>
      </c>
      <c r="AC17" s="191">
        <v>3</v>
      </c>
      <c r="AD17" s="191">
        <v>4</v>
      </c>
      <c r="AE17" s="191">
        <v>1</v>
      </c>
      <c r="AF17" s="191">
        <v>3</v>
      </c>
      <c r="AG17" s="191">
        <v>3</v>
      </c>
      <c r="AH17" s="196">
        <v>14</v>
      </c>
      <c r="AI17" s="195">
        <v>15</v>
      </c>
      <c r="AJ17" s="190">
        <v>0</v>
      </c>
      <c r="AK17" s="191">
        <v>0</v>
      </c>
      <c r="AL17" s="196">
        <v>0</v>
      </c>
      <c r="AM17" s="193">
        <v>0</v>
      </c>
      <c r="AN17" s="191">
        <v>0</v>
      </c>
      <c r="AO17" s="191">
        <v>1</v>
      </c>
      <c r="AP17" s="191">
        <v>0</v>
      </c>
      <c r="AQ17" s="191">
        <v>0</v>
      </c>
      <c r="AR17" s="191">
        <v>1</v>
      </c>
      <c r="AS17" s="196">
        <v>2</v>
      </c>
      <c r="AT17" s="195">
        <v>2</v>
      </c>
      <c r="AU17" s="190">
        <v>0</v>
      </c>
      <c r="AV17" s="191">
        <v>1</v>
      </c>
      <c r="AW17" s="196">
        <v>1</v>
      </c>
      <c r="AX17" s="193">
        <v>0</v>
      </c>
      <c r="AY17" s="191">
        <v>6</v>
      </c>
      <c r="AZ17" s="191">
        <v>6</v>
      </c>
      <c r="BA17" s="191">
        <v>2</v>
      </c>
      <c r="BB17" s="191">
        <v>5</v>
      </c>
      <c r="BC17" s="191">
        <v>4</v>
      </c>
      <c r="BD17" s="194">
        <v>23</v>
      </c>
      <c r="BE17" s="195">
        <v>24</v>
      </c>
      <c r="BF17" s="190">
        <v>0</v>
      </c>
      <c r="BG17" s="191">
        <v>0</v>
      </c>
      <c r="BH17" s="196">
        <v>0</v>
      </c>
      <c r="BI17" s="193">
        <v>0</v>
      </c>
      <c r="BJ17" s="191">
        <v>2</v>
      </c>
      <c r="BK17" s="191">
        <v>2</v>
      </c>
      <c r="BL17" s="191">
        <v>3</v>
      </c>
      <c r="BM17" s="191">
        <v>1</v>
      </c>
      <c r="BN17" s="191">
        <v>0</v>
      </c>
      <c r="BO17" s="196">
        <v>8</v>
      </c>
      <c r="BP17" s="195">
        <v>8</v>
      </c>
      <c r="BQ17" s="190">
        <v>0</v>
      </c>
      <c r="BR17" s="191">
        <v>0</v>
      </c>
      <c r="BS17" s="196">
        <v>0</v>
      </c>
      <c r="BT17" s="193">
        <v>0</v>
      </c>
      <c r="BU17" s="191">
        <v>1</v>
      </c>
      <c r="BV17" s="191">
        <v>3</v>
      </c>
      <c r="BW17" s="191">
        <v>1</v>
      </c>
      <c r="BX17" s="191">
        <v>1</v>
      </c>
      <c r="BY17" s="191">
        <v>1</v>
      </c>
      <c r="BZ17" s="196">
        <v>7</v>
      </c>
      <c r="CA17" s="195">
        <v>7</v>
      </c>
      <c r="CB17" s="190">
        <v>0</v>
      </c>
      <c r="CC17" s="191">
        <v>0</v>
      </c>
      <c r="CD17" s="196">
        <v>0</v>
      </c>
      <c r="CE17" s="193">
        <v>0</v>
      </c>
      <c r="CF17" s="191">
        <v>0</v>
      </c>
      <c r="CG17" s="191">
        <v>2</v>
      </c>
      <c r="CH17" s="191">
        <v>3</v>
      </c>
      <c r="CI17" s="191">
        <v>4</v>
      </c>
      <c r="CJ17" s="191">
        <v>1</v>
      </c>
      <c r="CK17" s="196">
        <v>10</v>
      </c>
      <c r="CL17" s="195">
        <v>1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1</v>
      </c>
      <c r="DU17" s="191">
        <v>4</v>
      </c>
      <c r="DV17" s="196">
        <v>5</v>
      </c>
      <c r="DW17" s="193">
        <v>0</v>
      </c>
      <c r="DX17" s="191">
        <v>6</v>
      </c>
      <c r="DY17" s="191">
        <v>11</v>
      </c>
      <c r="DZ17" s="191">
        <v>4</v>
      </c>
      <c r="EA17" s="191">
        <v>5</v>
      </c>
      <c r="EB17" s="191">
        <v>5</v>
      </c>
      <c r="EC17" s="196">
        <v>31</v>
      </c>
      <c r="ED17" s="195">
        <v>36</v>
      </c>
      <c r="EE17" s="190">
        <v>1</v>
      </c>
      <c r="EF17" s="191">
        <v>2</v>
      </c>
      <c r="EG17" s="196">
        <v>3</v>
      </c>
      <c r="EH17" s="193">
        <v>0</v>
      </c>
      <c r="EI17" s="191">
        <v>5</v>
      </c>
      <c r="EJ17" s="191">
        <v>2</v>
      </c>
      <c r="EK17" s="191">
        <v>2</v>
      </c>
      <c r="EL17" s="191">
        <v>3</v>
      </c>
      <c r="EM17" s="191">
        <v>3</v>
      </c>
      <c r="EN17" s="196">
        <v>15</v>
      </c>
      <c r="EO17" s="195">
        <v>18</v>
      </c>
      <c r="EP17" s="190">
        <v>1</v>
      </c>
      <c r="EQ17" s="191">
        <v>4</v>
      </c>
      <c r="ER17" s="196">
        <v>5</v>
      </c>
      <c r="ES17" s="193">
        <v>0</v>
      </c>
      <c r="ET17" s="191">
        <v>14</v>
      </c>
      <c r="EU17" s="191">
        <v>17</v>
      </c>
      <c r="EV17" s="191">
        <v>9</v>
      </c>
      <c r="EW17" s="191">
        <v>6</v>
      </c>
      <c r="EX17" s="191">
        <v>5</v>
      </c>
      <c r="EY17" s="196">
        <v>51</v>
      </c>
      <c r="EZ17" s="195">
        <v>56</v>
      </c>
    </row>
    <row r="18" spans="2:156" ht="21" customHeight="1" x14ac:dyDescent="0.2">
      <c r="B18" s="106" t="s">
        <v>16</v>
      </c>
      <c r="C18" s="190">
        <v>0</v>
      </c>
      <c r="D18" s="191">
        <v>0</v>
      </c>
      <c r="E18" s="192">
        <v>0</v>
      </c>
      <c r="F18" s="193">
        <v>0</v>
      </c>
      <c r="G18" s="191">
        <v>6</v>
      </c>
      <c r="H18" s="191">
        <v>23</v>
      </c>
      <c r="I18" s="191">
        <v>4</v>
      </c>
      <c r="J18" s="191">
        <v>4</v>
      </c>
      <c r="K18" s="191">
        <v>1</v>
      </c>
      <c r="L18" s="194">
        <v>38</v>
      </c>
      <c r="M18" s="195">
        <v>38</v>
      </c>
      <c r="N18" s="190">
        <v>0</v>
      </c>
      <c r="O18" s="191">
        <v>0</v>
      </c>
      <c r="P18" s="196">
        <v>0</v>
      </c>
      <c r="Q18" s="193">
        <v>0</v>
      </c>
      <c r="R18" s="191">
        <v>1</v>
      </c>
      <c r="S18" s="191">
        <v>0</v>
      </c>
      <c r="T18" s="191">
        <v>0</v>
      </c>
      <c r="U18" s="191">
        <v>1</v>
      </c>
      <c r="V18" s="191">
        <v>2</v>
      </c>
      <c r="W18" s="196">
        <v>4</v>
      </c>
      <c r="X18" s="195">
        <v>4</v>
      </c>
      <c r="Y18" s="190">
        <v>3</v>
      </c>
      <c r="Z18" s="191">
        <v>6</v>
      </c>
      <c r="AA18" s="196">
        <v>9</v>
      </c>
      <c r="AB18" s="193">
        <v>0</v>
      </c>
      <c r="AC18" s="191">
        <v>6</v>
      </c>
      <c r="AD18" s="191">
        <v>14</v>
      </c>
      <c r="AE18" s="191">
        <v>7</v>
      </c>
      <c r="AF18" s="191">
        <v>10</v>
      </c>
      <c r="AG18" s="191">
        <v>3</v>
      </c>
      <c r="AH18" s="196">
        <v>40</v>
      </c>
      <c r="AI18" s="195">
        <v>49</v>
      </c>
      <c r="AJ18" s="190">
        <v>2</v>
      </c>
      <c r="AK18" s="191">
        <v>0</v>
      </c>
      <c r="AL18" s="196">
        <v>2</v>
      </c>
      <c r="AM18" s="193">
        <v>0</v>
      </c>
      <c r="AN18" s="191">
        <v>0</v>
      </c>
      <c r="AO18" s="191">
        <v>1</v>
      </c>
      <c r="AP18" s="191">
        <v>1</v>
      </c>
      <c r="AQ18" s="191">
        <v>0</v>
      </c>
      <c r="AR18" s="191">
        <v>1</v>
      </c>
      <c r="AS18" s="196">
        <v>3</v>
      </c>
      <c r="AT18" s="195">
        <v>5</v>
      </c>
      <c r="AU18" s="190">
        <v>4</v>
      </c>
      <c r="AV18" s="191">
        <v>0</v>
      </c>
      <c r="AW18" s="196">
        <v>4</v>
      </c>
      <c r="AX18" s="193">
        <v>0</v>
      </c>
      <c r="AY18" s="191">
        <v>12</v>
      </c>
      <c r="AZ18" s="191">
        <v>19</v>
      </c>
      <c r="BA18" s="191">
        <v>16</v>
      </c>
      <c r="BB18" s="191">
        <v>11</v>
      </c>
      <c r="BC18" s="191">
        <v>7</v>
      </c>
      <c r="BD18" s="194">
        <v>65</v>
      </c>
      <c r="BE18" s="195">
        <v>69</v>
      </c>
      <c r="BF18" s="190">
        <v>0</v>
      </c>
      <c r="BG18" s="191">
        <v>0</v>
      </c>
      <c r="BH18" s="196">
        <v>0</v>
      </c>
      <c r="BI18" s="193">
        <v>0</v>
      </c>
      <c r="BJ18" s="191">
        <v>21</v>
      </c>
      <c r="BK18" s="191">
        <v>20</v>
      </c>
      <c r="BL18" s="191">
        <v>4</v>
      </c>
      <c r="BM18" s="191">
        <v>4</v>
      </c>
      <c r="BN18" s="191">
        <v>1</v>
      </c>
      <c r="BO18" s="196">
        <v>50</v>
      </c>
      <c r="BP18" s="195">
        <v>50</v>
      </c>
      <c r="BQ18" s="190">
        <v>3</v>
      </c>
      <c r="BR18" s="191">
        <v>5</v>
      </c>
      <c r="BS18" s="196">
        <v>8</v>
      </c>
      <c r="BT18" s="193">
        <v>0</v>
      </c>
      <c r="BU18" s="191">
        <v>7</v>
      </c>
      <c r="BV18" s="191">
        <v>16</v>
      </c>
      <c r="BW18" s="191">
        <v>6</v>
      </c>
      <c r="BX18" s="191">
        <v>2</v>
      </c>
      <c r="BY18" s="191">
        <v>1</v>
      </c>
      <c r="BZ18" s="196">
        <v>32</v>
      </c>
      <c r="CA18" s="195">
        <v>40</v>
      </c>
      <c r="CB18" s="190">
        <v>1</v>
      </c>
      <c r="CC18" s="191">
        <v>2</v>
      </c>
      <c r="CD18" s="196">
        <v>3</v>
      </c>
      <c r="CE18" s="193">
        <v>0</v>
      </c>
      <c r="CF18" s="191">
        <v>1</v>
      </c>
      <c r="CG18" s="191">
        <v>7</v>
      </c>
      <c r="CH18" s="191">
        <v>2</v>
      </c>
      <c r="CI18" s="191">
        <v>2</v>
      </c>
      <c r="CJ18" s="191">
        <v>0</v>
      </c>
      <c r="CK18" s="196">
        <v>12</v>
      </c>
      <c r="CL18" s="195">
        <v>15</v>
      </c>
      <c r="CM18" s="190">
        <v>0</v>
      </c>
      <c r="CN18" s="191">
        <v>0</v>
      </c>
      <c r="CO18" s="196">
        <v>0</v>
      </c>
      <c r="CP18" s="193">
        <v>0</v>
      </c>
      <c r="CQ18" s="191">
        <v>0</v>
      </c>
      <c r="CR18" s="191">
        <v>2</v>
      </c>
      <c r="CS18" s="191">
        <v>0</v>
      </c>
      <c r="CT18" s="191">
        <v>0</v>
      </c>
      <c r="CU18" s="191">
        <v>0</v>
      </c>
      <c r="CV18" s="196">
        <v>2</v>
      </c>
      <c r="CW18" s="195">
        <v>2</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8</v>
      </c>
      <c r="DU18" s="191">
        <v>20</v>
      </c>
      <c r="DV18" s="196">
        <v>28</v>
      </c>
      <c r="DW18" s="193">
        <v>0</v>
      </c>
      <c r="DX18" s="191">
        <v>14</v>
      </c>
      <c r="DY18" s="191">
        <v>44</v>
      </c>
      <c r="DZ18" s="191">
        <v>20</v>
      </c>
      <c r="EA18" s="191">
        <v>13</v>
      </c>
      <c r="EB18" s="191">
        <v>7</v>
      </c>
      <c r="EC18" s="196">
        <v>98</v>
      </c>
      <c r="ED18" s="195">
        <v>126</v>
      </c>
      <c r="EE18" s="190">
        <v>4</v>
      </c>
      <c r="EF18" s="191">
        <v>0</v>
      </c>
      <c r="EG18" s="196">
        <v>4</v>
      </c>
      <c r="EH18" s="193">
        <v>0</v>
      </c>
      <c r="EI18" s="191">
        <v>7</v>
      </c>
      <c r="EJ18" s="191">
        <v>6</v>
      </c>
      <c r="EK18" s="191">
        <v>10</v>
      </c>
      <c r="EL18" s="191">
        <v>9</v>
      </c>
      <c r="EM18" s="191">
        <v>5</v>
      </c>
      <c r="EN18" s="196">
        <v>37</v>
      </c>
      <c r="EO18" s="195">
        <v>41</v>
      </c>
      <c r="EP18" s="190">
        <v>15</v>
      </c>
      <c r="EQ18" s="191">
        <v>26</v>
      </c>
      <c r="ER18" s="196">
        <v>41</v>
      </c>
      <c r="ES18" s="193">
        <v>0</v>
      </c>
      <c r="ET18" s="191">
        <v>41</v>
      </c>
      <c r="EU18" s="191">
        <v>69</v>
      </c>
      <c r="EV18" s="191">
        <v>24</v>
      </c>
      <c r="EW18" s="191">
        <v>15</v>
      </c>
      <c r="EX18" s="191">
        <v>5</v>
      </c>
      <c r="EY18" s="196">
        <v>154</v>
      </c>
      <c r="EZ18" s="195">
        <v>195</v>
      </c>
    </row>
    <row r="19" spans="2:156" ht="21" customHeight="1" x14ac:dyDescent="0.2">
      <c r="B19" s="106" t="s">
        <v>17</v>
      </c>
      <c r="C19" s="190">
        <v>0</v>
      </c>
      <c r="D19" s="191">
        <v>0</v>
      </c>
      <c r="E19" s="192">
        <v>0</v>
      </c>
      <c r="F19" s="193">
        <v>0</v>
      </c>
      <c r="G19" s="191">
        <v>11</v>
      </c>
      <c r="H19" s="191">
        <v>23</v>
      </c>
      <c r="I19" s="191">
        <v>16</v>
      </c>
      <c r="J19" s="191">
        <v>11</v>
      </c>
      <c r="K19" s="191">
        <v>5</v>
      </c>
      <c r="L19" s="194">
        <v>66</v>
      </c>
      <c r="M19" s="195">
        <v>66</v>
      </c>
      <c r="N19" s="190">
        <v>0</v>
      </c>
      <c r="O19" s="191">
        <v>0</v>
      </c>
      <c r="P19" s="196">
        <v>0</v>
      </c>
      <c r="Q19" s="193">
        <v>0</v>
      </c>
      <c r="R19" s="191">
        <v>0</v>
      </c>
      <c r="S19" s="191">
        <v>0</v>
      </c>
      <c r="T19" s="191">
        <v>2</v>
      </c>
      <c r="U19" s="191">
        <v>3</v>
      </c>
      <c r="V19" s="191">
        <v>1</v>
      </c>
      <c r="W19" s="196">
        <v>6</v>
      </c>
      <c r="X19" s="195">
        <v>6</v>
      </c>
      <c r="Y19" s="190">
        <v>4</v>
      </c>
      <c r="Z19" s="191">
        <v>6</v>
      </c>
      <c r="AA19" s="196">
        <v>10</v>
      </c>
      <c r="AB19" s="193">
        <v>0</v>
      </c>
      <c r="AC19" s="191">
        <v>10</v>
      </c>
      <c r="AD19" s="191">
        <v>25</v>
      </c>
      <c r="AE19" s="191">
        <v>15</v>
      </c>
      <c r="AF19" s="191">
        <v>14</v>
      </c>
      <c r="AG19" s="191">
        <v>4</v>
      </c>
      <c r="AH19" s="196">
        <v>68</v>
      </c>
      <c r="AI19" s="195">
        <v>78</v>
      </c>
      <c r="AJ19" s="190">
        <v>1</v>
      </c>
      <c r="AK19" s="191">
        <v>0</v>
      </c>
      <c r="AL19" s="196">
        <v>1</v>
      </c>
      <c r="AM19" s="193">
        <v>0</v>
      </c>
      <c r="AN19" s="191">
        <v>1</v>
      </c>
      <c r="AO19" s="191">
        <v>4</v>
      </c>
      <c r="AP19" s="191">
        <v>4</v>
      </c>
      <c r="AQ19" s="191">
        <v>4</v>
      </c>
      <c r="AR19" s="191">
        <v>0</v>
      </c>
      <c r="AS19" s="196">
        <v>13</v>
      </c>
      <c r="AT19" s="195">
        <v>14</v>
      </c>
      <c r="AU19" s="190">
        <v>5</v>
      </c>
      <c r="AV19" s="191">
        <v>6</v>
      </c>
      <c r="AW19" s="196">
        <v>11</v>
      </c>
      <c r="AX19" s="193">
        <v>0</v>
      </c>
      <c r="AY19" s="191">
        <v>18</v>
      </c>
      <c r="AZ19" s="191">
        <v>27</v>
      </c>
      <c r="BA19" s="191">
        <v>29</v>
      </c>
      <c r="BB19" s="191">
        <v>24</v>
      </c>
      <c r="BC19" s="191">
        <v>13</v>
      </c>
      <c r="BD19" s="194">
        <v>111</v>
      </c>
      <c r="BE19" s="195">
        <v>122</v>
      </c>
      <c r="BF19" s="190">
        <v>0</v>
      </c>
      <c r="BG19" s="191">
        <v>0</v>
      </c>
      <c r="BH19" s="196">
        <v>0</v>
      </c>
      <c r="BI19" s="193">
        <v>0</v>
      </c>
      <c r="BJ19" s="191">
        <v>15</v>
      </c>
      <c r="BK19" s="191">
        <v>29</v>
      </c>
      <c r="BL19" s="191">
        <v>12</v>
      </c>
      <c r="BM19" s="191">
        <v>11</v>
      </c>
      <c r="BN19" s="191">
        <v>3</v>
      </c>
      <c r="BO19" s="196">
        <v>70</v>
      </c>
      <c r="BP19" s="195">
        <v>70</v>
      </c>
      <c r="BQ19" s="190">
        <v>4</v>
      </c>
      <c r="BR19" s="191">
        <v>5</v>
      </c>
      <c r="BS19" s="196">
        <v>9</v>
      </c>
      <c r="BT19" s="193">
        <v>0</v>
      </c>
      <c r="BU19" s="191">
        <v>6</v>
      </c>
      <c r="BV19" s="191">
        <v>12</v>
      </c>
      <c r="BW19" s="191">
        <v>7</v>
      </c>
      <c r="BX19" s="191">
        <v>4</v>
      </c>
      <c r="BY19" s="191">
        <v>2</v>
      </c>
      <c r="BZ19" s="196">
        <v>31</v>
      </c>
      <c r="CA19" s="195">
        <v>40</v>
      </c>
      <c r="CB19" s="190">
        <v>0</v>
      </c>
      <c r="CC19" s="191">
        <v>1</v>
      </c>
      <c r="CD19" s="196">
        <v>1</v>
      </c>
      <c r="CE19" s="193">
        <v>0</v>
      </c>
      <c r="CF19" s="191">
        <v>2</v>
      </c>
      <c r="CG19" s="191">
        <v>5</v>
      </c>
      <c r="CH19" s="191">
        <v>6</v>
      </c>
      <c r="CI19" s="191">
        <v>3</v>
      </c>
      <c r="CJ19" s="191">
        <v>1</v>
      </c>
      <c r="CK19" s="196">
        <v>17</v>
      </c>
      <c r="CL19" s="195">
        <v>18</v>
      </c>
      <c r="CM19" s="190">
        <v>0</v>
      </c>
      <c r="CN19" s="191">
        <v>0</v>
      </c>
      <c r="CO19" s="196">
        <v>0</v>
      </c>
      <c r="CP19" s="193">
        <v>0</v>
      </c>
      <c r="CQ19" s="191">
        <v>1</v>
      </c>
      <c r="CR19" s="191">
        <v>1</v>
      </c>
      <c r="CS19" s="191">
        <v>0</v>
      </c>
      <c r="CT19" s="191">
        <v>1</v>
      </c>
      <c r="CU19" s="191">
        <v>0</v>
      </c>
      <c r="CV19" s="196">
        <v>3</v>
      </c>
      <c r="CW19" s="195">
        <v>3</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0</v>
      </c>
      <c r="DU19" s="191">
        <v>28</v>
      </c>
      <c r="DV19" s="196">
        <v>38</v>
      </c>
      <c r="DW19" s="193">
        <v>0</v>
      </c>
      <c r="DX19" s="191">
        <v>26</v>
      </c>
      <c r="DY19" s="191">
        <v>62</v>
      </c>
      <c r="DZ19" s="191">
        <v>54</v>
      </c>
      <c r="EA19" s="191">
        <v>30</v>
      </c>
      <c r="EB19" s="191">
        <v>10</v>
      </c>
      <c r="EC19" s="196">
        <v>182</v>
      </c>
      <c r="ED19" s="195">
        <v>220</v>
      </c>
      <c r="EE19" s="190">
        <v>3</v>
      </c>
      <c r="EF19" s="191">
        <v>6</v>
      </c>
      <c r="EG19" s="196">
        <v>9</v>
      </c>
      <c r="EH19" s="193">
        <v>0</v>
      </c>
      <c r="EI19" s="191">
        <v>14</v>
      </c>
      <c r="EJ19" s="191">
        <v>11</v>
      </c>
      <c r="EK19" s="191">
        <v>8</v>
      </c>
      <c r="EL19" s="191">
        <v>10</v>
      </c>
      <c r="EM19" s="191">
        <v>7</v>
      </c>
      <c r="EN19" s="196">
        <v>50</v>
      </c>
      <c r="EO19" s="195">
        <v>59</v>
      </c>
      <c r="EP19" s="190">
        <v>18</v>
      </c>
      <c r="EQ19" s="191">
        <v>35</v>
      </c>
      <c r="ER19" s="196">
        <v>53</v>
      </c>
      <c r="ES19" s="193">
        <v>0</v>
      </c>
      <c r="ET19" s="191">
        <v>59</v>
      </c>
      <c r="EU19" s="191">
        <v>94</v>
      </c>
      <c r="EV19" s="191">
        <v>62</v>
      </c>
      <c r="EW19" s="191">
        <v>30</v>
      </c>
      <c r="EX19" s="191">
        <v>11</v>
      </c>
      <c r="EY19" s="196">
        <v>256</v>
      </c>
      <c r="EZ19" s="195">
        <v>309</v>
      </c>
    </row>
    <row r="20" spans="2:156" ht="21" customHeight="1" x14ac:dyDescent="0.2">
      <c r="B20" s="106" t="s">
        <v>18</v>
      </c>
      <c r="C20" s="190">
        <v>0</v>
      </c>
      <c r="D20" s="191">
        <v>0</v>
      </c>
      <c r="E20" s="192">
        <v>0</v>
      </c>
      <c r="F20" s="193">
        <v>0</v>
      </c>
      <c r="G20" s="191">
        <v>31</v>
      </c>
      <c r="H20" s="191">
        <v>24</v>
      </c>
      <c r="I20" s="191">
        <v>24</v>
      </c>
      <c r="J20" s="191">
        <v>12</v>
      </c>
      <c r="K20" s="191">
        <v>10</v>
      </c>
      <c r="L20" s="194">
        <v>101</v>
      </c>
      <c r="M20" s="195">
        <v>101</v>
      </c>
      <c r="N20" s="190">
        <v>0</v>
      </c>
      <c r="O20" s="191">
        <v>0</v>
      </c>
      <c r="P20" s="196">
        <v>0</v>
      </c>
      <c r="Q20" s="193">
        <v>0</v>
      </c>
      <c r="R20" s="191">
        <v>0</v>
      </c>
      <c r="S20" s="191">
        <v>0</v>
      </c>
      <c r="T20" s="191">
        <v>2</v>
      </c>
      <c r="U20" s="191">
        <v>5</v>
      </c>
      <c r="V20" s="191">
        <v>3</v>
      </c>
      <c r="W20" s="196">
        <v>10</v>
      </c>
      <c r="X20" s="195">
        <v>10</v>
      </c>
      <c r="Y20" s="190">
        <v>7</v>
      </c>
      <c r="Z20" s="191">
        <v>4</v>
      </c>
      <c r="AA20" s="196">
        <v>11</v>
      </c>
      <c r="AB20" s="193">
        <v>0</v>
      </c>
      <c r="AC20" s="191">
        <v>25</v>
      </c>
      <c r="AD20" s="191">
        <v>29</v>
      </c>
      <c r="AE20" s="191">
        <v>23</v>
      </c>
      <c r="AF20" s="191">
        <v>19</v>
      </c>
      <c r="AG20" s="191">
        <v>6</v>
      </c>
      <c r="AH20" s="196">
        <v>102</v>
      </c>
      <c r="AI20" s="195">
        <v>113</v>
      </c>
      <c r="AJ20" s="190">
        <v>2</v>
      </c>
      <c r="AK20" s="191">
        <v>1</v>
      </c>
      <c r="AL20" s="196">
        <v>3</v>
      </c>
      <c r="AM20" s="193">
        <v>0</v>
      </c>
      <c r="AN20" s="191">
        <v>2</v>
      </c>
      <c r="AO20" s="191">
        <v>3</v>
      </c>
      <c r="AP20" s="191">
        <v>4</v>
      </c>
      <c r="AQ20" s="191">
        <v>1</v>
      </c>
      <c r="AR20" s="191">
        <v>1</v>
      </c>
      <c r="AS20" s="196">
        <v>11</v>
      </c>
      <c r="AT20" s="195">
        <v>14</v>
      </c>
      <c r="AU20" s="190">
        <v>4</v>
      </c>
      <c r="AV20" s="191">
        <v>6</v>
      </c>
      <c r="AW20" s="196">
        <v>10</v>
      </c>
      <c r="AX20" s="193">
        <v>0</v>
      </c>
      <c r="AY20" s="191">
        <v>33</v>
      </c>
      <c r="AZ20" s="191">
        <v>39</v>
      </c>
      <c r="BA20" s="191">
        <v>42</v>
      </c>
      <c r="BB20" s="191">
        <v>39</v>
      </c>
      <c r="BC20" s="191">
        <v>32</v>
      </c>
      <c r="BD20" s="194">
        <v>185</v>
      </c>
      <c r="BE20" s="195">
        <v>195</v>
      </c>
      <c r="BF20" s="190">
        <v>0</v>
      </c>
      <c r="BG20" s="191">
        <v>0</v>
      </c>
      <c r="BH20" s="196">
        <v>0</v>
      </c>
      <c r="BI20" s="193">
        <v>0</v>
      </c>
      <c r="BJ20" s="191">
        <v>35</v>
      </c>
      <c r="BK20" s="191">
        <v>44</v>
      </c>
      <c r="BL20" s="191">
        <v>22</v>
      </c>
      <c r="BM20" s="191">
        <v>11</v>
      </c>
      <c r="BN20" s="191">
        <v>7</v>
      </c>
      <c r="BO20" s="196">
        <v>119</v>
      </c>
      <c r="BP20" s="195">
        <v>119</v>
      </c>
      <c r="BQ20" s="190">
        <v>5</v>
      </c>
      <c r="BR20" s="191">
        <v>7</v>
      </c>
      <c r="BS20" s="196">
        <v>12</v>
      </c>
      <c r="BT20" s="193">
        <v>0</v>
      </c>
      <c r="BU20" s="191">
        <v>10</v>
      </c>
      <c r="BV20" s="191">
        <v>14</v>
      </c>
      <c r="BW20" s="191">
        <v>6</v>
      </c>
      <c r="BX20" s="191">
        <v>5</v>
      </c>
      <c r="BY20" s="191">
        <v>2</v>
      </c>
      <c r="BZ20" s="196">
        <v>37</v>
      </c>
      <c r="CA20" s="195">
        <v>49</v>
      </c>
      <c r="CB20" s="190">
        <v>0</v>
      </c>
      <c r="CC20" s="191">
        <v>0</v>
      </c>
      <c r="CD20" s="196">
        <v>0</v>
      </c>
      <c r="CE20" s="193">
        <v>0</v>
      </c>
      <c r="CF20" s="191">
        <v>3</v>
      </c>
      <c r="CG20" s="191">
        <v>9</v>
      </c>
      <c r="CH20" s="191">
        <v>10</v>
      </c>
      <c r="CI20" s="191">
        <v>7</v>
      </c>
      <c r="CJ20" s="191">
        <v>5</v>
      </c>
      <c r="CK20" s="196">
        <v>34</v>
      </c>
      <c r="CL20" s="195">
        <v>34</v>
      </c>
      <c r="CM20" s="190">
        <v>0</v>
      </c>
      <c r="CN20" s="191">
        <v>0</v>
      </c>
      <c r="CO20" s="196">
        <v>0</v>
      </c>
      <c r="CP20" s="193">
        <v>0</v>
      </c>
      <c r="CQ20" s="191">
        <v>0</v>
      </c>
      <c r="CR20" s="191">
        <v>3</v>
      </c>
      <c r="CS20" s="191">
        <v>1</v>
      </c>
      <c r="CT20" s="191">
        <v>0</v>
      </c>
      <c r="CU20" s="191">
        <v>0</v>
      </c>
      <c r="CV20" s="196">
        <v>4</v>
      </c>
      <c r="CW20" s="195">
        <v>4</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2</v>
      </c>
      <c r="DU20" s="191">
        <v>27</v>
      </c>
      <c r="DV20" s="196">
        <v>39</v>
      </c>
      <c r="DW20" s="193">
        <v>0</v>
      </c>
      <c r="DX20" s="191">
        <v>49</v>
      </c>
      <c r="DY20" s="191">
        <v>70</v>
      </c>
      <c r="DZ20" s="191">
        <v>52</v>
      </c>
      <c r="EA20" s="191">
        <v>35</v>
      </c>
      <c r="EB20" s="191">
        <v>22</v>
      </c>
      <c r="EC20" s="196">
        <v>228</v>
      </c>
      <c r="ED20" s="195">
        <v>267</v>
      </c>
      <c r="EE20" s="190">
        <v>2</v>
      </c>
      <c r="EF20" s="191">
        <v>2</v>
      </c>
      <c r="EG20" s="196">
        <v>4</v>
      </c>
      <c r="EH20" s="193">
        <v>0</v>
      </c>
      <c r="EI20" s="191">
        <v>11</v>
      </c>
      <c r="EJ20" s="191">
        <v>11</v>
      </c>
      <c r="EK20" s="191">
        <v>11</v>
      </c>
      <c r="EL20" s="191">
        <v>14</v>
      </c>
      <c r="EM20" s="191">
        <v>15</v>
      </c>
      <c r="EN20" s="196">
        <v>62</v>
      </c>
      <c r="EO20" s="195">
        <v>66</v>
      </c>
      <c r="EP20" s="190">
        <v>23</v>
      </c>
      <c r="EQ20" s="191">
        <v>32</v>
      </c>
      <c r="ER20" s="196">
        <v>55</v>
      </c>
      <c r="ES20" s="193">
        <v>0</v>
      </c>
      <c r="ET20" s="191">
        <v>108</v>
      </c>
      <c r="EU20" s="191">
        <v>97</v>
      </c>
      <c r="EV20" s="191">
        <v>58</v>
      </c>
      <c r="EW20" s="191">
        <v>43</v>
      </c>
      <c r="EX20" s="191">
        <v>20</v>
      </c>
      <c r="EY20" s="196">
        <v>326</v>
      </c>
      <c r="EZ20" s="195">
        <v>381</v>
      </c>
    </row>
    <row r="21" spans="2:156" ht="21" customHeight="1" x14ac:dyDescent="0.2">
      <c r="B21" s="106" t="s">
        <v>19</v>
      </c>
      <c r="C21" s="190">
        <v>0</v>
      </c>
      <c r="D21" s="191">
        <v>0</v>
      </c>
      <c r="E21" s="192">
        <v>0</v>
      </c>
      <c r="F21" s="193">
        <v>0</v>
      </c>
      <c r="G21" s="191">
        <v>8</v>
      </c>
      <c r="H21" s="191">
        <v>13</v>
      </c>
      <c r="I21" s="191">
        <v>3</v>
      </c>
      <c r="J21" s="191">
        <v>5</v>
      </c>
      <c r="K21" s="191">
        <v>3</v>
      </c>
      <c r="L21" s="194">
        <v>32</v>
      </c>
      <c r="M21" s="195">
        <v>32</v>
      </c>
      <c r="N21" s="190">
        <v>0</v>
      </c>
      <c r="O21" s="191">
        <v>0</v>
      </c>
      <c r="P21" s="196">
        <v>0</v>
      </c>
      <c r="Q21" s="193">
        <v>0</v>
      </c>
      <c r="R21" s="191">
        <v>0</v>
      </c>
      <c r="S21" s="191">
        <v>1</v>
      </c>
      <c r="T21" s="191">
        <v>3</v>
      </c>
      <c r="U21" s="191">
        <v>0</v>
      </c>
      <c r="V21" s="191">
        <v>1</v>
      </c>
      <c r="W21" s="196">
        <v>5</v>
      </c>
      <c r="X21" s="195">
        <v>5</v>
      </c>
      <c r="Y21" s="190">
        <v>3</v>
      </c>
      <c r="Z21" s="191">
        <v>4</v>
      </c>
      <c r="AA21" s="196">
        <v>7</v>
      </c>
      <c r="AB21" s="193">
        <v>0</v>
      </c>
      <c r="AC21" s="191">
        <v>11</v>
      </c>
      <c r="AD21" s="191">
        <v>14</v>
      </c>
      <c r="AE21" s="191">
        <v>7</v>
      </c>
      <c r="AF21" s="191">
        <v>4</v>
      </c>
      <c r="AG21" s="191">
        <v>3</v>
      </c>
      <c r="AH21" s="196">
        <v>39</v>
      </c>
      <c r="AI21" s="195">
        <v>46</v>
      </c>
      <c r="AJ21" s="190">
        <v>0</v>
      </c>
      <c r="AK21" s="191">
        <v>0</v>
      </c>
      <c r="AL21" s="196">
        <v>0</v>
      </c>
      <c r="AM21" s="193">
        <v>0</v>
      </c>
      <c r="AN21" s="191">
        <v>1</v>
      </c>
      <c r="AO21" s="191">
        <v>0</v>
      </c>
      <c r="AP21" s="191">
        <v>0</v>
      </c>
      <c r="AQ21" s="191">
        <v>1</v>
      </c>
      <c r="AR21" s="191">
        <v>0</v>
      </c>
      <c r="AS21" s="196">
        <v>2</v>
      </c>
      <c r="AT21" s="195">
        <v>2</v>
      </c>
      <c r="AU21" s="190">
        <v>4</v>
      </c>
      <c r="AV21" s="191">
        <v>2</v>
      </c>
      <c r="AW21" s="196">
        <v>6</v>
      </c>
      <c r="AX21" s="193">
        <v>0</v>
      </c>
      <c r="AY21" s="191">
        <v>13</v>
      </c>
      <c r="AZ21" s="191">
        <v>20</v>
      </c>
      <c r="BA21" s="191">
        <v>13</v>
      </c>
      <c r="BB21" s="191">
        <v>6</v>
      </c>
      <c r="BC21" s="191">
        <v>9</v>
      </c>
      <c r="BD21" s="194">
        <v>61</v>
      </c>
      <c r="BE21" s="195">
        <v>67</v>
      </c>
      <c r="BF21" s="190">
        <v>0</v>
      </c>
      <c r="BG21" s="191">
        <v>0</v>
      </c>
      <c r="BH21" s="196">
        <v>0</v>
      </c>
      <c r="BI21" s="193">
        <v>0</v>
      </c>
      <c r="BJ21" s="191">
        <v>13</v>
      </c>
      <c r="BK21" s="191">
        <v>12</v>
      </c>
      <c r="BL21" s="191">
        <v>2</v>
      </c>
      <c r="BM21" s="191">
        <v>2</v>
      </c>
      <c r="BN21" s="191">
        <v>4</v>
      </c>
      <c r="BO21" s="196">
        <v>33</v>
      </c>
      <c r="BP21" s="195">
        <v>33</v>
      </c>
      <c r="BQ21" s="190">
        <v>2</v>
      </c>
      <c r="BR21" s="191">
        <v>0</v>
      </c>
      <c r="BS21" s="196">
        <v>2</v>
      </c>
      <c r="BT21" s="193">
        <v>0</v>
      </c>
      <c r="BU21" s="191">
        <v>16</v>
      </c>
      <c r="BV21" s="191">
        <v>8</v>
      </c>
      <c r="BW21" s="191">
        <v>4</v>
      </c>
      <c r="BX21" s="191">
        <v>4</v>
      </c>
      <c r="BY21" s="191">
        <v>1</v>
      </c>
      <c r="BZ21" s="196">
        <v>33</v>
      </c>
      <c r="CA21" s="195">
        <v>35</v>
      </c>
      <c r="CB21" s="190">
        <v>0</v>
      </c>
      <c r="CC21" s="191">
        <v>0</v>
      </c>
      <c r="CD21" s="196">
        <v>0</v>
      </c>
      <c r="CE21" s="193">
        <v>0</v>
      </c>
      <c r="CF21" s="191">
        <v>3</v>
      </c>
      <c r="CG21" s="191">
        <v>1</v>
      </c>
      <c r="CH21" s="191">
        <v>1</v>
      </c>
      <c r="CI21" s="191">
        <v>3</v>
      </c>
      <c r="CJ21" s="191">
        <v>0</v>
      </c>
      <c r="CK21" s="196">
        <v>8</v>
      </c>
      <c r="CL21" s="195">
        <v>8</v>
      </c>
      <c r="CM21" s="190">
        <v>0</v>
      </c>
      <c r="CN21" s="191">
        <v>0</v>
      </c>
      <c r="CO21" s="196">
        <v>0</v>
      </c>
      <c r="CP21" s="193">
        <v>0</v>
      </c>
      <c r="CQ21" s="191">
        <v>0</v>
      </c>
      <c r="CR21" s="191">
        <v>0</v>
      </c>
      <c r="CS21" s="191">
        <v>0</v>
      </c>
      <c r="CT21" s="191">
        <v>1</v>
      </c>
      <c r="CU21" s="191">
        <v>0</v>
      </c>
      <c r="CV21" s="196">
        <v>1</v>
      </c>
      <c r="CW21" s="195">
        <v>1</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7</v>
      </c>
      <c r="DU21" s="191">
        <v>6</v>
      </c>
      <c r="DV21" s="196">
        <v>13</v>
      </c>
      <c r="DW21" s="193">
        <v>0</v>
      </c>
      <c r="DX21" s="191">
        <v>25</v>
      </c>
      <c r="DY21" s="191">
        <v>26</v>
      </c>
      <c r="DZ21" s="191">
        <v>14</v>
      </c>
      <c r="EA21" s="191">
        <v>12</v>
      </c>
      <c r="EB21" s="191">
        <v>7</v>
      </c>
      <c r="EC21" s="196">
        <v>84</v>
      </c>
      <c r="ED21" s="195">
        <v>97</v>
      </c>
      <c r="EE21" s="190">
        <v>1</v>
      </c>
      <c r="EF21" s="191">
        <v>1</v>
      </c>
      <c r="EG21" s="196">
        <v>2</v>
      </c>
      <c r="EH21" s="193">
        <v>0</v>
      </c>
      <c r="EI21" s="191">
        <v>3</v>
      </c>
      <c r="EJ21" s="191">
        <v>5</v>
      </c>
      <c r="EK21" s="191">
        <v>7</v>
      </c>
      <c r="EL21" s="191">
        <v>3</v>
      </c>
      <c r="EM21" s="191">
        <v>3</v>
      </c>
      <c r="EN21" s="196">
        <v>21</v>
      </c>
      <c r="EO21" s="195">
        <v>23</v>
      </c>
      <c r="EP21" s="190">
        <v>12</v>
      </c>
      <c r="EQ21" s="191">
        <v>8</v>
      </c>
      <c r="ER21" s="196">
        <v>20</v>
      </c>
      <c r="ES21" s="193">
        <v>0</v>
      </c>
      <c r="ET21" s="191">
        <v>47</v>
      </c>
      <c r="EU21" s="191">
        <v>37</v>
      </c>
      <c r="EV21" s="191">
        <v>15</v>
      </c>
      <c r="EW21" s="191">
        <v>13</v>
      </c>
      <c r="EX21" s="191">
        <v>6</v>
      </c>
      <c r="EY21" s="196">
        <v>118</v>
      </c>
      <c r="EZ21" s="195">
        <v>138</v>
      </c>
    </row>
    <row r="22" spans="2:156" ht="21" customHeight="1" x14ac:dyDescent="0.2">
      <c r="B22" s="106" t="s">
        <v>20</v>
      </c>
      <c r="C22" s="190">
        <v>0</v>
      </c>
      <c r="D22" s="191">
        <v>0</v>
      </c>
      <c r="E22" s="192">
        <v>0</v>
      </c>
      <c r="F22" s="193">
        <v>0</v>
      </c>
      <c r="G22" s="191">
        <v>14</v>
      </c>
      <c r="H22" s="191">
        <v>16</v>
      </c>
      <c r="I22" s="191">
        <v>6</v>
      </c>
      <c r="J22" s="191">
        <v>6</v>
      </c>
      <c r="K22" s="191">
        <v>4</v>
      </c>
      <c r="L22" s="194">
        <v>46</v>
      </c>
      <c r="M22" s="195">
        <v>46</v>
      </c>
      <c r="N22" s="190">
        <v>0</v>
      </c>
      <c r="O22" s="191">
        <v>0</v>
      </c>
      <c r="P22" s="196">
        <v>0</v>
      </c>
      <c r="Q22" s="193">
        <v>0</v>
      </c>
      <c r="R22" s="191">
        <v>0</v>
      </c>
      <c r="S22" s="191">
        <v>0</v>
      </c>
      <c r="T22" s="191">
        <v>0</v>
      </c>
      <c r="U22" s="191">
        <v>3</v>
      </c>
      <c r="V22" s="191">
        <v>1</v>
      </c>
      <c r="W22" s="196">
        <v>4</v>
      </c>
      <c r="X22" s="195">
        <v>4</v>
      </c>
      <c r="Y22" s="190">
        <v>7</v>
      </c>
      <c r="Z22" s="191">
        <v>5</v>
      </c>
      <c r="AA22" s="196">
        <v>12</v>
      </c>
      <c r="AB22" s="193">
        <v>0</v>
      </c>
      <c r="AC22" s="191">
        <v>13</v>
      </c>
      <c r="AD22" s="191">
        <v>17</v>
      </c>
      <c r="AE22" s="191">
        <v>7</v>
      </c>
      <c r="AF22" s="191">
        <v>4</v>
      </c>
      <c r="AG22" s="191">
        <v>1</v>
      </c>
      <c r="AH22" s="196">
        <v>42</v>
      </c>
      <c r="AI22" s="195">
        <v>54</v>
      </c>
      <c r="AJ22" s="190">
        <v>0</v>
      </c>
      <c r="AK22" s="191">
        <v>6</v>
      </c>
      <c r="AL22" s="196">
        <v>6</v>
      </c>
      <c r="AM22" s="193">
        <v>0</v>
      </c>
      <c r="AN22" s="191">
        <v>6</v>
      </c>
      <c r="AO22" s="191">
        <v>5</v>
      </c>
      <c r="AP22" s="191">
        <v>0</v>
      </c>
      <c r="AQ22" s="191">
        <v>1</v>
      </c>
      <c r="AR22" s="191">
        <v>2</v>
      </c>
      <c r="AS22" s="196">
        <v>14</v>
      </c>
      <c r="AT22" s="195">
        <v>20</v>
      </c>
      <c r="AU22" s="190">
        <v>2</v>
      </c>
      <c r="AV22" s="191">
        <v>5</v>
      </c>
      <c r="AW22" s="196">
        <v>7</v>
      </c>
      <c r="AX22" s="193">
        <v>0</v>
      </c>
      <c r="AY22" s="191">
        <v>11</v>
      </c>
      <c r="AZ22" s="191">
        <v>20</v>
      </c>
      <c r="BA22" s="191">
        <v>14</v>
      </c>
      <c r="BB22" s="191">
        <v>11</v>
      </c>
      <c r="BC22" s="191">
        <v>11</v>
      </c>
      <c r="BD22" s="194">
        <v>67</v>
      </c>
      <c r="BE22" s="195">
        <v>74</v>
      </c>
      <c r="BF22" s="190">
        <v>0</v>
      </c>
      <c r="BG22" s="191">
        <v>0</v>
      </c>
      <c r="BH22" s="196">
        <v>0</v>
      </c>
      <c r="BI22" s="193">
        <v>0</v>
      </c>
      <c r="BJ22" s="191">
        <v>16</v>
      </c>
      <c r="BK22" s="191">
        <v>16</v>
      </c>
      <c r="BL22" s="191">
        <v>12</v>
      </c>
      <c r="BM22" s="191">
        <v>4</v>
      </c>
      <c r="BN22" s="191">
        <v>3</v>
      </c>
      <c r="BO22" s="196">
        <v>51</v>
      </c>
      <c r="BP22" s="195">
        <v>51</v>
      </c>
      <c r="BQ22" s="190">
        <v>0</v>
      </c>
      <c r="BR22" s="191">
        <v>2</v>
      </c>
      <c r="BS22" s="196">
        <v>2</v>
      </c>
      <c r="BT22" s="193">
        <v>0</v>
      </c>
      <c r="BU22" s="191">
        <v>6</v>
      </c>
      <c r="BV22" s="191">
        <v>13</v>
      </c>
      <c r="BW22" s="191">
        <v>5</v>
      </c>
      <c r="BX22" s="191">
        <v>5</v>
      </c>
      <c r="BY22" s="191">
        <v>0</v>
      </c>
      <c r="BZ22" s="196">
        <v>29</v>
      </c>
      <c r="CA22" s="195">
        <v>31</v>
      </c>
      <c r="CB22" s="190">
        <v>0</v>
      </c>
      <c r="CC22" s="191">
        <v>0</v>
      </c>
      <c r="CD22" s="196">
        <v>0</v>
      </c>
      <c r="CE22" s="193">
        <v>0</v>
      </c>
      <c r="CF22" s="191">
        <v>2</v>
      </c>
      <c r="CG22" s="191">
        <v>5</v>
      </c>
      <c r="CH22" s="191">
        <v>6</v>
      </c>
      <c r="CI22" s="191">
        <v>3</v>
      </c>
      <c r="CJ22" s="191">
        <v>1</v>
      </c>
      <c r="CK22" s="196">
        <v>17</v>
      </c>
      <c r="CL22" s="195">
        <v>17</v>
      </c>
      <c r="CM22" s="190">
        <v>0</v>
      </c>
      <c r="CN22" s="191">
        <v>0</v>
      </c>
      <c r="CO22" s="196">
        <v>0</v>
      </c>
      <c r="CP22" s="193">
        <v>0</v>
      </c>
      <c r="CQ22" s="191">
        <v>1</v>
      </c>
      <c r="CR22" s="191">
        <v>1</v>
      </c>
      <c r="CS22" s="191">
        <v>0</v>
      </c>
      <c r="CT22" s="191">
        <v>0</v>
      </c>
      <c r="CU22" s="191">
        <v>0</v>
      </c>
      <c r="CV22" s="196">
        <v>2</v>
      </c>
      <c r="CW22" s="195">
        <v>2</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10</v>
      </c>
      <c r="DU22" s="191">
        <v>22</v>
      </c>
      <c r="DV22" s="196">
        <v>32</v>
      </c>
      <c r="DW22" s="193">
        <v>0</v>
      </c>
      <c r="DX22" s="191">
        <v>31</v>
      </c>
      <c r="DY22" s="191">
        <v>36</v>
      </c>
      <c r="DZ22" s="191">
        <v>22</v>
      </c>
      <c r="EA22" s="191">
        <v>15</v>
      </c>
      <c r="EB22" s="191">
        <v>8</v>
      </c>
      <c r="EC22" s="196">
        <v>112</v>
      </c>
      <c r="ED22" s="195">
        <v>144</v>
      </c>
      <c r="EE22" s="190">
        <v>1</v>
      </c>
      <c r="EF22" s="191">
        <v>2</v>
      </c>
      <c r="EG22" s="196">
        <v>3</v>
      </c>
      <c r="EH22" s="193">
        <v>0</v>
      </c>
      <c r="EI22" s="191">
        <v>5</v>
      </c>
      <c r="EJ22" s="191">
        <v>6</v>
      </c>
      <c r="EK22" s="191">
        <v>5</v>
      </c>
      <c r="EL22" s="191">
        <v>4</v>
      </c>
      <c r="EM22" s="191">
        <v>4</v>
      </c>
      <c r="EN22" s="196">
        <v>24</v>
      </c>
      <c r="EO22" s="195">
        <v>27</v>
      </c>
      <c r="EP22" s="190">
        <v>15</v>
      </c>
      <c r="EQ22" s="191">
        <v>28</v>
      </c>
      <c r="ER22" s="196">
        <v>43</v>
      </c>
      <c r="ES22" s="193">
        <v>0</v>
      </c>
      <c r="ET22" s="191">
        <v>57</v>
      </c>
      <c r="EU22" s="191">
        <v>54</v>
      </c>
      <c r="EV22" s="191">
        <v>23</v>
      </c>
      <c r="EW22" s="191">
        <v>16</v>
      </c>
      <c r="EX22" s="191">
        <v>8</v>
      </c>
      <c r="EY22" s="196">
        <v>158</v>
      </c>
      <c r="EZ22" s="195">
        <v>201</v>
      </c>
    </row>
    <row r="23" spans="2:156" ht="21" customHeight="1" x14ac:dyDescent="0.2">
      <c r="B23" s="106" t="s">
        <v>21</v>
      </c>
      <c r="C23" s="190">
        <v>0</v>
      </c>
      <c r="D23" s="191">
        <v>0</v>
      </c>
      <c r="E23" s="192">
        <v>0</v>
      </c>
      <c r="F23" s="193">
        <v>0</v>
      </c>
      <c r="G23" s="191">
        <v>13</v>
      </c>
      <c r="H23" s="191">
        <v>14</v>
      </c>
      <c r="I23" s="191">
        <v>3</v>
      </c>
      <c r="J23" s="191">
        <v>4</v>
      </c>
      <c r="K23" s="191">
        <v>5</v>
      </c>
      <c r="L23" s="194">
        <v>39</v>
      </c>
      <c r="M23" s="195">
        <v>39</v>
      </c>
      <c r="N23" s="190">
        <v>0</v>
      </c>
      <c r="O23" s="191">
        <v>0</v>
      </c>
      <c r="P23" s="196">
        <v>0</v>
      </c>
      <c r="Q23" s="193">
        <v>0</v>
      </c>
      <c r="R23" s="191">
        <v>0</v>
      </c>
      <c r="S23" s="191">
        <v>0</v>
      </c>
      <c r="T23" s="191">
        <v>0</v>
      </c>
      <c r="U23" s="191">
        <v>1</v>
      </c>
      <c r="V23" s="191">
        <v>3</v>
      </c>
      <c r="W23" s="196">
        <v>4</v>
      </c>
      <c r="X23" s="195">
        <v>4</v>
      </c>
      <c r="Y23" s="190">
        <v>0</v>
      </c>
      <c r="Z23" s="191">
        <v>0</v>
      </c>
      <c r="AA23" s="196">
        <v>0</v>
      </c>
      <c r="AB23" s="193">
        <v>0</v>
      </c>
      <c r="AC23" s="191">
        <v>12</v>
      </c>
      <c r="AD23" s="191">
        <v>8</v>
      </c>
      <c r="AE23" s="191">
        <v>5</v>
      </c>
      <c r="AF23" s="191">
        <v>3</v>
      </c>
      <c r="AG23" s="191">
        <v>3</v>
      </c>
      <c r="AH23" s="196">
        <v>31</v>
      </c>
      <c r="AI23" s="195">
        <v>31</v>
      </c>
      <c r="AJ23" s="190">
        <v>0</v>
      </c>
      <c r="AK23" s="191">
        <v>1</v>
      </c>
      <c r="AL23" s="196">
        <v>1</v>
      </c>
      <c r="AM23" s="193">
        <v>0</v>
      </c>
      <c r="AN23" s="191">
        <v>0</v>
      </c>
      <c r="AO23" s="191">
        <v>0</v>
      </c>
      <c r="AP23" s="191">
        <v>1</v>
      </c>
      <c r="AQ23" s="191">
        <v>0</v>
      </c>
      <c r="AR23" s="191">
        <v>1</v>
      </c>
      <c r="AS23" s="196">
        <v>2</v>
      </c>
      <c r="AT23" s="195">
        <v>3</v>
      </c>
      <c r="AU23" s="190">
        <v>3</v>
      </c>
      <c r="AV23" s="191">
        <v>5</v>
      </c>
      <c r="AW23" s="196">
        <v>8</v>
      </c>
      <c r="AX23" s="193">
        <v>0</v>
      </c>
      <c r="AY23" s="191">
        <v>16</v>
      </c>
      <c r="AZ23" s="191">
        <v>15</v>
      </c>
      <c r="BA23" s="191">
        <v>13</v>
      </c>
      <c r="BB23" s="191">
        <v>15</v>
      </c>
      <c r="BC23" s="191">
        <v>11</v>
      </c>
      <c r="BD23" s="194">
        <v>70</v>
      </c>
      <c r="BE23" s="195">
        <v>78</v>
      </c>
      <c r="BF23" s="190">
        <v>0</v>
      </c>
      <c r="BG23" s="191">
        <v>0</v>
      </c>
      <c r="BH23" s="196">
        <v>0</v>
      </c>
      <c r="BI23" s="193">
        <v>0</v>
      </c>
      <c r="BJ23" s="191">
        <v>15</v>
      </c>
      <c r="BK23" s="191">
        <v>12</v>
      </c>
      <c r="BL23" s="191">
        <v>4</v>
      </c>
      <c r="BM23" s="191">
        <v>3</v>
      </c>
      <c r="BN23" s="191">
        <v>2</v>
      </c>
      <c r="BO23" s="196">
        <v>36</v>
      </c>
      <c r="BP23" s="195">
        <v>36</v>
      </c>
      <c r="BQ23" s="190">
        <v>0</v>
      </c>
      <c r="BR23" s="191">
        <v>1</v>
      </c>
      <c r="BS23" s="196">
        <v>1</v>
      </c>
      <c r="BT23" s="193">
        <v>0</v>
      </c>
      <c r="BU23" s="191">
        <v>2</v>
      </c>
      <c r="BV23" s="191">
        <v>3</v>
      </c>
      <c r="BW23" s="191">
        <v>2</v>
      </c>
      <c r="BX23" s="191">
        <v>0</v>
      </c>
      <c r="BY23" s="191">
        <v>1</v>
      </c>
      <c r="BZ23" s="196">
        <v>8</v>
      </c>
      <c r="CA23" s="195">
        <v>9</v>
      </c>
      <c r="CB23" s="190">
        <v>0</v>
      </c>
      <c r="CC23" s="191">
        <v>0</v>
      </c>
      <c r="CD23" s="196">
        <v>0</v>
      </c>
      <c r="CE23" s="193">
        <v>0</v>
      </c>
      <c r="CF23" s="191">
        <v>3</v>
      </c>
      <c r="CG23" s="191">
        <v>1</v>
      </c>
      <c r="CH23" s="191">
        <v>2</v>
      </c>
      <c r="CI23" s="191">
        <v>0</v>
      </c>
      <c r="CJ23" s="191">
        <v>0</v>
      </c>
      <c r="CK23" s="196">
        <v>6</v>
      </c>
      <c r="CL23" s="195">
        <v>6</v>
      </c>
      <c r="CM23" s="190">
        <v>0</v>
      </c>
      <c r="CN23" s="191">
        <v>0</v>
      </c>
      <c r="CO23" s="196">
        <v>0</v>
      </c>
      <c r="CP23" s="193">
        <v>0</v>
      </c>
      <c r="CQ23" s="191">
        <v>0</v>
      </c>
      <c r="CR23" s="191">
        <v>0</v>
      </c>
      <c r="CS23" s="191">
        <v>1</v>
      </c>
      <c r="CT23" s="191">
        <v>0</v>
      </c>
      <c r="CU23" s="191">
        <v>0</v>
      </c>
      <c r="CV23" s="196">
        <v>1</v>
      </c>
      <c r="CW23" s="195">
        <v>1</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9</v>
      </c>
      <c r="DU23" s="191">
        <v>12</v>
      </c>
      <c r="DV23" s="196">
        <v>21</v>
      </c>
      <c r="DW23" s="193">
        <v>0</v>
      </c>
      <c r="DX23" s="191">
        <v>15</v>
      </c>
      <c r="DY23" s="191">
        <v>25</v>
      </c>
      <c r="DZ23" s="191">
        <v>9</v>
      </c>
      <c r="EA23" s="191">
        <v>8</v>
      </c>
      <c r="EB23" s="191">
        <v>6</v>
      </c>
      <c r="EC23" s="196">
        <v>63</v>
      </c>
      <c r="ED23" s="195">
        <v>84</v>
      </c>
      <c r="EE23" s="190">
        <v>3</v>
      </c>
      <c r="EF23" s="191">
        <v>1</v>
      </c>
      <c r="EG23" s="196">
        <v>4</v>
      </c>
      <c r="EH23" s="193">
        <v>0</v>
      </c>
      <c r="EI23" s="191">
        <v>5</v>
      </c>
      <c r="EJ23" s="191">
        <v>3</v>
      </c>
      <c r="EK23" s="191">
        <v>9</v>
      </c>
      <c r="EL23" s="191">
        <v>9</v>
      </c>
      <c r="EM23" s="191">
        <v>3</v>
      </c>
      <c r="EN23" s="196">
        <v>29</v>
      </c>
      <c r="EO23" s="195">
        <v>33</v>
      </c>
      <c r="EP23" s="190">
        <v>9</v>
      </c>
      <c r="EQ23" s="191">
        <v>14</v>
      </c>
      <c r="ER23" s="196">
        <v>23</v>
      </c>
      <c r="ES23" s="193">
        <v>0</v>
      </c>
      <c r="ET23" s="191">
        <v>45</v>
      </c>
      <c r="EU23" s="191">
        <v>34</v>
      </c>
      <c r="EV23" s="191">
        <v>12</v>
      </c>
      <c r="EW23" s="191">
        <v>10</v>
      </c>
      <c r="EX23" s="191">
        <v>7</v>
      </c>
      <c r="EY23" s="196">
        <v>108</v>
      </c>
      <c r="EZ23" s="195">
        <v>131</v>
      </c>
    </row>
    <row r="24" spans="2:156" ht="21" customHeight="1" x14ac:dyDescent="0.2">
      <c r="B24" s="106" t="s">
        <v>22</v>
      </c>
      <c r="C24" s="190">
        <v>0</v>
      </c>
      <c r="D24" s="191">
        <v>0</v>
      </c>
      <c r="E24" s="192">
        <v>0</v>
      </c>
      <c r="F24" s="193">
        <v>0</v>
      </c>
      <c r="G24" s="191">
        <v>4</v>
      </c>
      <c r="H24" s="191">
        <v>1</v>
      </c>
      <c r="I24" s="191">
        <v>2</v>
      </c>
      <c r="J24" s="191">
        <v>2</v>
      </c>
      <c r="K24" s="191">
        <v>2</v>
      </c>
      <c r="L24" s="194">
        <v>11</v>
      </c>
      <c r="M24" s="195">
        <v>11</v>
      </c>
      <c r="N24" s="190">
        <v>0</v>
      </c>
      <c r="O24" s="191">
        <v>0</v>
      </c>
      <c r="P24" s="196">
        <v>0</v>
      </c>
      <c r="Q24" s="193">
        <v>0</v>
      </c>
      <c r="R24" s="191">
        <v>0</v>
      </c>
      <c r="S24" s="191">
        <v>0</v>
      </c>
      <c r="T24" s="191">
        <v>0</v>
      </c>
      <c r="U24" s="191">
        <v>1</v>
      </c>
      <c r="V24" s="191">
        <v>5</v>
      </c>
      <c r="W24" s="196">
        <v>6</v>
      </c>
      <c r="X24" s="195">
        <v>6</v>
      </c>
      <c r="Y24" s="190">
        <v>0</v>
      </c>
      <c r="Z24" s="191">
        <v>0</v>
      </c>
      <c r="AA24" s="196">
        <v>0</v>
      </c>
      <c r="AB24" s="193">
        <v>0</v>
      </c>
      <c r="AC24" s="191">
        <v>5</v>
      </c>
      <c r="AD24" s="191">
        <v>2</v>
      </c>
      <c r="AE24" s="191">
        <v>2</v>
      </c>
      <c r="AF24" s="191">
        <v>2</v>
      </c>
      <c r="AG24" s="191">
        <v>5</v>
      </c>
      <c r="AH24" s="196">
        <v>16</v>
      </c>
      <c r="AI24" s="195">
        <v>16</v>
      </c>
      <c r="AJ24" s="190">
        <v>0</v>
      </c>
      <c r="AK24" s="191">
        <v>0</v>
      </c>
      <c r="AL24" s="196">
        <v>0</v>
      </c>
      <c r="AM24" s="193">
        <v>0</v>
      </c>
      <c r="AN24" s="191">
        <v>2</v>
      </c>
      <c r="AO24" s="191">
        <v>1</v>
      </c>
      <c r="AP24" s="191">
        <v>0</v>
      </c>
      <c r="AQ24" s="191">
        <v>2</v>
      </c>
      <c r="AR24" s="191">
        <v>0</v>
      </c>
      <c r="AS24" s="196">
        <v>5</v>
      </c>
      <c r="AT24" s="195">
        <v>5</v>
      </c>
      <c r="AU24" s="190">
        <v>0</v>
      </c>
      <c r="AV24" s="191">
        <v>0</v>
      </c>
      <c r="AW24" s="196">
        <v>0</v>
      </c>
      <c r="AX24" s="193">
        <v>0</v>
      </c>
      <c r="AY24" s="191">
        <v>1</v>
      </c>
      <c r="AZ24" s="191">
        <v>3</v>
      </c>
      <c r="BA24" s="191">
        <v>4</v>
      </c>
      <c r="BB24" s="191">
        <v>7</v>
      </c>
      <c r="BC24" s="191">
        <v>1</v>
      </c>
      <c r="BD24" s="194">
        <v>16</v>
      </c>
      <c r="BE24" s="195">
        <v>16</v>
      </c>
      <c r="BF24" s="190">
        <v>0</v>
      </c>
      <c r="BG24" s="191">
        <v>0</v>
      </c>
      <c r="BH24" s="196">
        <v>0</v>
      </c>
      <c r="BI24" s="193">
        <v>0</v>
      </c>
      <c r="BJ24" s="191">
        <v>4</v>
      </c>
      <c r="BK24" s="191">
        <v>9</v>
      </c>
      <c r="BL24" s="191">
        <v>3</v>
      </c>
      <c r="BM24" s="191">
        <v>5</v>
      </c>
      <c r="BN24" s="191">
        <v>2</v>
      </c>
      <c r="BO24" s="196">
        <v>23</v>
      </c>
      <c r="BP24" s="195">
        <v>23</v>
      </c>
      <c r="BQ24" s="190">
        <v>3</v>
      </c>
      <c r="BR24" s="191">
        <v>0</v>
      </c>
      <c r="BS24" s="196">
        <v>3</v>
      </c>
      <c r="BT24" s="193">
        <v>0</v>
      </c>
      <c r="BU24" s="191">
        <v>3</v>
      </c>
      <c r="BV24" s="191">
        <v>4</v>
      </c>
      <c r="BW24" s="191">
        <v>0</v>
      </c>
      <c r="BX24" s="191">
        <v>0</v>
      </c>
      <c r="BY24" s="191">
        <v>0</v>
      </c>
      <c r="BZ24" s="196">
        <v>7</v>
      </c>
      <c r="CA24" s="195">
        <v>10</v>
      </c>
      <c r="CB24" s="190">
        <v>0</v>
      </c>
      <c r="CC24" s="191">
        <v>0</v>
      </c>
      <c r="CD24" s="196">
        <v>0</v>
      </c>
      <c r="CE24" s="193">
        <v>0</v>
      </c>
      <c r="CF24" s="191">
        <v>0</v>
      </c>
      <c r="CG24" s="191">
        <v>1</v>
      </c>
      <c r="CH24" s="191">
        <v>2</v>
      </c>
      <c r="CI24" s="191">
        <v>2</v>
      </c>
      <c r="CJ24" s="191">
        <v>0</v>
      </c>
      <c r="CK24" s="196">
        <v>5</v>
      </c>
      <c r="CL24" s="195">
        <v>5</v>
      </c>
      <c r="CM24" s="190">
        <v>0</v>
      </c>
      <c r="CN24" s="191">
        <v>0</v>
      </c>
      <c r="CO24" s="196">
        <v>0</v>
      </c>
      <c r="CP24" s="193">
        <v>0</v>
      </c>
      <c r="CQ24" s="191">
        <v>1</v>
      </c>
      <c r="CR24" s="191">
        <v>0</v>
      </c>
      <c r="CS24" s="191">
        <v>1</v>
      </c>
      <c r="CT24" s="191">
        <v>0</v>
      </c>
      <c r="CU24" s="191">
        <v>0</v>
      </c>
      <c r="CV24" s="196">
        <v>2</v>
      </c>
      <c r="CW24" s="195">
        <v>2</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6</v>
      </c>
      <c r="DV24" s="196">
        <v>10</v>
      </c>
      <c r="DW24" s="193">
        <v>0</v>
      </c>
      <c r="DX24" s="191">
        <v>10</v>
      </c>
      <c r="DY24" s="191">
        <v>11</v>
      </c>
      <c r="DZ24" s="191">
        <v>6</v>
      </c>
      <c r="EA24" s="191">
        <v>9</v>
      </c>
      <c r="EB24" s="191">
        <v>6</v>
      </c>
      <c r="EC24" s="196">
        <v>42</v>
      </c>
      <c r="ED24" s="195">
        <v>52</v>
      </c>
      <c r="EE24" s="190">
        <v>0</v>
      </c>
      <c r="EF24" s="191">
        <v>0</v>
      </c>
      <c r="EG24" s="196">
        <v>0</v>
      </c>
      <c r="EH24" s="193">
        <v>0</v>
      </c>
      <c r="EI24" s="191">
        <v>3</v>
      </c>
      <c r="EJ24" s="191">
        <v>2</v>
      </c>
      <c r="EK24" s="191">
        <v>2</v>
      </c>
      <c r="EL24" s="191">
        <v>3</v>
      </c>
      <c r="EM24" s="191">
        <v>1</v>
      </c>
      <c r="EN24" s="196">
        <v>11</v>
      </c>
      <c r="EO24" s="195">
        <v>11</v>
      </c>
      <c r="EP24" s="190">
        <v>6</v>
      </c>
      <c r="EQ24" s="191">
        <v>6</v>
      </c>
      <c r="ER24" s="196">
        <v>12</v>
      </c>
      <c r="ES24" s="193">
        <v>0</v>
      </c>
      <c r="ET24" s="191">
        <v>22</v>
      </c>
      <c r="EU24" s="191">
        <v>17</v>
      </c>
      <c r="EV24" s="191">
        <v>8</v>
      </c>
      <c r="EW24" s="191">
        <v>9</v>
      </c>
      <c r="EX24" s="191">
        <v>6</v>
      </c>
      <c r="EY24" s="196">
        <v>62</v>
      </c>
      <c r="EZ24" s="195">
        <v>74</v>
      </c>
    </row>
    <row r="25" spans="2:156" ht="21" customHeight="1" x14ac:dyDescent="0.2">
      <c r="B25" s="106" t="s">
        <v>23</v>
      </c>
      <c r="C25" s="190">
        <v>0</v>
      </c>
      <c r="D25" s="191">
        <v>0</v>
      </c>
      <c r="E25" s="192">
        <v>0</v>
      </c>
      <c r="F25" s="193">
        <v>0</v>
      </c>
      <c r="G25" s="191">
        <v>1</v>
      </c>
      <c r="H25" s="191">
        <v>4</v>
      </c>
      <c r="I25" s="191">
        <v>7</v>
      </c>
      <c r="J25" s="191">
        <v>2</v>
      </c>
      <c r="K25" s="191">
        <v>2</v>
      </c>
      <c r="L25" s="194">
        <v>16</v>
      </c>
      <c r="M25" s="195">
        <v>16</v>
      </c>
      <c r="N25" s="190">
        <v>0</v>
      </c>
      <c r="O25" s="191">
        <v>0</v>
      </c>
      <c r="P25" s="196">
        <v>0</v>
      </c>
      <c r="Q25" s="193">
        <v>0</v>
      </c>
      <c r="R25" s="191">
        <v>0</v>
      </c>
      <c r="S25" s="191">
        <v>1</v>
      </c>
      <c r="T25" s="191">
        <v>1</v>
      </c>
      <c r="U25" s="191">
        <v>0</v>
      </c>
      <c r="V25" s="191">
        <v>0</v>
      </c>
      <c r="W25" s="196">
        <v>2</v>
      </c>
      <c r="X25" s="195">
        <v>2</v>
      </c>
      <c r="Y25" s="190">
        <v>4</v>
      </c>
      <c r="Z25" s="191">
        <v>3</v>
      </c>
      <c r="AA25" s="196">
        <v>7</v>
      </c>
      <c r="AB25" s="193">
        <v>0</v>
      </c>
      <c r="AC25" s="191">
        <v>1</v>
      </c>
      <c r="AD25" s="191">
        <v>9</v>
      </c>
      <c r="AE25" s="191">
        <v>4</v>
      </c>
      <c r="AF25" s="191">
        <v>2</v>
      </c>
      <c r="AG25" s="191">
        <v>2</v>
      </c>
      <c r="AH25" s="196">
        <v>18</v>
      </c>
      <c r="AI25" s="195">
        <v>25</v>
      </c>
      <c r="AJ25" s="190">
        <v>1</v>
      </c>
      <c r="AK25" s="191">
        <v>1</v>
      </c>
      <c r="AL25" s="196">
        <v>2</v>
      </c>
      <c r="AM25" s="193">
        <v>0</v>
      </c>
      <c r="AN25" s="191">
        <v>0</v>
      </c>
      <c r="AO25" s="191">
        <v>1</v>
      </c>
      <c r="AP25" s="191">
        <v>0</v>
      </c>
      <c r="AQ25" s="191">
        <v>0</v>
      </c>
      <c r="AR25" s="191">
        <v>0</v>
      </c>
      <c r="AS25" s="196">
        <v>1</v>
      </c>
      <c r="AT25" s="195">
        <v>3</v>
      </c>
      <c r="AU25" s="190">
        <v>0</v>
      </c>
      <c r="AV25" s="191">
        <v>0</v>
      </c>
      <c r="AW25" s="196">
        <v>0</v>
      </c>
      <c r="AX25" s="193">
        <v>0</v>
      </c>
      <c r="AY25" s="191">
        <v>6</v>
      </c>
      <c r="AZ25" s="191">
        <v>5</v>
      </c>
      <c r="BA25" s="191">
        <v>8</v>
      </c>
      <c r="BB25" s="191">
        <v>12</v>
      </c>
      <c r="BC25" s="191">
        <v>11</v>
      </c>
      <c r="BD25" s="194">
        <v>42</v>
      </c>
      <c r="BE25" s="195">
        <v>42</v>
      </c>
      <c r="BF25" s="190">
        <v>0</v>
      </c>
      <c r="BG25" s="191">
        <v>0</v>
      </c>
      <c r="BH25" s="196">
        <v>0</v>
      </c>
      <c r="BI25" s="193">
        <v>0</v>
      </c>
      <c r="BJ25" s="191">
        <v>9</v>
      </c>
      <c r="BK25" s="191">
        <v>9</v>
      </c>
      <c r="BL25" s="191">
        <v>6</v>
      </c>
      <c r="BM25" s="191">
        <v>2</v>
      </c>
      <c r="BN25" s="191">
        <v>1</v>
      </c>
      <c r="BO25" s="196">
        <v>27</v>
      </c>
      <c r="BP25" s="195">
        <v>27</v>
      </c>
      <c r="BQ25" s="190">
        <v>1</v>
      </c>
      <c r="BR25" s="191">
        <v>1</v>
      </c>
      <c r="BS25" s="196">
        <v>2</v>
      </c>
      <c r="BT25" s="193">
        <v>0</v>
      </c>
      <c r="BU25" s="191">
        <v>1</v>
      </c>
      <c r="BV25" s="191">
        <v>0</v>
      </c>
      <c r="BW25" s="191">
        <v>3</v>
      </c>
      <c r="BX25" s="191">
        <v>1</v>
      </c>
      <c r="BY25" s="191">
        <v>1</v>
      </c>
      <c r="BZ25" s="196">
        <v>6</v>
      </c>
      <c r="CA25" s="195">
        <v>8</v>
      </c>
      <c r="CB25" s="190">
        <v>0</v>
      </c>
      <c r="CC25" s="191">
        <v>0</v>
      </c>
      <c r="CD25" s="196">
        <v>0</v>
      </c>
      <c r="CE25" s="193">
        <v>0</v>
      </c>
      <c r="CF25" s="191">
        <v>5</v>
      </c>
      <c r="CG25" s="191">
        <v>5</v>
      </c>
      <c r="CH25" s="191">
        <v>3</v>
      </c>
      <c r="CI25" s="191">
        <v>0</v>
      </c>
      <c r="CJ25" s="191">
        <v>1</v>
      </c>
      <c r="CK25" s="196">
        <v>14</v>
      </c>
      <c r="CL25" s="195">
        <v>14</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5</v>
      </c>
      <c r="DU25" s="191">
        <v>9</v>
      </c>
      <c r="DV25" s="196">
        <v>14</v>
      </c>
      <c r="DW25" s="193">
        <v>0</v>
      </c>
      <c r="DX25" s="191">
        <v>9</v>
      </c>
      <c r="DY25" s="191">
        <v>19</v>
      </c>
      <c r="DZ25" s="191">
        <v>13</v>
      </c>
      <c r="EA25" s="191">
        <v>7</v>
      </c>
      <c r="EB25" s="191">
        <v>5</v>
      </c>
      <c r="EC25" s="196">
        <v>53</v>
      </c>
      <c r="ED25" s="195">
        <v>67</v>
      </c>
      <c r="EE25" s="190">
        <v>0</v>
      </c>
      <c r="EF25" s="191">
        <v>0</v>
      </c>
      <c r="EG25" s="196">
        <v>0</v>
      </c>
      <c r="EH25" s="193">
        <v>0</v>
      </c>
      <c r="EI25" s="191">
        <v>3</v>
      </c>
      <c r="EJ25" s="191">
        <v>3</v>
      </c>
      <c r="EK25" s="191">
        <v>0</v>
      </c>
      <c r="EL25" s="191">
        <v>9</v>
      </c>
      <c r="EM25" s="191">
        <v>6</v>
      </c>
      <c r="EN25" s="196">
        <v>21</v>
      </c>
      <c r="EO25" s="195">
        <v>21</v>
      </c>
      <c r="EP25" s="190">
        <v>10</v>
      </c>
      <c r="EQ25" s="191">
        <v>11</v>
      </c>
      <c r="ER25" s="196">
        <v>21</v>
      </c>
      <c r="ES25" s="193">
        <v>0</v>
      </c>
      <c r="ET25" s="191">
        <v>17</v>
      </c>
      <c r="EU25" s="191">
        <v>27</v>
      </c>
      <c r="EV25" s="191">
        <v>18</v>
      </c>
      <c r="EW25" s="191">
        <v>7</v>
      </c>
      <c r="EX25" s="191">
        <v>5</v>
      </c>
      <c r="EY25" s="196">
        <v>74</v>
      </c>
      <c r="EZ25" s="195">
        <v>95</v>
      </c>
    </row>
    <row r="26" spans="2:156" ht="21" customHeight="1" x14ac:dyDescent="0.2">
      <c r="B26" s="106" t="s">
        <v>24</v>
      </c>
      <c r="C26" s="190">
        <v>0</v>
      </c>
      <c r="D26" s="191">
        <v>0</v>
      </c>
      <c r="E26" s="192">
        <v>0</v>
      </c>
      <c r="F26" s="193">
        <v>0</v>
      </c>
      <c r="G26" s="191">
        <v>6</v>
      </c>
      <c r="H26" s="191">
        <v>9</v>
      </c>
      <c r="I26" s="191">
        <v>3</v>
      </c>
      <c r="J26" s="191">
        <v>2</v>
      </c>
      <c r="K26" s="191">
        <v>1</v>
      </c>
      <c r="L26" s="194">
        <v>21</v>
      </c>
      <c r="M26" s="195">
        <v>21</v>
      </c>
      <c r="N26" s="190">
        <v>0</v>
      </c>
      <c r="O26" s="191">
        <v>0</v>
      </c>
      <c r="P26" s="196">
        <v>0</v>
      </c>
      <c r="Q26" s="193">
        <v>0</v>
      </c>
      <c r="R26" s="191">
        <v>0</v>
      </c>
      <c r="S26" s="191">
        <v>0</v>
      </c>
      <c r="T26" s="191">
        <v>1</v>
      </c>
      <c r="U26" s="191">
        <v>1</v>
      </c>
      <c r="V26" s="191">
        <v>2</v>
      </c>
      <c r="W26" s="196">
        <v>4</v>
      </c>
      <c r="X26" s="195">
        <v>4</v>
      </c>
      <c r="Y26" s="190">
        <v>3</v>
      </c>
      <c r="Z26" s="191">
        <v>4</v>
      </c>
      <c r="AA26" s="196">
        <v>7</v>
      </c>
      <c r="AB26" s="193">
        <v>0</v>
      </c>
      <c r="AC26" s="191">
        <v>4</v>
      </c>
      <c r="AD26" s="191">
        <v>8</v>
      </c>
      <c r="AE26" s="191">
        <v>3</v>
      </c>
      <c r="AF26" s="191">
        <v>5</v>
      </c>
      <c r="AG26" s="191">
        <v>5</v>
      </c>
      <c r="AH26" s="196">
        <v>25</v>
      </c>
      <c r="AI26" s="195">
        <v>32</v>
      </c>
      <c r="AJ26" s="190">
        <v>0</v>
      </c>
      <c r="AK26" s="191">
        <v>0</v>
      </c>
      <c r="AL26" s="196">
        <v>0</v>
      </c>
      <c r="AM26" s="193">
        <v>0</v>
      </c>
      <c r="AN26" s="191">
        <v>0</v>
      </c>
      <c r="AO26" s="191">
        <v>0</v>
      </c>
      <c r="AP26" s="191">
        <v>0</v>
      </c>
      <c r="AQ26" s="191">
        <v>0</v>
      </c>
      <c r="AR26" s="191">
        <v>1</v>
      </c>
      <c r="AS26" s="196">
        <v>1</v>
      </c>
      <c r="AT26" s="195">
        <v>1</v>
      </c>
      <c r="AU26" s="190">
        <v>3</v>
      </c>
      <c r="AV26" s="191">
        <v>2</v>
      </c>
      <c r="AW26" s="196">
        <v>5</v>
      </c>
      <c r="AX26" s="193">
        <v>0</v>
      </c>
      <c r="AY26" s="191">
        <v>11</v>
      </c>
      <c r="AZ26" s="191">
        <v>10</v>
      </c>
      <c r="BA26" s="191">
        <v>9</v>
      </c>
      <c r="BB26" s="191">
        <v>11</v>
      </c>
      <c r="BC26" s="191">
        <v>10</v>
      </c>
      <c r="BD26" s="194">
        <v>51</v>
      </c>
      <c r="BE26" s="195">
        <v>56</v>
      </c>
      <c r="BF26" s="190">
        <v>0</v>
      </c>
      <c r="BG26" s="191">
        <v>0</v>
      </c>
      <c r="BH26" s="196">
        <v>0</v>
      </c>
      <c r="BI26" s="193">
        <v>0</v>
      </c>
      <c r="BJ26" s="191">
        <v>10</v>
      </c>
      <c r="BK26" s="191">
        <v>7</v>
      </c>
      <c r="BL26" s="191">
        <v>2</v>
      </c>
      <c r="BM26" s="191">
        <v>2</v>
      </c>
      <c r="BN26" s="191">
        <v>0</v>
      </c>
      <c r="BO26" s="196">
        <v>21</v>
      </c>
      <c r="BP26" s="195">
        <v>21</v>
      </c>
      <c r="BQ26" s="190">
        <v>3</v>
      </c>
      <c r="BR26" s="191">
        <v>1</v>
      </c>
      <c r="BS26" s="196">
        <v>4</v>
      </c>
      <c r="BT26" s="193">
        <v>0</v>
      </c>
      <c r="BU26" s="191">
        <v>4</v>
      </c>
      <c r="BV26" s="191">
        <v>4</v>
      </c>
      <c r="BW26" s="191">
        <v>1</v>
      </c>
      <c r="BX26" s="191">
        <v>0</v>
      </c>
      <c r="BY26" s="191">
        <v>2</v>
      </c>
      <c r="BZ26" s="196">
        <v>11</v>
      </c>
      <c r="CA26" s="195">
        <v>15</v>
      </c>
      <c r="CB26" s="190">
        <v>0</v>
      </c>
      <c r="CC26" s="191">
        <v>0</v>
      </c>
      <c r="CD26" s="196">
        <v>0</v>
      </c>
      <c r="CE26" s="193">
        <v>0</v>
      </c>
      <c r="CF26" s="191">
        <v>0</v>
      </c>
      <c r="CG26" s="191">
        <v>0</v>
      </c>
      <c r="CH26" s="191">
        <v>2</v>
      </c>
      <c r="CI26" s="191">
        <v>1</v>
      </c>
      <c r="CJ26" s="191">
        <v>1</v>
      </c>
      <c r="CK26" s="196">
        <v>4</v>
      </c>
      <c r="CL26" s="195">
        <v>4</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6</v>
      </c>
      <c r="DU26" s="191">
        <v>10</v>
      </c>
      <c r="DV26" s="196">
        <v>16</v>
      </c>
      <c r="DW26" s="193">
        <v>0</v>
      </c>
      <c r="DX26" s="191">
        <v>9</v>
      </c>
      <c r="DY26" s="191">
        <v>18</v>
      </c>
      <c r="DZ26" s="191">
        <v>9</v>
      </c>
      <c r="EA26" s="191">
        <v>9</v>
      </c>
      <c r="EB26" s="191">
        <v>6</v>
      </c>
      <c r="EC26" s="196">
        <v>51</v>
      </c>
      <c r="ED26" s="195">
        <v>67</v>
      </c>
      <c r="EE26" s="190">
        <v>2</v>
      </c>
      <c r="EF26" s="191">
        <v>3</v>
      </c>
      <c r="EG26" s="196">
        <v>5</v>
      </c>
      <c r="EH26" s="193">
        <v>0</v>
      </c>
      <c r="EI26" s="191">
        <v>7</v>
      </c>
      <c r="EJ26" s="191">
        <v>7</v>
      </c>
      <c r="EK26" s="191">
        <v>4</v>
      </c>
      <c r="EL26" s="191">
        <v>4</v>
      </c>
      <c r="EM26" s="191">
        <v>3</v>
      </c>
      <c r="EN26" s="196">
        <v>25</v>
      </c>
      <c r="EO26" s="195">
        <v>30</v>
      </c>
      <c r="EP26" s="190">
        <v>10</v>
      </c>
      <c r="EQ26" s="191">
        <v>14</v>
      </c>
      <c r="ER26" s="196">
        <v>24</v>
      </c>
      <c r="ES26" s="193">
        <v>0</v>
      </c>
      <c r="ET26" s="191">
        <v>19</v>
      </c>
      <c r="EU26" s="191">
        <v>21</v>
      </c>
      <c r="EV26" s="191">
        <v>11</v>
      </c>
      <c r="EW26" s="191">
        <v>9</v>
      </c>
      <c r="EX26" s="191">
        <v>6</v>
      </c>
      <c r="EY26" s="196">
        <v>66</v>
      </c>
      <c r="EZ26" s="195">
        <v>90</v>
      </c>
    </row>
    <row r="27" spans="2:156" ht="21" customHeight="1" x14ac:dyDescent="0.2">
      <c r="B27" s="106" t="s">
        <v>25</v>
      </c>
      <c r="C27" s="190">
        <v>0</v>
      </c>
      <c r="D27" s="191">
        <v>0</v>
      </c>
      <c r="E27" s="192">
        <v>0</v>
      </c>
      <c r="F27" s="193">
        <v>0</v>
      </c>
      <c r="G27" s="191">
        <v>1</v>
      </c>
      <c r="H27" s="191">
        <v>0</v>
      </c>
      <c r="I27" s="191">
        <v>3</v>
      </c>
      <c r="J27" s="191">
        <v>1</v>
      </c>
      <c r="K27" s="191">
        <v>0</v>
      </c>
      <c r="L27" s="194">
        <v>5</v>
      </c>
      <c r="M27" s="195">
        <v>5</v>
      </c>
      <c r="N27" s="190">
        <v>0</v>
      </c>
      <c r="O27" s="191">
        <v>0</v>
      </c>
      <c r="P27" s="196">
        <v>0</v>
      </c>
      <c r="Q27" s="193">
        <v>0</v>
      </c>
      <c r="R27" s="191">
        <v>0</v>
      </c>
      <c r="S27" s="191">
        <v>0</v>
      </c>
      <c r="T27" s="191">
        <v>1</v>
      </c>
      <c r="U27" s="191">
        <v>0</v>
      </c>
      <c r="V27" s="191">
        <v>1</v>
      </c>
      <c r="W27" s="196">
        <v>2</v>
      </c>
      <c r="X27" s="195">
        <v>2</v>
      </c>
      <c r="Y27" s="190">
        <v>4</v>
      </c>
      <c r="Z27" s="191">
        <v>5</v>
      </c>
      <c r="AA27" s="196">
        <v>9</v>
      </c>
      <c r="AB27" s="193">
        <v>0</v>
      </c>
      <c r="AC27" s="191">
        <v>1</v>
      </c>
      <c r="AD27" s="191">
        <v>0</v>
      </c>
      <c r="AE27" s="191">
        <v>3</v>
      </c>
      <c r="AF27" s="191">
        <v>0</v>
      </c>
      <c r="AG27" s="191">
        <v>1</v>
      </c>
      <c r="AH27" s="196">
        <v>5</v>
      </c>
      <c r="AI27" s="195">
        <v>14</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2</v>
      </c>
      <c r="AZ27" s="191">
        <v>2</v>
      </c>
      <c r="BA27" s="191">
        <v>4</v>
      </c>
      <c r="BB27" s="191">
        <v>2</v>
      </c>
      <c r="BC27" s="191">
        <v>1</v>
      </c>
      <c r="BD27" s="194">
        <v>11</v>
      </c>
      <c r="BE27" s="195">
        <v>13</v>
      </c>
      <c r="BF27" s="190">
        <v>0</v>
      </c>
      <c r="BG27" s="191">
        <v>0</v>
      </c>
      <c r="BH27" s="196">
        <v>0</v>
      </c>
      <c r="BI27" s="193">
        <v>0</v>
      </c>
      <c r="BJ27" s="191">
        <v>1</v>
      </c>
      <c r="BK27" s="191">
        <v>3</v>
      </c>
      <c r="BL27" s="191">
        <v>3</v>
      </c>
      <c r="BM27" s="191">
        <v>0</v>
      </c>
      <c r="BN27" s="191">
        <v>0</v>
      </c>
      <c r="BO27" s="196">
        <v>7</v>
      </c>
      <c r="BP27" s="195">
        <v>7</v>
      </c>
      <c r="BQ27" s="190">
        <v>0</v>
      </c>
      <c r="BR27" s="191">
        <v>0</v>
      </c>
      <c r="BS27" s="196">
        <v>0</v>
      </c>
      <c r="BT27" s="193">
        <v>0</v>
      </c>
      <c r="BU27" s="191">
        <v>2</v>
      </c>
      <c r="BV27" s="191">
        <v>2</v>
      </c>
      <c r="BW27" s="191">
        <v>1</v>
      </c>
      <c r="BX27" s="191">
        <v>0</v>
      </c>
      <c r="BY27" s="191">
        <v>0</v>
      </c>
      <c r="BZ27" s="196">
        <v>5</v>
      </c>
      <c r="CA27" s="195">
        <v>5</v>
      </c>
      <c r="CB27" s="190">
        <v>0</v>
      </c>
      <c r="CC27" s="191">
        <v>0</v>
      </c>
      <c r="CD27" s="196">
        <v>0</v>
      </c>
      <c r="CE27" s="193">
        <v>0</v>
      </c>
      <c r="CF27" s="191">
        <v>1</v>
      </c>
      <c r="CG27" s="191">
        <v>0</v>
      </c>
      <c r="CH27" s="191">
        <v>2</v>
      </c>
      <c r="CI27" s="191">
        <v>0</v>
      </c>
      <c r="CJ27" s="191">
        <v>0</v>
      </c>
      <c r="CK27" s="196">
        <v>3</v>
      </c>
      <c r="CL27" s="195">
        <v>3</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6</v>
      </c>
      <c r="DU27" s="191">
        <v>8</v>
      </c>
      <c r="DV27" s="196">
        <v>14</v>
      </c>
      <c r="DW27" s="193">
        <v>0</v>
      </c>
      <c r="DX27" s="191">
        <v>3</v>
      </c>
      <c r="DY27" s="191">
        <v>5</v>
      </c>
      <c r="DZ27" s="191">
        <v>8</v>
      </c>
      <c r="EA27" s="191">
        <v>0</v>
      </c>
      <c r="EB27" s="191">
        <v>2</v>
      </c>
      <c r="EC27" s="196">
        <v>18</v>
      </c>
      <c r="ED27" s="195">
        <v>32</v>
      </c>
      <c r="EE27" s="190">
        <v>0</v>
      </c>
      <c r="EF27" s="191">
        <v>0</v>
      </c>
      <c r="EG27" s="196">
        <v>0</v>
      </c>
      <c r="EH27" s="193">
        <v>0</v>
      </c>
      <c r="EI27" s="191">
        <v>1</v>
      </c>
      <c r="EJ27" s="191">
        <v>2</v>
      </c>
      <c r="EK27" s="191">
        <v>2</v>
      </c>
      <c r="EL27" s="191">
        <v>1</v>
      </c>
      <c r="EM27" s="191">
        <v>0</v>
      </c>
      <c r="EN27" s="196">
        <v>6</v>
      </c>
      <c r="EO27" s="195">
        <v>6</v>
      </c>
      <c r="EP27" s="190">
        <v>10</v>
      </c>
      <c r="EQ27" s="191">
        <v>11</v>
      </c>
      <c r="ER27" s="196">
        <v>21</v>
      </c>
      <c r="ES27" s="193">
        <v>0</v>
      </c>
      <c r="ET27" s="191">
        <v>8</v>
      </c>
      <c r="EU27" s="191">
        <v>8</v>
      </c>
      <c r="EV27" s="191">
        <v>10</v>
      </c>
      <c r="EW27" s="191">
        <v>1</v>
      </c>
      <c r="EX27" s="191">
        <v>2</v>
      </c>
      <c r="EY27" s="196">
        <v>29</v>
      </c>
      <c r="EZ27" s="195">
        <v>50</v>
      </c>
    </row>
    <row r="28" spans="2:156" ht="21" customHeight="1" x14ac:dyDescent="0.2">
      <c r="B28" s="106" t="s">
        <v>26</v>
      </c>
      <c r="C28" s="190">
        <v>0</v>
      </c>
      <c r="D28" s="191">
        <v>0</v>
      </c>
      <c r="E28" s="192">
        <v>0</v>
      </c>
      <c r="F28" s="193">
        <v>0</v>
      </c>
      <c r="G28" s="191">
        <v>4</v>
      </c>
      <c r="H28" s="191">
        <v>5</v>
      </c>
      <c r="I28" s="191">
        <v>4</v>
      </c>
      <c r="J28" s="191">
        <v>0</v>
      </c>
      <c r="K28" s="191">
        <v>3</v>
      </c>
      <c r="L28" s="194">
        <v>16</v>
      </c>
      <c r="M28" s="195">
        <v>16</v>
      </c>
      <c r="N28" s="190">
        <v>0</v>
      </c>
      <c r="O28" s="191">
        <v>0</v>
      </c>
      <c r="P28" s="196">
        <v>0</v>
      </c>
      <c r="Q28" s="193">
        <v>0</v>
      </c>
      <c r="R28" s="191">
        <v>0</v>
      </c>
      <c r="S28" s="191">
        <v>0</v>
      </c>
      <c r="T28" s="191">
        <v>0</v>
      </c>
      <c r="U28" s="191">
        <v>0</v>
      </c>
      <c r="V28" s="191">
        <v>1</v>
      </c>
      <c r="W28" s="196">
        <v>1</v>
      </c>
      <c r="X28" s="195">
        <v>1</v>
      </c>
      <c r="Y28" s="190">
        <v>0</v>
      </c>
      <c r="Z28" s="191">
        <v>1</v>
      </c>
      <c r="AA28" s="196">
        <v>1</v>
      </c>
      <c r="AB28" s="193">
        <v>0</v>
      </c>
      <c r="AC28" s="191">
        <v>4</v>
      </c>
      <c r="AD28" s="191">
        <v>3</v>
      </c>
      <c r="AE28" s="191">
        <v>2</v>
      </c>
      <c r="AF28" s="191">
        <v>0</v>
      </c>
      <c r="AG28" s="191">
        <v>3</v>
      </c>
      <c r="AH28" s="196">
        <v>12</v>
      </c>
      <c r="AI28" s="195">
        <v>13</v>
      </c>
      <c r="AJ28" s="190">
        <v>1</v>
      </c>
      <c r="AK28" s="191">
        <v>0</v>
      </c>
      <c r="AL28" s="196">
        <v>1</v>
      </c>
      <c r="AM28" s="193">
        <v>0</v>
      </c>
      <c r="AN28" s="191">
        <v>1</v>
      </c>
      <c r="AO28" s="191">
        <v>0</v>
      </c>
      <c r="AP28" s="191">
        <v>1</v>
      </c>
      <c r="AQ28" s="191">
        <v>0</v>
      </c>
      <c r="AR28" s="191">
        <v>0</v>
      </c>
      <c r="AS28" s="196">
        <v>2</v>
      </c>
      <c r="AT28" s="195">
        <v>3</v>
      </c>
      <c r="AU28" s="190">
        <v>2</v>
      </c>
      <c r="AV28" s="191">
        <v>0</v>
      </c>
      <c r="AW28" s="196">
        <v>2</v>
      </c>
      <c r="AX28" s="193">
        <v>0</v>
      </c>
      <c r="AY28" s="191">
        <v>8</v>
      </c>
      <c r="AZ28" s="191">
        <v>5</v>
      </c>
      <c r="BA28" s="191">
        <v>9</v>
      </c>
      <c r="BB28" s="191">
        <v>4</v>
      </c>
      <c r="BC28" s="191">
        <v>5</v>
      </c>
      <c r="BD28" s="194">
        <v>31</v>
      </c>
      <c r="BE28" s="195">
        <v>33</v>
      </c>
      <c r="BF28" s="190">
        <v>0</v>
      </c>
      <c r="BG28" s="191">
        <v>0</v>
      </c>
      <c r="BH28" s="196">
        <v>0</v>
      </c>
      <c r="BI28" s="193">
        <v>0</v>
      </c>
      <c r="BJ28" s="191">
        <v>10</v>
      </c>
      <c r="BK28" s="191">
        <v>2</v>
      </c>
      <c r="BL28" s="191">
        <v>3</v>
      </c>
      <c r="BM28" s="191">
        <v>0</v>
      </c>
      <c r="BN28" s="191">
        <v>1</v>
      </c>
      <c r="BO28" s="196">
        <v>16</v>
      </c>
      <c r="BP28" s="195">
        <v>16</v>
      </c>
      <c r="BQ28" s="190">
        <v>0</v>
      </c>
      <c r="BR28" s="191">
        <v>0</v>
      </c>
      <c r="BS28" s="196">
        <v>0</v>
      </c>
      <c r="BT28" s="193">
        <v>0</v>
      </c>
      <c r="BU28" s="191">
        <v>0</v>
      </c>
      <c r="BV28" s="191">
        <v>4</v>
      </c>
      <c r="BW28" s="191">
        <v>1</v>
      </c>
      <c r="BX28" s="191">
        <v>0</v>
      </c>
      <c r="BY28" s="191">
        <v>0</v>
      </c>
      <c r="BZ28" s="196">
        <v>5</v>
      </c>
      <c r="CA28" s="195">
        <v>5</v>
      </c>
      <c r="CB28" s="190">
        <v>0</v>
      </c>
      <c r="CC28" s="191">
        <v>0</v>
      </c>
      <c r="CD28" s="196">
        <v>0</v>
      </c>
      <c r="CE28" s="193">
        <v>0</v>
      </c>
      <c r="CF28" s="191">
        <v>1</v>
      </c>
      <c r="CG28" s="191">
        <v>1</v>
      </c>
      <c r="CH28" s="191">
        <v>0</v>
      </c>
      <c r="CI28" s="191">
        <v>0</v>
      </c>
      <c r="CJ28" s="191">
        <v>0</v>
      </c>
      <c r="CK28" s="196">
        <v>2</v>
      </c>
      <c r="CL28" s="195">
        <v>2</v>
      </c>
      <c r="CM28" s="190">
        <v>0</v>
      </c>
      <c r="CN28" s="191">
        <v>0</v>
      </c>
      <c r="CO28" s="196">
        <v>0</v>
      </c>
      <c r="CP28" s="193">
        <v>0</v>
      </c>
      <c r="CQ28" s="191">
        <v>0</v>
      </c>
      <c r="CR28" s="191">
        <v>0</v>
      </c>
      <c r="CS28" s="191">
        <v>0</v>
      </c>
      <c r="CT28" s="191">
        <v>0</v>
      </c>
      <c r="CU28" s="191">
        <v>1</v>
      </c>
      <c r="CV28" s="196">
        <v>1</v>
      </c>
      <c r="CW28" s="195">
        <v>1</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6</v>
      </c>
      <c r="DV28" s="196">
        <v>7</v>
      </c>
      <c r="DW28" s="193">
        <v>0</v>
      </c>
      <c r="DX28" s="191">
        <v>3</v>
      </c>
      <c r="DY28" s="191">
        <v>12</v>
      </c>
      <c r="DZ28" s="191">
        <v>6</v>
      </c>
      <c r="EA28" s="191">
        <v>0</v>
      </c>
      <c r="EB28" s="191">
        <v>3</v>
      </c>
      <c r="EC28" s="196">
        <v>24</v>
      </c>
      <c r="ED28" s="195">
        <v>31</v>
      </c>
      <c r="EE28" s="190">
        <v>1</v>
      </c>
      <c r="EF28" s="191">
        <v>1</v>
      </c>
      <c r="EG28" s="196">
        <v>2</v>
      </c>
      <c r="EH28" s="193">
        <v>0</v>
      </c>
      <c r="EI28" s="191">
        <v>6</v>
      </c>
      <c r="EJ28" s="191">
        <v>2</v>
      </c>
      <c r="EK28" s="191">
        <v>4</v>
      </c>
      <c r="EL28" s="191">
        <v>3</v>
      </c>
      <c r="EM28" s="191">
        <v>3</v>
      </c>
      <c r="EN28" s="196">
        <v>18</v>
      </c>
      <c r="EO28" s="195">
        <v>20</v>
      </c>
      <c r="EP28" s="190">
        <v>2</v>
      </c>
      <c r="EQ28" s="191">
        <v>7</v>
      </c>
      <c r="ER28" s="196">
        <v>9</v>
      </c>
      <c r="ES28" s="193">
        <v>0</v>
      </c>
      <c r="ET28" s="191">
        <v>18</v>
      </c>
      <c r="EU28" s="191">
        <v>13</v>
      </c>
      <c r="EV28" s="191">
        <v>7</v>
      </c>
      <c r="EW28" s="191">
        <v>0</v>
      </c>
      <c r="EX28" s="191">
        <v>3</v>
      </c>
      <c r="EY28" s="196">
        <v>41</v>
      </c>
      <c r="EZ28" s="195">
        <v>50</v>
      </c>
    </row>
    <row r="29" spans="2:156" ht="21" customHeight="1" x14ac:dyDescent="0.2">
      <c r="B29" s="106" t="s">
        <v>27</v>
      </c>
      <c r="C29" s="190">
        <v>0</v>
      </c>
      <c r="D29" s="191">
        <v>0</v>
      </c>
      <c r="E29" s="192">
        <v>0</v>
      </c>
      <c r="F29" s="193">
        <v>0</v>
      </c>
      <c r="G29" s="191">
        <v>2</v>
      </c>
      <c r="H29" s="191">
        <v>5</v>
      </c>
      <c r="I29" s="191">
        <v>3</v>
      </c>
      <c r="J29" s="191">
        <v>2</v>
      </c>
      <c r="K29" s="191">
        <v>1</v>
      </c>
      <c r="L29" s="194">
        <v>13</v>
      </c>
      <c r="M29" s="195">
        <v>13</v>
      </c>
      <c r="N29" s="190">
        <v>0</v>
      </c>
      <c r="O29" s="191">
        <v>0</v>
      </c>
      <c r="P29" s="196">
        <v>0</v>
      </c>
      <c r="Q29" s="193">
        <v>0</v>
      </c>
      <c r="R29" s="191">
        <v>0</v>
      </c>
      <c r="S29" s="191">
        <v>0</v>
      </c>
      <c r="T29" s="191">
        <v>0</v>
      </c>
      <c r="U29" s="191">
        <v>2</v>
      </c>
      <c r="V29" s="191">
        <v>1</v>
      </c>
      <c r="W29" s="196">
        <v>3</v>
      </c>
      <c r="X29" s="195">
        <v>3</v>
      </c>
      <c r="Y29" s="190">
        <v>1</v>
      </c>
      <c r="Z29" s="191">
        <v>5</v>
      </c>
      <c r="AA29" s="196">
        <v>6</v>
      </c>
      <c r="AB29" s="193">
        <v>0</v>
      </c>
      <c r="AC29" s="191">
        <v>0</v>
      </c>
      <c r="AD29" s="191">
        <v>3</v>
      </c>
      <c r="AE29" s="191">
        <v>5</v>
      </c>
      <c r="AF29" s="191">
        <v>3</v>
      </c>
      <c r="AG29" s="191">
        <v>0</v>
      </c>
      <c r="AH29" s="196">
        <v>11</v>
      </c>
      <c r="AI29" s="195">
        <v>17</v>
      </c>
      <c r="AJ29" s="190">
        <v>0</v>
      </c>
      <c r="AK29" s="191">
        <v>0</v>
      </c>
      <c r="AL29" s="196">
        <v>0</v>
      </c>
      <c r="AM29" s="193">
        <v>0</v>
      </c>
      <c r="AN29" s="191">
        <v>0</v>
      </c>
      <c r="AO29" s="191">
        <v>0</v>
      </c>
      <c r="AP29" s="191">
        <v>0</v>
      </c>
      <c r="AQ29" s="191">
        <v>0</v>
      </c>
      <c r="AR29" s="191">
        <v>0</v>
      </c>
      <c r="AS29" s="196">
        <v>0</v>
      </c>
      <c r="AT29" s="195">
        <v>0</v>
      </c>
      <c r="AU29" s="190">
        <v>0</v>
      </c>
      <c r="AV29" s="191">
        <v>1</v>
      </c>
      <c r="AW29" s="196">
        <v>1</v>
      </c>
      <c r="AX29" s="193">
        <v>0</v>
      </c>
      <c r="AY29" s="191">
        <v>2</v>
      </c>
      <c r="AZ29" s="191">
        <v>5</v>
      </c>
      <c r="BA29" s="191">
        <v>5</v>
      </c>
      <c r="BB29" s="191">
        <v>3</v>
      </c>
      <c r="BC29" s="191">
        <v>4</v>
      </c>
      <c r="BD29" s="194">
        <v>19</v>
      </c>
      <c r="BE29" s="195">
        <v>20</v>
      </c>
      <c r="BF29" s="190">
        <v>0</v>
      </c>
      <c r="BG29" s="191">
        <v>0</v>
      </c>
      <c r="BH29" s="196">
        <v>0</v>
      </c>
      <c r="BI29" s="193">
        <v>0</v>
      </c>
      <c r="BJ29" s="191">
        <v>4</v>
      </c>
      <c r="BK29" s="191">
        <v>3</v>
      </c>
      <c r="BL29" s="191">
        <v>2</v>
      </c>
      <c r="BM29" s="191">
        <v>2</v>
      </c>
      <c r="BN29" s="191">
        <v>0</v>
      </c>
      <c r="BO29" s="196">
        <v>11</v>
      </c>
      <c r="BP29" s="195">
        <v>11</v>
      </c>
      <c r="BQ29" s="190">
        <v>2</v>
      </c>
      <c r="BR29" s="191">
        <v>1</v>
      </c>
      <c r="BS29" s="196">
        <v>3</v>
      </c>
      <c r="BT29" s="193">
        <v>0</v>
      </c>
      <c r="BU29" s="191">
        <v>2</v>
      </c>
      <c r="BV29" s="191">
        <v>2</v>
      </c>
      <c r="BW29" s="191">
        <v>1</v>
      </c>
      <c r="BX29" s="191">
        <v>0</v>
      </c>
      <c r="BY29" s="191">
        <v>0</v>
      </c>
      <c r="BZ29" s="196">
        <v>5</v>
      </c>
      <c r="CA29" s="195">
        <v>8</v>
      </c>
      <c r="CB29" s="190">
        <v>0</v>
      </c>
      <c r="CC29" s="191">
        <v>0</v>
      </c>
      <c r="CD29" s="196">
        <v>0</v>
      </c>
      <c r="CE29" s="193">
        <v>0</v>
      </c>
      <c r="CF29" s="191">
        <v>2</v>
      </c>
      <c r="CG29" s="191">
        <v>0</v>
      </c>
      <c r="CH29" s="191">
        <v>2</v>
      </c>
      <c r="CI29" s="191">
        <v>2</v>
      </c>
      <c r="CJ29" s="191">
        <v>0</v>
      </c>
      <c r="CK29" s="196">
        <v>6</v>
      </c>
      <c r="CL29" s="195">
        <v>6</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4</v>
      </c>
      <c r="DU29" s="191">
        <v>10</v>
      </c>
      <c r="DV29" s="196">
        <v>14</v>
      </c>
      <c r="DW29" s="193">
        <v>0</v>
      </c>
      <c r="DX29" s="191">
        <v>2</v>
      </c>
      <c r="DY29" s="191">
        <v>9</v>
      </c>
      <c r="DZ29" s="191">
        <v>10</v>
      </c>
      <c r="EA29" s="191">
        <v>4</v>
      </c>
      <c r="EB29" s="191">
        <v>1</v>
      </c>
      <c r="EC29" s="196">
        <v>26</v>
      </c>
      <c r="ED29" s="195">
        <v>40</v>
      </c>
      <c r="EE29" s="190">
        <v>0</v>
      </c>
      <c r="EF29" s="191">
        <v>1</v>
      </c>
      <c r="EG29" s="196">
        <v>1</v>
      </c>
      <c r="EH29" s="193">
        <v>0</v>
      </c>
      <c r="EI29" s="191">
        <v>3</v>
      </c>
      <c r="EJ29" s="191">
        <v>3</v>
      </c>
      <c r="EK29" s="191">
        <v>1</v>
      </c>
      <c r="EL29" s="191">
        <v>2</v>
      </c>
      <c r="EM29" s="191">
        <v>4</v>
      </c>
      <c r="EN29" s="196">
        <v>13</v>
      </c>
      <c r="EO29" s="195">
        <v>14</v>
      </c>
      <c r="EP29" s="190">
        <v>7</v>
      </c>
      <c r="EQ29" s="191">
        <v>13</v>
      </c>
      <c r="ER29" s="196">
        <v>20</v>
      </c>
      <c r="ES29" s="193">
        <v>0</v>
      </c>
      <c r="ET29" s="191">
        <v>9</v>
      </c>
      <c r="EU29" s="191">
        <v>12</v>
      </c>
      <c r="EV29" s="191">
        <v>10</v>
      </c>
      <c r="EW29" s="191">
        <v>4</v>
      </c>
      <c r="EX29" s="191">
        <v>1</v>
      </c>
      <c r="EY29" s="196">
        <v>36</v>
      </c>
      <c r="EZ29" s="195">
        <v>56</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v>
      </c>
      <c r="AE30" s="191">
        <v>1</v>
      </c>
      <c r="AF30" s="191">
        <v>0</v>
      </c>
      <c r="AG30" s="191">
        <v>0</v>
      </c>
      <c r="AH30" s="196">
        <v>2</v>
      </c>
      <c r="AI30" s="195">
        <v>2</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2</v>
      </c>
      <c r="BB30" s="191">
        <v>2</v>
      </c>
      <c r="BC30" s="191">
        <v>1</v>
      </c>
      <c r="BD30" s="194">
        <v>8</v>
      </c>
      <c r="BE30" s="195">
        <v>8</v>
      </c>
      <c r="BF30" s="190">
        <v>0</v>
      </c>
      <c r="BG30" s="191">
        <v>0</v>
      </c>
      <c r="BH30" s="196">
        <v>0</v>
      </c>
      <c r="BI30" s="193">
        <v>0</v>
      </c>
      <c r="BJ30" s="191">
        <v>0</v>
      </c>
      <c r="BK30" s="191">
        <v>1</v>
      </c>
      <c r="BL30" s="191">
        <v>3</v>
      </c>
      <c r="BM30" s="191">
        <v>0</v>
      </c>
      <c r="BN30" s="191">
        <v>0</v>
      </c>
      <c r="BO30" s="196">
        <v>4</v>
      </c>
      <c r="BP30" s="195">
        <v>4</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1</v>
      </c>
      <c r="DY30" s="191">
        <v>2</v>
      </c>
      <c r="DZ30" s="191">
        <v>3</v>
      </c>
      <c r="EA30" s="191">
        <v>1</v>
      </c>
      <c r="EB30" s="191">
        <v>0</v>
      </c>
      <c r="EC30" s="196">
        <v>7</v>
      </c>
      <c r="ED30" s="195">
        <v>8</v>
      </c>
      <c r="EE30" s="190">
        <v>0</v>
      </c>
      <c r="EF30" s="191">
        <v>0</v>
      </c>
      <c r="EG30" s="196">
        <v>0</v>
      </c>
      <c r="EH30" s="193">
        <v>0</v>
      </c>
      <c r="EI30" s="191">
        <v>0</v>
      </c>
      <c r="EJ30" s="191">
        <v>0</v>
      </c>
      <c r="EK30" s="191">
        <v>1</v>
      </c>
      <c r="EL30" s="191">
        <v>1</v>
      </c>
      <c r="EM30" s="191">
        <v>1</v>
      </c>
      <c r="EN30" s="196">
        <v>3</v>
      </c>
      <c r="EO30" s="195">
        <v>3</v>
      </c>
      <c r="EP30" s="190">
        <v>0</v>
      </c>
      <c r="EQ30" s="191">
        <v>1</v>
      </c>
      <c r="ER30" s="196">
        <v>1</v>
      </c>
      <c r="ES30" s="193">
        <v>0</v>
      </c>
      <c r="ET30" s="191">
        <v>6</v>
      </c>
      <c r="EU30" s="191">
        <v>3</v>
      </c>
      <c r="EV30" s="191">
        <v>4</v>
      </c>
      <c r="EW30" s="191">
        <v>1</v>
      </c>
      <c r="EX30" s="191">
        <v>0</v>
      </c>
      <c r="EY30" s="196">
        <v>14</v>
      </c>
      <c r="EZ30" s="195">
        <v>15</v>
      </c>
    </row>
    <row r="31" spans="2:156" ht="21" customHeight="1" x14ac:dyDescent="0.2">
      <c r="B31" s="106" t="s">
        <v>29</v>
      </c>
      <c r="C31" s="190">
        <v>0</v>
      </c>
      <c r="D31" s="191">
        <v>0</v>
      </c>
      <c r="E31" s="192">
        <v>0</v>
      </c>
      <c r="F31" s="193">
        <v>0</v>
      </c>
      <c r="G31" s="191">
        <v>2</v>
      </c>
      <c r="H31" s="191">
        <v>3</v>
      </c>
      <c r="I31" s="191">
        <v>0</v>
      </c>
      <c r="J31" s="191">
        <v>1</v>
      </c>
      <c r="K31" s="191">
        <v>0</v>
      </c>
      <c r="L31" s="194">
        <v>6</v>
      </c>
      <c r="M31" s="195">
        <v>6</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2</v>
      </c>
      <c r="AE31" s="191">
        <v>3</v>
      </c>
      <c r="AF31" s="191">
        <v>0</v>
      </c>
      <c r="AG31" s="191">
        <v>0</v>
      </c>
      <c r="AH31" s="196">
        <v>8</v>
      </c>
      <c r="AI31" s="195">
        <v>10</v>
      </c>
      <c r="AJ31" s="190">
        <v>0</v>
      </c>
      <c r="AK31" s="191">
        <v>1</v>
      </c>
      <c r="AL31" s="196">
        <v>1</v>
      </c>
      <c r="AM31" s="193">
        <v>0</v>
      </c>
      <c r="AN31" s="191">
        <v>0</v>
      </c>
      <c r="AO31" s="191">
        <v>0</v>
      </c>
      <c r="AP31" s="191">
        <v>0</v>
      </c>
      <c r="AQ31" s="191">
        <v>1</v>
      </c>
      <c r="AR31" s="191">
        <v>0</v>
      </c>
      <c r="AS31" s="196">
        <v>1</v>
      </c>
      <c r="AT31" s="195">
        <v>2</v>
      </c>
      <c r="AU31" s="190">
        <v>0</v>
      </c>
      <c r="AV31" s="191">
        <v>0</v>
      </c>
      <c r="AW31" s="196">
        <v>0</v>
      </c>
      <c r="AX31" s="193">
        <v>0</v>
      </c>
      <c r="AY31" s="191">
        <v>2</v>
      </c>
      <c r="AZ31" s="191">
        <v>2</v>
      </c>
      <c r="BA31" s="191">
        <v>0</v>
      </c>
      <c r="BB31" s="191">
        <v>2</v>
      </c>
      <c r="BC31" s="191">
        <v>0</v>
      </c>
      <c r="BD31" s="194">
        <v>6</v>
      </c>
      <c r="BE31" s="195">
        <v>6</v>
      </c>
      <c r="BF31" s="190">
        <v>0</v>
      </c>
      <c r="BG31" s="191">
        <v>0</v>
      </c>
      <c r="BH31" s="196">
        <v>0</v>
      </c>
      <c r="BI31" s="193">
        <v>0</v>
      </c>
      <c r="BJ31" s="191">
        <v>2</v>
      </c>
      <c r="BK31" s="191">
        <v>1</v>
      </c>
      <c r="BL31" s="191">
        <v>0</v>
      </c>
      <c r="BM31" s="191">
        <v>0</v>
      </c>
      <c r="BN31" s="191">
        <v>0</v>
      </c>
      <c r="BO31" s="196">
        <v>3</v>
      </c>
      <c r="BP31" s="195">
        <v>3</v>
      </c>
      <c r="BQ31" s="190">
        <v>0</v>
      </c>
      <c r="BR31" s="191">
        <v>0</v>
      </c>
      <c r="BS31" s="196">
        <v>0</v>
      </c>
      <c r="BT31" s="193">
        <v>0</v>
      </c>
      <c r="BU31" s="191">
        <v>1</v>
      </c>
      <c r="BV31" s="191">
        <v>0</v>
      </c>
      <c r="BW31" s="191">
        <v>1</v>
      </c>
      <c r="BX31" s="191">
        <v>1</v>
      </c>
      <c r="BY31" s="191">
        <v>0</v>
      </c>
      <c r="BZ31" s="196">
        <v>3</v>
      </c>
      <c r="CA31" s="195">
        <v>3</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0</v>
      </c>
      <c r="DU31" s="191">
        <v>3</v>
      </c>
      <c r="DV31" s="196">
        <v>3</v>
      </c>
      <c r="DW31" s="193">
        <v>0</v>
      </c>
      <c r="DX31" s="191">
        <v>2</v>
      </c>
      <c r="DY31" s="191">
        <v>5</v>
      </c>
      <c r="DZ31" s="191">
        <v>3</v>
      </c>
      <c r="EA31" s="191">
        <v>2</v>
      </c>
      <c r="EB31" s="191">
        <v>1</v>
      </c>
      <c r="EC31" s="196">
        <v>13</v>
      </c>
      <c r="ED31" s="195">
        <v>16</v>
      </c>
      <c r="EE31" s="190">
        <v>1</v>
      </c>
      <c r="EF31" s="191">
        <v>0</v>
      </c>
      <c r="EG31" s="196">
        <v>1</v>
      </c>
      <c r="EH31" s="193">
        <v>0</v>
      </c>
      <c r="EI31" s="191">
        <v>0</v>
      </c>
      <c r="EJ31" s="191">
        <v>1</v>
      </c>
      <c r="EK31" s="191">
        <v>0</v>
      </c>
      <c r="EL31" s="191">
        <v>1</v>
      </c>
      <c r="EM31" s="191">
        <v>1</v>
      </c>
      <c r="EN31" s="196">
        <v>3</v>
      </c>
      <c r="EO31" s="195">
        <v>4</v>
      </c>
      <c r="EP31" s="190">
        <v>1</v>
      </c>
      <c r="EQ31" s="191">
        <v>4</v>
      </c>
      <c r="ER31" s="196">
        <v>5</v>
      </c>
      <c r="ES31" s="193">
        <v>0</v>
      </c>
      <c r="ET31" s="191">
        <v>6</v>
      </c>
      <c r="EU31" s="191">
        <v>3</v>
      </c>
      <c r="EV31" s="191">
        <v>3</v>
      </c>
      <c r="EW31" s="191">
        <v>1</v>
      </c>
      <c r="EX31" s="191">
        <v>1</v>
      </c>
      <c r="EY31" s="196">
        <v>14</v>
      </c>
      <c r="EZ31" s="195">
        <v>19</v>
      </c>
    </row>
    <row r="32" spans="2:156" ht="21" customHeight="1" x14ac:dyDescent="0.2">
      <c r="B32" s="106" t="s">
        <v>30</v>
      </c>
      <c r="C32" s="190">
        <v>0</v>
      </c>
      <c r="D32" s="191">
        <v>0</v>
      </c>
      <c r="E32" s="192">
        <v>0</v>
      </c>
      <c r="F32" s="193">
        <v>0</v>
      </c>
      <c r="G32" s="191">
        <v>1</v>
      </c>
      <c r="H32" s="191">
        <v>2</v>
      </c>
      <c r="I32" s="191">
        <v>1</v>
      </c>
      <c r="J32" s="191">
        <v>0</v>
      </c>
      <c r="K32" s="191">
        <v>0</v>
      </c>
      <c r="L32" s="194">
        <v>4</v>
      </c>
      <c r="M32" s="195">
        <v>4</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1</v>
      </c>
      <c r="AD32" s="191">
        <v>1</v>
      </c>
      <c r="AE32" s="191">
        <v>1</v>
      </c>
      <c r="AF32" s="191">
        <v>0</v>
      </c>
      <c r="AG32" s="191">
        <v>0</v>
      </c>
      <c r="AH32" s="196">
        <v>3</v>
      </c>
      <c r="AI32" s="195">
        <v>3</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5</v>
      </c>
      <c r="AZ32" s="191">
        <v>2</v>
      </c>
      <c r="BA32" s="191">
        <v>1</v>
      </c>
      <c r="BB32" s="191">
        <v>0</v>
      </c>
      <c r="BC32" s="191">
        <v>0</v>
      </c>
      <c r="BD32" s="194">
        <v>8</v>
      </c>
      <c r="BE32" s="195">
        <v>8</v>
      </c>
      <c r="BF32" s="190">
        <v>0</v>
      </c>
      <c r="BG32" s="191">
        <v>0</v>
      </c>
      <c r="BH32" s="196">
        <v>0</v>
      </c>
      <c r="BI32" s="193">
        <v>0</v>
      </c>
      <c r="BJ32" s="191">
        <v>1</v>
      </c>
      <c r="BK32" s="191">
        <v>1</v>
      </c>
      <c r="BL32" s="191">
        <v>1</v>
      </c>
      <c r="BM32" s="191">
        <v>0</v>
      </c>
      <c r="BN32" s="191">
        <v>0</v>
      </c>
      <c r="BO32" s="196">
        <v>3</v>
      </c>
      <c r="BP32" s="195">
        <v>3</v>
      </c>
      <c r="BQ32" s="190">
        <v>0</v>
      </c>
      <c r="BR32" s="191">
        <v>0</v>
      </c>
      <c r="BS32" s="196">
        <v>0</v>
      </c>
      <c r="BT32" s="193">
        <v>0</v>
      </c>
      <c r="BU32" s="191">
        <v>1</v>
      </c>
      <c r="BV32" s="191">
        <v>0</v>
      </c>
      <c r="BW32" s="191">
        <v>0</v>
      </c>
      <c r="BX32" s="191">
        <v>0</v>
      </c>
      <c r="BY32" s="191">
        <v>0</v>
      </c>
      <c r="BZ32" s="196">
        <v>1</v>
      </c>
      <c r="CA32" s="195">
        <v>1</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1</v>
      </c>
      <c r="DU32" s="191">
        <v>0</v>
      </c>
      <c r="DV32" s="196">
        <v>1</v>
      </c>
      <c r="DW32" s="193">
        <v>0</v>
      </c>
      <c r="DX32" s="191">
        <v>0</v>
      </c>
      <c r="DY32" s="191">
        <v>3</v>
      </c>
      <c r="DZ32" s="191">
        <v>2</v>
      </c>
      <c r="EA32" s="191">
        <v>2</v>
      </c>
      <c r="EB32" s="191">
        <v>0</v>
      </c>
      <c r="EC32" s="196">
        <v>7</v>
      </c>
      <c r="ED32" s="195">
        <v>8</v>
      </c>
      <c r="EE32" s="190">
        <v>0</v>
      </c>
      <c r="EF32" s="191">
        <v>0</v>
      </c>
      <c r="EG32" s="196">
        <v>0</v>
      </c>
      <c r="EH32" s="193">
        <v>0</v>
      </c>
      <c r="EI32" s="191">
        <v>2</v>
      </c>
      <c r="EJ32" s="191">
        <v>1</v>
      </c>
      <c r="EK32" s="191">
        <v>1</v>
      </c>
      <c r="EL32" s="191">
        <v>0</v>
      </c>
      <c r="EM32" s="191">
        <v>0</v>
      </c>
      <c r="EN32" s="196">
        <v>4</v>
      </c>
      <c r="EO32" s="195">
        <v>4</v>
      </c>
      <c r="EP32" s="190">
        <v>1</v>
      </c>
      <c r="EQ32" s="191">
        <v>0</v>
      </c>
      <c r="ER32" s="196">
        <v>1</v>
      </c>
      <c r="ES32" s="193">
        <v>0</v>
      </c>
      <c r="ET32" s="191">
        <v>2</v>
      </c>
      <c r="EU32" s="191">
        <v>3</v>
      </c>
      <c r="EV32" s="191">
        <v>2</v>
      </c>
      <c r="EW32" s="191">
        <v>1</v>
      </c>
      <c r="EX32" s="191">
        <v>0</v>
      </c>
      <c r="EY32" s="196">
        <v>8</v>
      </c>
      <c r="EZ32" s="195">
        <v>9</v>
      </c>
    </row>
    <row r="33" spans="2:156" ht="21" customHeight="1" x14ac:dyDescent="0.2">
      <c r="B33" s="106" t="s">
        <v>31</v>
      </c>
      <c r="C33" s="190">
        <v>0</v>
      </c>
      <c r="D33" s="191">
        <v>0</v>
      </c>
      <c r="E33" s="192">
        <v>0</v>
      </c>
      <c r="F33" s="193">
        <v>0</v>
      </c>
      <c r="G33" s="191">
        <v>1</v>
      </c>
      <c r="H33" s="191">
        <v>0</v>
      </c>
      <c r="I33" s="191">
        <v>0</v>
      </c>
      <c r="J33" s="191">
        <v>0</v>
      </c>
      <c r="K33" s="191">
        <v>0</v>
      </c>
      <c r="L33" s="194">
        <v>1</v>
      </c>
      <c r="M33" s="195">
        <v>1</v>
      </c>
      <c r="N33" s="190">
        <v>0</v>
      </c>
      <c r="O33" s="191">
        <v>0</v>
      </c>
      <c r="P33" s="196">
        <v>0</v>
      </c>
      <c r="Q33" s="193">
        <v>0</v>
      </c>
      <c r="R33" s="191">
        <v>0</v>
      </c>
      <c r="S33" s="191">
        <v>0</v>
      </c>
      <c r="T33" s="191">
        <v>0</v>
      </c>
      <c r="U33" s="191">
        <v>0</v>
      </c>
      <c r="V33" s="191">
        <v>1</v>
      </c>
      <c r="W33" s="196">
        <v>1</v>
      </c>
      <c r="X33" s="195">
        <v>1</v>
      </c>
      <c r="Y33" s="190">
        <v>0</v>
      </c>
      <c r="Z33" s="191">
        <v>0</v>
      </c>
      <c r="AA33" s="196">
        <v>0</v>
      </c>
      <c r="AB33" s="193">
        <v>0</v>
      </c>
      <c r="AC33" s="191">
        <v>2</v>
      </c>
      <c r="AD33" s="191">
        <v>0</v>
      </c>
      <c r="AE33" s="191">
        <v>2</v>
      </c>
      <c r="AF33" s="191">
        <v>0</v>
      </c>
      <c r="AG33" s="191">
        <v>1</v>
      </c>
      <c r="AH33" s="196">
        <v>5</v>
      </c>
      <c r="AI33" s="195">
        <v>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4">
        <v>1</v>
      </c>
      <c r="BE33" s="195">
        <v>1</v>
      </c>
      <c r="BF33" s="190">
        <v>0</v>
      </c>
      <c r="BG33" s="191">
        <v>0</v>
      </c>
      <c r="BH33" s="196">
        <v>0</v>
      </c>
      <c r="BI33" s="193">
        <v>0</v>
      </c>
      <c r="BJ33" s="191">
        <v>3</v>
      </c>
      <c r="BK33" s="191">
        <v>1</v>
      </c>
      <c r="BL33" s="191">
        <v>3</v>
      </c>
      <c r="BM33" s="191">
        <v>0</v>
      </c>
      <c r="BN33" s="191">
        <v>0</v>
      </c>
      <c r="BO33" s="196">
        <v>7</v>
      </c>
      <c r="BP33" s="195">
        <v>7</v>
      </c>
      <c r="BQ33" s="190">
        <v>0</v>
      </c>
      <c r="BR33" s="191">
        <v>0</v>
      </c>
      <c r="BS33" s="196">
        <v>0</v>
      </c>
      <c r="BT33" s="193">
        <v>0</v>
      </c>
      <c r="BU33" s="191">
        <v>1</v>
      </c>
      <c r="BV33" s="191">
        <v>0</v>
      </c>
      <c r="BW33" s="191">
        <v>1</v>
      </c>
      <c r="BX33" s="191">
        <v>0</v>
      </c>
      <c r="BY33" s="191">
        <v>0</v>
      </c>
      <c r="BZ33" s="196">
        <v>2</v>
      </c>
      <c r="CA33" s="195">
        <v>2</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1</v>
      </c>
      <c r="DV33" s="196">
        <v>2</v>
      </c>
      <c r="DW33" s="193">
        <v>0</v>
      </c>
      <c r="DX33" s="191">
        <v>4</v>
      </c>
      <c r="DY33" s="191">
        <v>2</v>
      </c>
      <c r="DZ33" s="191">
        <v>4</v>
      </c>
      <c r="EA33" s="191">
        <v>0</v>
      </c>
      <c r="EB33" s="191">
        <v>1</v>
      </c>
      <c r="EC33" s="196">
        <v>11</v>
      </c>
      <c r="ED33" s="195">
        <v>13</v>
      </c>
      <c r="EE33" s="190">
        <v>0</v>
      </c>
      <c r="EF33" s="191">
        <v>0</v>
      </c>
      <c r="EG33" s="196">
        <v>0</v>
      </c>
      <c r="EH33" s="193">
        <v>0</v>
      </c>
      <c r="EI33" s="191">
        <v>0</v>
      </c>
      <c r="EJ33" s="191">
        <v>0</v>
      </c>
      <c r="EK33" s="191">
        <v>0</v>
      </c>
      <c r="EL33" s="191">
        <v>0</v>
      </c>
      <c r="EM33" s="191">
        <v>0</v>
      </c>
      <c r="EN33" s="196">
        <v>0</v>
      </c>
      <c r="EO33" s="195">
        <v>0</v>
      </c>
      <c r="EP33" s="190">
        <v>1</v>
      </c>
      <c r="EQ33" s="191">
        <v>1</v>
      </c>
      <c r="ER33" s="196">
        <v>2</v>
      </c>
      <c r="ES33" s="193">
        <v>0</v>
      </c>
      <c r="ET33" s="191">
        <v>8</v>
      </c>
      <c r="EU33" s="191">
        <v>3</v>
      </c>
      <c r="EV33" s="191">
        <v>5</v>
      </c>
      <c r="EW33" s="191">
        <v>0</v>
      </c>
      <c r="EX33" s="191">
        <v>1</v>
      </c>
      <c r="EY33" s="196">
        <v>17</v>
      </c>
      <c r="EZ33" s="195">
        <v>19</v>
      </c>
    </row>
    <row r="34" spans="2:156" ht="21" customHeight="1" x14ac:dyDescent="0.2">
      <c r="B34" s="106" t="s">
        <v>32</v>
      </c>
      <c r="C34" s="190">
        <v>0</v>
      </c>
      <c r="D34" s="191">
        <v>0</v>
      </c>
      <c r="E34" s="192">
        <v>0</v>
      </c>
      <c r="F34" s="193">
        <v>0</v>
      </c>
      <c r="G34" s="191">
        <v>1</v>
      </c>
      <c r="H34" s="191">
        <v>0</v>
      </c>
      <c r="I34" s="191">
        <v>0</v>
      </c>
      <c r="J34" s="191">
        <v>0</v>
      </c>
      <c r="K34" s="191">
        <v>0</v>
      </c>
      <c r="L34" s="194">
        <v>1</v>
      </c>
      <c r="M34" s="195">
        <v>1</v>
      </c>
      <c r="N34" s="190">
        <v>0</v>
      </c>
      <c r="O34" s="191">
        <v>0</v>
      </c>
      <c r="P34" s="196">
        <v>0</v>
      </c>
      <c r="Q34" s="193">
        <v>0</v>
      </c>
      <c r="R34" s="191">
        <v>0</v>
      </c>
      <c r="S34" s="191">
        <v>0</v>
      </c>
      <c r="T34" s="191">
        <v>0</v>
      </c>
      <c r="U34" s="191">
        <v>0</v>
      </c>
      <c r="V34" s="191">
        <v>0</v>
      </c>
      <c r="W34" s="196">
        <v>0</v>
      </c>
      <c r="X34" s="195">
        <v>0</v>
      </c>
      <c r="Y34" s="190">
        <v>1</v>
      </c>
      <c r="Z34" s="191">
        <v>2</v>
      </c>
      <c r="AA34" s="196">
        <v>3</v>
      </c>
      <c r="AB34" s="193">
        <v>0</v>
      </c>
      <c r="AC34" s="191">
        <v>1</v>
      </c>
      <c r="AD34" s="191">
        <v>2</v>
      </c>
      <c r="AE34" s="191">
        <v>1</v>
      </c>
      <c r="AF34" s="191">
        <v>0</v>
      </c>
      <c r="AG34" s="191">
        <v>1</v>
      </c>
      <c r="AH34" s="196">
        <v>5</v>
      </c>
      <c r="AI34" s="195">
        <v>8</v>
      </c>
      <c r="AJ34" s="190">
        <v>0</v>
      </c>
      <c r="AK34" s="191">
        <v>0</v>
      </c>
      <c r="AL34" s="196">
        <v>0</v>
      </c>
      <c r="AM34" s="193">
        <v>0</v>
      </c>
      <c r="AN34" s="191">
        <v>0</v>
      </c>
      <c r="AO34" s="191">
        <v>1</v>
      </c>
      <c r="AP34" s="191">
        <v>0</v>
      </c>
      <c r="AQ34" s="191">
        <v>1</v>
      </c>
      <c r="AR34" s="191">
        <v>0</v>
      </c>
      <c r="AS34" s="196">
        <v>2</v>
      </c>
      <c r="AT34" s="195">
        <v>2</v>
      </c>
      <c r="AU34" s="190">
        <v>0</v>
      </c>
      <c r="AV34" s="191">
        <v>0</v>
      </c>
      <c r="AW34" s="196">
        <v>0</v>
      </c>
      <c r="AX34" s="193">
        <v>0</v>
      </c>
      <c r="AY34" s="191">
        <v>0</v>
      </c>
      <c r="AZ34" s="191">
        <v>3</v>
      </c>
      <c r="BA34" s="191">
        <v>0</v>
      </c>
      <c r="BB34" s="191">
        <v>2</v>
      </c>
      <c r="BC34" s="191">
        <v>1</v>
      </c>
      <c r="BD34" s="194">
        <v>6</v>
      </c>
      <c r="BE34" s="195">
        <v>6</v>
      </c>
      <c r="BF34" s="190">
        <v>0</v>
      </c>
      <c r="BG34" s="191">
        <v>0</v>
      </c>
      <c r="BH34" s="196">
        <v>0</v>
      </c>
      <c r="BI34" s="193">
        <v>0</v>
      </c>
      <c r="BJ34" s="191">
        <v>5</v>
      </c>
      <c r="BK34" s="191">
        <v>4</v>
      </c>
      <c r="BL34" s="191">
        <v>0</v>
      </c>
      <c r="BM34" s="191">
        <v>2</v>
      </c>
      <c r="BN34" s="191">
        <v>1</v>
      </c>
      <c r="BO34" s="196">
        <v>12</v>
      </c>
      <c r="BP34" s="195">
        <v>12</v>
      </c>
      <c r="BQ34" s="190">
        <v>0</v>
      </c>
      <c r="BR34" s="191">
        <v>0</v>
      </c>
      <c r="BS34" s="196">
        <v>0</v>
      </c>
      <c r="BT34" s="193">
        <v>0</v>
      </c>
      <c r="BU34" s="191">
        <v>0</v>
      </c>
      <c r="BV34" s="191">
        <v>1</v>
      </c>
      <c r="BW34" s="191">
        <v>0</v>
      </c>
      <c r="BX34" s="191">
        <v>2</v>
      </c>
      <c r="BY34" s="191">
        <v>1</v>
      </c>
      <c r="BZ34" s="196">
        <v>4</v>
      </c>
      <c r="CA34" s="195">
        <v>4</v>
      </c>
      <c r="CB34" s="190">
        <v>0</v>
      </c>
      <c r="CC34" s="191">
        <v>0</v>
      </c>
      <c r="CD34" s="196">
        <v>0</v>
      </c>
      <c r="CE34" s="193">
        <v>0</v>
      </c>
      <c r="CF34" s="191">
        <v>0</v>
      </c>
      <c r="CG34" s="191">
        <v>1</v>
      </c>
      <c r="CH34" s="191">
        <v>0</v>
      </c>
      <c r="CI34" s="191">
        <v>1</v>
      </c>
      <c r="CJ34" s="191">
        <v>1</v>
      </c>
      <c r="CK34" s="196">
        <v>3</v>
      </c>
      <c r="CL34" s="195">
        <v>3</v>
      </c>
      <c r="CM34" s="190">
        <v>0</v>
      </c>
      <c r="CN34" s="191">
        <v>0</v>
      </c>
      <c r="CO34" s="196">
        <v>0</v>
      </c>
      <c r="CP34" s="193">
        <v>0</v>
      </c>
      <c r="CQ34" s="191">
        <v>0</v>
      </c>
      <c r="CR34" s="191">
        <v>0</v>
      </c>
      <c r="CS34" s="191">
        <v>0</v>
      </c>
      <c r="CT34" s="191">
        <v>0</v>
      </c>
      <c r="CU34" s="191">
        <v>1</v>
      </c>
      <c r="CV34" s="196">
        <v>1</v>
      </c>
      <c r="CW34" s="195">
        <v>1</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3</v>
      </c>
      <c r="DU34" s="191">
        <v>2</v>
      </c>
      <c r="DV34" s="196">
        <v>5</v>
      </c>
      <c r="DW34" s="193">
        <v>0</v>
      </c>
      <c r="DX34" s="191">
        <v>4</v>
      </c>
      <c r="DY34" s="191">
        <v>6</v>
      </c>
      <c r="DZ34" s="191">
        <v>2</v>
      </c>
      <c r="EA34" s="191">
        <v>2</v>
      </c>
      <c r="EB34" s="191">
        <v>1</v>
      </c>
      <c r="EC34" s="196">
        <v>15</v>
      </c>
      <c r="ED34" s="195">
        <v>20</v>
      </c>
      <c r="EE34" s="190">
        <v>0</v>
      </c>
      <c r="EF34" s="191">
        <v>0</v>
      </c>
      <c r="EG34" s="196">
        <v>0</v>
      </c>
      <c r="EH34" s="193">
        <v>0</v>
      </c>
      <c r="EI34" s="191">
        <v>0</v>
      </c>
      <c r="EJ34" s="191">
        <v>0</v>
      </c>
      <c r="EK34" s="191">
        <v>0</v>
      </c>
      <c r="EL34" s="191">
        <v>2</v>
      </c>
      <c r="EM34" s="191">
        <v>1</v>
      </c>
      <c r="EN34" s="196">
        <v>3</v>
      </c>
      <c r="EO34" s="195">
        <v>3</v>
      </c>
      <c r="EP34" s="190">
        <v>3</v>
      </c>
      <c r="EQ34" s="191">
        <v>3</v>
      </c>
      <c r="ER34" s="196">
        <v>6</v>
      </c>
      <c r="ES34" s="193">
        <v>0</v>
      </c>
      <c r="ET34" s="191">
        <v>11</v>
      </c>
      <c r="EU34" s="191">
        <v>7</v>
      </c>
      <c r="EV34" s="191">
        <v>2</v>
      </c>
      <c r="EW34" s="191">
        <v>2</v>
      </c>
      <c r="EX34" s="191">
        <v>1</v>
      </c>
      <c r="EY34" s="196">
        <v>23</v>
      </c>
      <c r="EZ34" s="195">
        <v>29</v>
      </c>
    </row>
    <row r="35" spans="2:156" ht="21" customHeight="1" x14ac:dyDescent="0.2">
      <c r="B35" s="106" t="s">
        <v>33</v>
      </c>
      <c r="C35" s="190">
        <v>0</v>
      </c>
      <c r="D35" s="191">
        <v>0</v>
      </c>
      <c r="E35" s="192">
        <v>0</v>
      </c>
      <c r="F35" s="193">
        <v>0</v>
      </c>
      <c r="G35" s="191">
        <v>2</v>
      </c>
      <c r="H35" s="191">
        <v>0</v>
      </c>
      <c r="I35" s="191">
        <v>1</v>
      </c>
      <c r="J35" s="191">
        <v>0</v>
      </c>
      <c r="K35" s="191">
        <v>1</v>
      </c>
      <c r="L35" s="194">
        <v>4</v>
      </c>
      <c r="M35" s="195">
        <v>4</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2</v>
      </c>
      <c r="AE35" s="191">
        <v>0</v>
      </c>
      <c r="AF35" s="191">
        <v>0</v>
      </c>
      <c r="AG35" s="191">
        <v>1</v>
      </c>
      <c r="AH35" s="196">
        <v>5</v>
      </c>
      <c r="AI35" s="195">
        <v>5</v>
      </c>
      <c r="AJ35" s="190">
        <v>0</v>
      </c>
      <c r="AK35" s="191">
        <v>1</v>
      </c>
      <c r="AL35" s="196">
        <v>1</v>
      </c>
      <c r="AM35" s="193">
        <v>0</v>
      </c>
      <c r="AN35" s="191">
        <v>2</v>
      </c>
      <c r="AO35" s="191">
        <v>1</v>
      </c>
      <c r="AP35" s="191">
        <v>2</v>
      </c>
      <c r="AQ35" s="191">
        <v>1</v>
      </c>
      <c r="AR35" s="191">
        <v>0</v>
      </c>
      <c r="AS35" s="196">
        <v>6</v>
      </c>
      <c r="AT35" s="195">
        <v>7</v>
      </c>
      <c r="AU35" s="190">
        <v>0</v>
      </c>
      <c r="AV35" s="191">
        <v>1</v>
      </c>
      <c r="AW35" s="196">
        <v>1</v>
      </c>
      <c r="AX35" s="193">
        <v>0</v>
      </c>
      <c r="AY35" s="191">
        <v>3</v>
      </c>
      <c r="AZ35" s="191">
        <v>1</v>
      </c>
      <c r="BA35" s="191">
        <v>5</v>
      </c>
      <c r="BB35" s="191">
        <v>2</v>
      </c>
      <c r="BC35" s="191">
        <v>1</v>
      </c>
      <c r="BD35" s="194">
        <v>12</v>
      </c>
      <c r="BE35" s="195">
        <v>13</v>
      </c>
      <c r="BF35" s="190">
        <v>0</v>
      </c>
      <c r="BG35" s="191">
        <v>0</v>
      </c>
      <c r="BH35" s="196">
        <v>0</v>
      </c>
      <c r="BI35" s="193">
        <v>0</v>
      </c>
      <c r="BJ35" s="191">
        <v>1</v>
      </c>
      <c r="BK35" s="191">
        <v>0</v>
      </c>
      <c r="BL35" s="191">
        <v>0</v>
      </c>
      <c r="BM35" s="191">
        <v>0</v>
      </c>
      <c r="BN35" s="191">
        <v>1</v>
      </c>
      <c r="BO35" s="196">
        <v>2</v>
      </c>
      <c r="BP35" s="195">
        <v>2</v>
      </c>
      <c r="BQ35" s="190">
        <v>1</v>
      </c>
      <c r="BR35" s="191">
        <v>0</v>
      </c>
      <c r="BS35" s="196">
        <v>1</v>
      </c>
      <c r="BT35" s="193">
        <v>0</v>
      </c>
      <c r="BU35" s="191">
        <v>1</v>
      </c>
      <c r="BV35" s="191">
        <v>0</v>
      </c>
      <c r="BW35" s="191">
        <v>1</v>
      </c>
      <c r="BX35" s="191">
        <v>0</v>
      </c>
      <c r="BY35" s="191">
        <v>0</v>
      </c>
      <c r="BZ35" s="196">
        <v>2</v>
      </c>
      <c r="CA35" s="195">
        <v>3</v>
      </c>
      <c r="CB35" s="190">
        <v>0</v>
      </c>
      <c r="CC35" s="191">
        <v>0</v>
      </c>
      <c r="CD35" s="196">
        <v>0</v>
      </c>
      <c r="CE35" s="193">
        <v>0</v>
      </c>
      <c r="CF35" s="191">
        <v>0</v>
      </c>
      <c r="CG35" s="191">
        <v>0</v>
      </c>
      <c r="CH35" s="191">
        <v>1</v>
      </c>
      <c r="CI35" s="191">
        <v>1</v>
      </c>
      <c r="CJ35" s="191">
        <v>0</v>
      </c>
      <c r="CK35" s="196">
        <v>2</v>
      </c>
      <c r="CL35" s="195">
        <v>2</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0</v>
      </c>
      <c r="DU35" s="191">
        <v>2</v>
      </c>
      <c r="DV35" s="196">
        <v>2</v>
      </c>
      <c r="DW35" s="193">
        <v>0</v>
      </c>
      <c r="DX35" s="191">
        <v>4</v>
      </c>
      <c r="DY35" s="191">
        <v>3</v>
      </c>
      <c r="DZ35" s="191">
        <v>3</v>
      </c>
      <c r="EA35" s="191">
        <v>2</v>
      </c>
      <c r="EB35" s="191">
        <v>1</v>
      </c>
      <c r="EC35" s="196">
        <v>13</v>
      </c>
      <c r="ED35" s="195">
        <v>15</v>
      </c>
      <c r="EE35" s="190">
        <v>0</v>
      </c>
      <c r="EF35" s="191">
        <v>1</v>
      </c>
      <c r="EG35" s="196">
        <v>1</v>
      </c>
      <c r="EH35" s="193">
        <v>0</v>
      </c>
      <c r="EI35" s="191">
        <v>2</v>
      </c>
      <c r="EJ35" s="191">
        <v>0</v>
      </c>
      <c r="EK35" s="191">
        <v>3</v>
      </c>
      <c r="EL35" s="191">
        <v>1</v>
      </c>
      <c r="EM35" s="191">
        <v>0</v>
      </c>
      <c r="EN35" s="196">
        <v>6</v>
      </c>
      <c r="EO35" s="195">
        <v>7</v>
      </c>
      <c r="EP35" s="190">
        <v>1</v>
      </c>
      <c r="EQ35" s="191">
        <v>2</v>
      </c>
      <c r="ER35" s="196">
        <v>3</v>
      </c>
      <c r="ES35" s="193">
        <v>0</v>
      </c>
      <c r="ET35" s="191">
        <v>9</v>
      </c>
      <c r="EU35" s="191">
        <v>3</v>
      </c>
      <c r="EV35" s="191">
        <v>3</v>
      </c>
      <c r="EW35" s="191">
        <v>2</v>
      </c>
      <c r="EX35" s="191">
        <v>1</v>
      </c>
      <c r="EY35" s="196">
        <v>18</v>
      </c>
      <c r="EZ35" s="195">
        <v>21</v>
      </c>
    </row>
    <row r="36" spans="2:156" ht="21" customHeight="1" x14ac:dyDescent="0.2">
      <c r="B36" s="106" t="s">
        <v>34</v>
      </c>
      <c r="C36" s="190">
        <v>0</v>
      </c>
      <c r="D36" s="191">
        <v>0</v>
      </c>
      <c r="E36" s="192">
        <v>0</v>
      </c>
      <c r="F36" s="193">
        <v>0</v>
      </c>
      <c r="G36" s="191">
        <v>1</v>
      </c>
      <c r="H36" s="191">
        <v>0</v>
      </c>
      <c r="I36" s="191">
        <v>0</v>
      </c>
      <c r="J36" s="191">
        <v>0</v>
      </c>
      <c r="K36" s="191">
        <v>0</v>
      </c>
      <c r="L36" s="194">
        <v>1</v>
      </c>
      <c r="M36" s="195">
        <v>1</v>
      </c>
      <c r="N36" s="190">
        <v>0</v>
      </c>
      <c r="O36" s="191">
        <v>0</v>
      </c>
      <c r="P36" s="196">
        <v>0</v>
      </c>
      <c r="Q36" s="193">
        <v>0</v>
      </c>
      <c r="R36" s="191">
        <v>0</v>
      </c>
      <c r="S36" s="191">
        <v>0</v>
      </c>
      <c r="T36" s="191">
        <v>0</v>
      </c>
      <c r="U36" s="191">
        <v>0</v>
      </c>
      <c r="V36" s="191">
        <v>0</v>
      </c>
      <c r="W36" s="196">
        <v>0</v>
      </c>
      <c r="X36" s="195">
        <v>0</v>
      </c>
      <c r="Y36" s="190">
        <v>0</v>
      </c>
      <c r="Z36" s="191">
        <v>1</v>
      </c>
      <c r="AA36" s="196">
        <v>1</v>
      </c>
      <c r="AB36" s="193">
        <v>0</v>
      </c>
      <c r="AC36" s="191">
        <v>1</v>
      </c>
      <c r="AD36" s="191">
        <v>0</v>
      </c>
      <c r="AE36" s="191">
        <v>0</v>
      </c>
      <c r="AF36" s="191">
        <v>0</v>
      </c>
      <c r="AG36" s="191">
        <v>0</v>
      </c>
      <c r="AH36" s="196">
        <v>1</v>
      </c>
      <c r="AI36" s="195">
        <v>2</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0</v>
      </c>
      <c r="BA36" s="191">
        <v>1</v>
      </c>
      <c r="BB36" s="191">
        <v>0</v>
      </c>
      <c r="BC36" s="191">
        <v>0</v>
      </c>
      <c r="BD36" s="194">
        <v>3</v>
      </c>
      <c r="BE36" s="195">
        <v>3</v>
      </c>
      <c r="BF36" s="190">
        <v>0</v>
      </c>
      <c r="BG36" s="191">
        <v>0</v>
      </c>
      <c r="BH36" s="196">
        <v>0</v>
      </c>
      <c r="BI36" s="193">
        <v>0</v>
      </c>
      <c r="BJ36" s="191">
        <v>0</v>
      </c>
      <c r="BK36" s="191">
        <v>1</v>
      </c>
      <c r="BL36" s="191">
        <v>1</v>
      </c>
      <c r="BM36" s="191">
        <v>1</v>
      </c>
      <c r="BN36" s="191">
        <v>0</v>
      </c>
      <c r="BO36" s="196">
        <v>3</v>
      </c>
      <c r="BP36" s="195">
        <v>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0</v>
      </c>
      <c r="DU36" s="191">
        <v>2</v>
      </c>
      <c r="DV36" s="196">
        <v>2</v>
      </c>
      <c r="DW36" s="193">
        <v>0</v>
      </c>
      <c r="DX36" s="191">
        <v>2</v>
      </c>
      <c r="DY36" s="191">
        <v>1</v>
      </c>
      <c r="DZ36" s="191">
        <v>0</v>
      </c>
      <c r="EA36" s="191">
        <v>1</v>
      </c>
      <c r="EB36" s="191">
        <v>0</v>
      </c>
      <c r="EC36" s="196">
        <v>4</v>
      </c>
      <c r="ED36" s="195">
        <v>6</v>
      </c>
      <c r="EE36" s="190">
        <v>0</v>
      </c>
      <c r="EF36" s="191">
        <v>0</v>
      </c>
      <c r="EG36" s="196">
        <v>0</v>
      </c>
      <c r="EH36" s="193">
        <v>0</v>
      </c>
      <c r="EI36" s="191">
        <v>0</v>
      </c>
      <c r="EJ36" s="191">
        <v>0</v>
      </c>
      <c r="EK36" s="191">
        <v>2</v>
      </c>
      <c r="EL36" s="191">
        <v>0</v>
      </c>
      <c r="EM36" s="191">
        <v>0</v>
      </c>
      <c r="EN36" s="196">
        <v>2</v>
      </c>
      <c r="EO36" s="195">
        <v>2</v>
      </c>
      <c r="EP36" s="190">
        <v>0</v>
      </c>
      <c r="EQ36" s="191">
        <v>1</v>
      </c>
      <c r="ER36" s="196">
        <v>1</v>
      </c>
      <c r="ES36" s="193">
        <v>0</v>
      </c>
      <c r="ET36" s="191">
        <v>4</v>
      </c>
      <c r="EU36" s="191">
        <v>1</v>
      </c>
      <c r="EV36" s="191">
        <v>1</v>
      </c>
      <c r="EW36" s="191">
        <v>1</v>
      </c>
      <c r="EX36" s="191">
        <v>0</v>
      </c>
      <c r="EY36" s="196">
        <v>7</v>
      </c>
      <c r="EZ36" s="195">
        <v>8</v>
      </c>
    </row>
    <row r="37" spans="2:156" ht="21" customHeight="1" x14ac:dyDescent="0.2">
      <c r="B37" s="106" t="s">
        <v>35</v>
      </c>
      <c r="C37" s="190">
        <v>0</v>
      </c>
      <c r="D37" s="191">
        <v>0</v>
      </c>
      <c r="E37" s="192">
        <v>0</v>
      </c>
      <c r="F37" s="193">
        <v>0</v>
      </c>
      <c r="G37" s="191">
        <v>1</v>
      </c>
      <c r="H37" s="191">
        <v>5</v>
      </c>
      <c r="I37" s="191">
        <v>2</v>
      </c>
      <c r="J37" s="191">
        <v>0</v>
      </c>
      <c r="K37" s="191">
        <v>0</v>
      </c>
      <c r="L37" s="194">
        <v>8</v>
      </c>
      <c r="M37" s="195">
        <v>8</v>
      </c>
      <c r="N37" s="190">
        <v>0</v>
      </c>
      <c r="O37" s="191">
        <v>0</v>
      </c>
      <c r="P37" s="196">
        <v>0</v>
      </c>
      <c r="Q37" s="193">
        <v>0</v>
      </c>
      <c r="R37" s="191">
        <v>0</v>
      </c>
      <c r="S37" s="191">
        <v>0</v>
      </c>
      <c r="T37" s="191">
        <v>0</v>
      </c>
      <c r="U37" s="191">
        <v>0</v>
      </c>
      <c r="V37" s="191">
        <v>0</v>
      </c>
      <c r="W37" s="196">
        <v>0</v>
      </c>
      <c r="X37" s="195">
        <v>0</v>
      </c>
      <c r="Y37" s="190">
        <v>1</v>
      </c>
      <c r="Z37" s="191">
        <v>3</v>
      </c>
      <c r="AA37" s="196">
        <v>4</v>
      </c>
      <c r="AB37" s="193">
        <v>0</v>
      </c>
      <c r="AC37" s="191">
        <v>3</v>
      </c>
      <c r="AD37" s="191">
        <v>4</v>
      </c>
      <c r="AE37" s="191">
        <v>2</v>
      </c>
      <c r="AF37" s="191">
        <v>0</v>
      </c>
      <c r="AG37" s="191">
        <v>1</v>
      </c>
      <c r="AH37" s="196">
        <v>10</v>
      </c>
      <c r="AI37" s="195">
        <v>14</v>
      </c>
      <c r="AJ37" s="190">
        <v>1</v>
      </c>
      <c r="AK37" s="191">
        <v>1</v>
      </c>
      <c r="AL37" s="196">
        <v>2</v>
      </c>
      <c r="AM37" s="193">
        <v>0</v>
      </c>
      <c r="AN37" s="191">
        <v>1</v>
      </c>
      <c r="AO37" s="191">
        <v>1</v>
      </c>
      <c r="AP37" s="191">
        <v>0</v>
      </c>
      <c r="AQ37" s="191">
        <v>0</v>
      </c>
      <c r="AR37" s="191">
        <v>0</v>
      </c>
      <c r="AS37" s="196">
        <v>2</v>
      </c>
      <c r="AT37" s="195">
        <v>4</v>
      </c>
      <c r="AU37" s="190">
        <v>2</v>
      </c>
      <c r="AV37" s="191">
        <v>3</v>
      </c>
      <c r="AW37" s="196">
        <v>5</v>
      </c>
      <c r="AX37" s="193">
        <v>0</v>
      </c>
      <c r="AY37" s="191">
        <v>5</v>
      </c>
      <c r="AZ37" s="191">
        <v>2</v>
      </c>
      <c r="BA37" s="191">
        <v>5</v>
      </c>
      <c r="BB37" s="191">
        <v>2</v>
      </c>
      <c r="BC37" s="191">
        <v>2</v>
      </c>
      <c r="BD37" s="194">
        <v>16</v>
      </c>
      <c r="BE37" s="195">
        <v>21</v>
      </c>
      <c r="BF37" s="190">
        <v>0</v>
      </c>
      <c r="BG37" s="191">
        <v>0</v>
      </c>
      <c r="BH37" s="196">
        <v>0</v>
      </c>
      <c r="BI37" s="193">
        <v>0</v>
      </c>
      <c r="BJ37" s="191">
        <v>3</v>
      </c>
      <c r="BK37" s="191">
        <v>2</v>
      </c>
      <c r="BL37" s="191">
        <v>0</v>
      </c>
      <c r="BM37" s="191">
        <v>0</v>
      </c>
      <c r="BN37" s="191">
        <v>1</v>
      </c>
      <c r="BO37" s="196">
        <v>6</v>
      </c>
      <c r="BP37" s="195">
        <v>6</v>
      </c>
      <c r="BQ37" s="190">
        <v>0</v>
      </c>
      <c r="BR37" s="191">
        <v>2</v>
      </c>
      <c r="BS37" s="196">
        <v>2</v>
      </c>
      <c r="BT37" s="193">
        <v>0</v>
      </c>
      <c r="BU37" s="191">
        <v>2</v>
      </c>
      <c r="BV37" s="191">
        <v>2</v>
      </c>
      <c r="BW37" s="191">
        <v>4</v>
      </c>
      <c r="BX37" s="191">
        <v>0</v>
      </c>
      <c r="BY37" s="191">
        <v>0</v>
      </c>
      <c r="BZ37" s="196">
        <v>8</v>
      </c>
      <c r="CA37" s="195">
        <v>10</v>
      </c>
      <c r="CB37" s="190">
        <v>0</v>
      </c>
      <c r="CC37" s="191">
        <v>0</v>
      </c>
      <c r="CD37" s="196">
        <v>0</v>
      </c>
      <c r="CE37" s="193">
        <v>0</v>
      </c>
      <c r="CF37" s="191">
        <v>0</v>
      </c>
      <c r="CG37" s="191">
        <v>0</v>
      </c>
      <c r="CH37" s="191">
        <v>1</v>
      </c>
      <c r="CI37" s="191">
        <v>0</v>
      </c>
      <c r="CJ37" s="191">
        <v>1</v>
      </c>
      <c r="CK37" s="196">
        <v>2</v>
      </c>
      <c r="CL37" s="195">
        <v>2</v>
      </c>
      <c r="CM37" s="190">
        <v>0</v>
      </c>
      <c r="CN37" s="191">
        <v>1</v>
      </c>
      <c r="CO37" s="196">
        <v>1</v>
      </c>
      <c r="CP37" s="193">
        <v>0</v>
      </c>
      <c r="CQ37" s="191">
        <v>0</v>
      </c>
      <c r="CR37" s="191">
        <v>0</v>
      </c>
      <c r="CS37" s="191">
        <v>0</v>
      </c>
      <c r="CT37" s="191">
        <v>0</v>
      </c>
      <c r="CU37" s="191">
        <v>0</v>
      </c>
      <c r="CV37" s="196">
        <v>0</v>
      </c>
      <c r="CW37" s="195">
        <v>1</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4</v>
      </c>
      <c r="DU37" s="191">
        <v>5</v>
      </c>
      <c r="DV37" s="196">
        <v>9</v>
      </c>
      <c r="DW37" s="193">
        <v>0</v>
      </c>
      <c r="DX37" s="191">
        <v>4</v>
      </c>
      <c r="DY37" s="191">
        <v>9</v>
      </c>
      <c r="DZ37" s="191">
        <v>2</v>
      </c>
      <c r="EA37" s="191">
        <v>0</v>
      </c>
      <c r="EB37" s="191">
        <v>1</v>
      </c>
      <c r="EC37" s="196">
        <v>16</v>
      </c>
      <c r="ED37" s="195">
        <v>25</v>
      </c>
      <c r="EE37" s="190">
        <v>3</v>
      </c>
      <c r="EF37" s="191">
        <v>2</v>
      </c>
      <c r="EG37" s="196">
        <v>5</v>
      </c>
      <c r="EH37" s="193">
        <v>0</v>
      </c>
      <c r="EI37" s="191">
        <v>3</v>
      </c>
      <c r="EJ37" s="191">
        <v>0</v>
      </c>
      <c r="EK37" s="191">
        <v>3</v>
      </c>
      <c r="EL37" s="191">
        <v>2</v>
      </c>
      <c r="EM37" s="191">
        <v>1</v>
      </c>
      <c r="EN37" s="196">
        <v>9</v>
      </c>
      <c r="EO37" s="195">
        <v>14</v>
      </c>
      <c r="EP37" s="190">
        <v>7</v>
      </c>
      <c r="EQ37" s="191">
        <v>9</v>
      </c>
      <c r="ER37" s="196">
        <v>16</v>
      </c>
      <c r="ES37" s="193">
        <v>0</v>
      </c>
      <c r="ET37" s="191">
        <v>10</v>
      </c>
      <c r="EU37" s="191">
        <v>9</v>
      </c>
      <c r="EV37" s="191">
        <v>4</v>
      </c>
      <c r="EW37" s="191">
        <v>0</v>
      </c>
      <c r="EX37" s="191">
        <v>1</v>
      </c>
      <c r="EY37" s="196">
        <v>24</v>
      </c>
      <c r="EZ37" s="195">
        <v>40</v>
      </c>
    </row>
    <row r="38" spans="2:156" ht="21" customHeight="1" x14ac:dyDescent="0.2">
      <c r="B38" s="106" t="s">
        <v>36</v>
      </c>
      <c r="C38" s="190">
        <v>0</v>
      </c>
      <c r="D38" s="191">
        <v>0</v>
      </c>
      <c r="E38" s="192">
        <v>0</v>
      </c>
      <c r="F38" s="193">
        <v>0</v>
      </c>
      <c r="G38" s="191">
        <v>1</v>
      </c>
      <c r="H38" s="191">
        <v>2</v>
      </c>
      <c r="I38" s="191">
        <v>1</v>
      </c>
      <c r="J38" s="191">
        <v>0</v>
      </c>
      <c r="K38" s="191">
        <v>0</v>
      </c>
      <c r="L38" s="194">
        <v>4</v>
      </c>
      <c r="M38" s="195">
        <v>4</v>
      </c>
      <c r="N38" s="190">
        <v>0</v>
      </c>
      <c r="O38" s="191">
        <v>0</v>
      </c>
      <c r="P38" s="196">
        <v>0</v>
      </c>
      <c r="Q38" s="193">
        <v>0</v>
      </c>
      <c r="R38" s="191">
        <v>0</v>
      </c>
      <c r="S38" s="191">
        <v>0</v>
      </c>
      <c r="T38" s="191">
        <v>0</v>
      </c>
      <c r="U38" s="191">
        <v>0</v>
      </c>
      <c r="V38" s="191">
        <v>0</v>
      </c>
      <c r="W38" s="196">
        <v>0</v>
      </c>
      <c r="X38" s="195">
        <v>0</v>
      </c>
      <c r="Y38" s="190">
        <v>1</v>
      </c>
      <c r="Z38" s="191">
        <v>2</v>
      </c>
      <c r="AA38" s="196">
        <v>3</v>
      </c>
      <c r="AB38" s="193">
        <v>0</v>
      </c>
      <c r="AC38" s="191">
        <v>0</v>
      </c>
      <c r="AD38" s="191">
        <v>2</v>
      </c>
      <c r="AE38" s="191">
        <v>0</v>
      </c>
      <c r="AF38" s="191">
        <v>1</v>
      </c>
      <c r="AG38" s="191">
        <v>0</v>
      </c>
      <c r="AH38" s="196">
        <v>3</v>
      </c>
      <c r="AI38" s="195">
        <v>6</v>
      </c>
      <c r="AJ38" s="190">
        <v>0</v>
      </c>
      <c r="AK38" s="191">
        <v>0</v>
      </c>
      <c r="AL38" s="196">
        <v>0</v>
      </c>
      <c r="AM38" s="193">
        <v>0</v>
      </c>
      <c r="AN38" s="191">
        <v>1</v>
      </c>
      <c r="AO38" s="191">
        <v>1</v>
      </c>
      <c r="AP38" s="191">
        <v>0</v>
      </c>
      <c r="AQ38" s="191">
        <v>0</v>
      </c>
      <c r="AR38" s="191">
        <v>0</v>
      </c>
      <c r="AS38" s="196">
        <v>2</v>
      </c>
      <c r="AT38" s="195">
        <v>2</v>
      </c>
      <c r="AU38" s="190">
        <v>0</v>
      </c>
      <c r="AV38" s="191">
        <v>0</v>
      </c>
      <c r="AW38" s="196">
        <v>0</v>
      </c>
      <c r="AX38" s="193">
        <v>0</v>
      </c>
      <c r="AY38" s="191">
        <v>3</v>
      </c>
      <c r="AZ38" s="191">
        <v>5</v>
      </c>
      <c r="BA38" s="191">
        <v>5</v>
      </c>
      <c r="BB38" s="191">
        <v>3</v>
      </c>
      <c r="BC38" s="191">
        <v>2</v>
      </c>
      <c r="BD38" s="194">
        <v>18</v>
      </c>
      <c r="BE38" s="195">
        <v>18</v>
      </c>
      <c r="BF38" s="190">
        <v>0</v>
      </c>
      <c r="BG38" s="191">
        <v>0</v>
      </c>
      <c r="BH38" s="196">
        <v>0</v>
      </c>
      <c r="BI38" s="193">
        <v>0</v>
      </c>
      <c r="BJ38" s="191">
        <v>1</v>
      </c>
      <c r="BK38" s="191">
        <v>4</v>
      </c>
      <c r="BL38" s="191">
        <v>1</v>
      </c>
      <c r="BM38" s="191">
        <v>2</v>
      </c>
      <c r="BN38" s="191">
        <v>0</v>
      </c>
      <c r="BO38" s="196">
        <v>8</v>
      </c>
      <c r="BP38" s="195">
        <v>8</v>
      </c>
      <c r="BQ38" s="190">
        <v>0</v>
      </c>
      <c r="BR38" s="191">
        <v>0</v>
      </c>
      <c r="BS38" s="196">
        <v>0</v>
      </c>
      <c r="BT38" s="193">
        <v>0</v>
      </c>
      <c r="BU38" s="191">
        <v>0</v>
      </c>
      <c r="BV38" s="191">
        <v>0</v>
      </c>
      <c r="BW38" s="191">
        <v>0</v>
      </c>
      <c r="BX38" s="191">
        <v>2</v>
      </c>
      <c r="BY38" s="191">
        <v>0</v>
      </c>
      <c r="BZ38" s="196">
        <v>2</v>
      </c>
      <c r="CA38" s="195">
        <v>2</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3</v>
      </c>
      <c r="DV38" s="196">
        <v>3</v>
      </c>
      <c r="DW38" s="193">
        <v>0</v>
      </c>
      <c r="DX38" s="191">
        <v>3</v>
      </c>
      <c r="DY38" s="191">
        <v>13</v>
      </c>
      <c r="DZ38" s="191">
        <v>1</v>
      </c>
      <c r="EA38" s="191">
        <v>2</v>
      </c>
      <c r="EB38" s="191">
        <v>0</v>
      </c>
      <c r="EC38" s="196">
        <v>19</v>
      </c>
      <c r="ED38" s="195">
        <v>22</v>
      </c>
      <c r="EE38" s="190">
        <v>0</v>
      </c>
      <c r="EF38" s="191">
        <v>0</v>
      </c>
      <c r="EG38" s="196">
        <v>0</v>
      </c>
      <c r="EH38" s="193">
        <v>0</v>
      </c>
      <c r="EI38" s="191">
        <v>2</v>
      </c>
      <c r="EJ38" s="191">
        <v>2</v>
      </c>
      <c r="EK38" s="191">
        <v>2</v>
      </c>
      <c r="EL38" s="191">
        <v>2</v>
      </c>
      <c r="EM38" s="191">
        <v>0</v>
      </c>
      <c r="EN38" s="196">
        <v>8</v>
      </c>
      <c r="EO38" s="195">
        <v>8</v>
      </c>
      <c r="EP38" s="190">
        <v>1</v>
      </c>
      <c r="EQ38" s="191">
        <v>5</v>
      </c>
      <c r="ER38" s="196">
        <v>6</v>
      </c>
      <c r="ES38" s="193">
        <v>0</v>
      </c>
      <c r="ET38" s="191">
        <v>4</v>
      </c>
      <c r="EU38" s="191">
        <v>13</v>
      </c>
      <c r="EV38" s="191">
        <v>3</v>
      </c>
      <c r="EW38" s="191">
        <v>4</v>
      </c>
      <c r="EX38" s="191">
        <v>0</v>
      </c>
      <c r="EY38" s="196">
        <v>24</v>
      </c>
      <c r="EZ38" s="195">
        <v>30</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1</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0</v>
      </c>
      <c r="BL39" s="198">
        <v>0</v>
      </c>
      <c r="BM39" s="198">
        <v>1</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0</v>
      </c>
      <c r="DZ39" s="198">
        <v>0</v>
      </c>
      <c r="EA39" s="198">
        <v>1</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0</v>
      </c>
      <c r="EV39" s="198">
        <v>0</v>
      </c>
      <c r="EW39" s="198">
        <v>1</v>
      </c>
      <c r="EX39" s="198">
        <v>1</v>
      </c>
      <c r="EY39" s="203">
        <v>2</v>
      </c>
      <c r="EZ39" s="202">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8</v>
      </c>
      <c r="M1" s="445">
        <f>IF(L1&lt;3,L1+12-2,L1-2)</f>
        <v>6</v>
      </c>
      <c r="N1" s="445"/>
    </row>
    <row r="2" spans="2:112" ht="24" customHeight="1" thickBot="1" x14ac:dyDescent="0.25">
      <c r="B2" s="142" t="s">
        <v>136</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04</v>
      </c>
      <c r="CN3" s="480"/>
      <c r="CO3" s="480"/>
      <c r="CP3" s="480"/>
      <c r="CQ3" s="480"/>
      <c r="CR3" s="480"/>
      <c r="CS3" s="480"/>
      <c r="CT3" s="480"/>
      <c r="CU3" s="480"/>
      <c r="CV3" s="480"/>
      <c r="CW3" s="481"/>
      <c r="CX3" s="479" t="s">
        <v>157</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3</v>
      </c>
      <c r="D6" s="184">
        <v>0</v>
      </c>
      <c r="E6" s="185">
        <v>3</v>
      </c>
      <c r="F6" s="186">
        <v>0</v>
      </c>
      <c r="G6" s="184">
        <v>203129</v>
      </c>
      <c r="H6" s="184">
        <v>353409</v>
      </c>
      <c r="I6" s="184">
        <v>376459</v>
      </c>
      <c r="J6" s="184">
        <v>459529</v>
      </c>
      <c r="K6" s="184">
        <v>434155</v>
      </c>
      <c r="L6" s="187">
        <v>1826681</v>
      </c>
      <c r="M6" s="188">
        <v>1826684</v>
      </c>
      <c r="N6" s="183">
        <v>5</v>
      </c>
      <c r="O6" s="184">
        <v>106</v>
      </c>
      <c r="P6" s="189">
        <v>111</v>
      </c>
      <c r="Q6" s="186">
        <v>0</v>
      </c>
      <c r="R6" s="184">
        <v>344</v>
      </c>
      <c r="S6" s="184">
        <v>1679</v>
      </c>
      <c r="T6" s="184">
        <v>3385</v>
      </c>
      <c r="U6" s="184">
        <v>9292</v>
      </c>
      <c r="V6" s="184">
        <v>17827</v>
      </c>
      <c r="W6" s="189">
        <v>32527</v>
      </c>
      <c r="X6" s="188">
        <v>32638</v>
      </c>
      <c r="Y6" s="183">
        <v>13371</v>
      </c>
      <c r="Z6" s="184">
        <v>44842</v>
      </c>
      <c r="AA6" s="189">
        <v>58213</v>
      </c>
      <c r="AB6" s="186">
        <v>0</v>
      </c>
      <c r="AC6" s="184">
        <v>110247</v>
      </c>
      <c r="AD6" s="184">
        <v>185872</v>
      </c>
      <c r="AE6" s="184">
        <v>114070</v>
      </c>
      <c r="AF6" s="184">
        <v>93963</v>
      </c>
      <c r="AG6" s="184">
        <v>75869</v>
      </c>
      <c r="AH6" s="189">
        <v>580021</v>
      </c>
      <c r="AI6" s="188">
        <v>638234</v>
      </c>
      <c r="AJ6" s="183">
        <v>2415</v>
      </c>
      <c r="AK6" s="184">
        <v>9156</v>
      </c>
      <c r="AL6" s="189">
        <v>11571</v>
      </c>
      <c r="AM6" s="186">
        <v>0</v>
      </c>
      <c r="AN6" s="184">
        <v>13080</v>
      </c>
      <c r="AO6" s="184">
        <v>21887</v>
      </c>
      <c r="AP6" s="184">
        <v>13417</v>
      </c>
      <c r="AQ6" s="184">
        <v>10682</v>
      </c>
      <c r="AR6" s="184">
        <v>7524</v>
      </c>
      <c r="AS6" s="189">
        <v>66590</v>
      </c>
      <c r="AT6" s="188">
        <v>78161</v>
      </c>
      <c r="AU6" s="183">
        <v>0</v>
      </c>
      <c r="AV6" s="184">
        <v>0</v>
      </c>
      <c r="AW6" s="189">
        <v>0</v>
      </c>
      <c r="AX6" s="186">
        <v>0</v>
      </c>
      <c r="AY6" s="184">
        <v>183908</v>
      </c>
      <c r="AZ6" s="184">
        <v>196801</v>
      </c>
      <c r="BA6" s="184">
        <v>118541</v>
      </c>
      <c r="BB6" s="184">
        <v>65995</v>
      </c>
      <c r="BC6" s="184">
        <v>31493</v>
      </c>
      <c r="BD6" s="187">
        <v>596738</v>
      </c>
      <c r="BE6" s="188">
        <v>596738</v>
      </c>
      <c r="BF6" s="183">
        <v>0</v>
      </c>
      <c r="BG6" s="184">
        <v>1</v>
      </c>
      <c r="BH6" s="189">
        <v>1</v>
      </c>
      <c r="BI6" s="186">
        <v>0</v>
      </c>
      <c r="BJ6" s="184">
        <v>30645</v>
      </c>
      <c r="BK6" s="184">
        <v>47028</v>
      </c>
      <c r="BL6" s="184">
        <v>27581</v>
      </c>
      <c r="BM6" s="184">
        <v>16812</v>
      </c>
      <c r="BN6" s="184">
        <v>6197</v>
      </c>
      <c r="BO6" s="189">
        <v>128263</v>
      </c>
      <c r="BP6" s="188">
        <v>128264</v>
      </c>
      <c r="BQ6" s="183">
        <v>382</v>
      </c>
      <c r="BR6" s="184">
        <v>1083</v>
      </c>
      <c r="BS6" s="189">
        <v>1465</v>
      </c>
      <c r="BT6" s="186">
        <v>0</v>
      </c>
      <c r="BU6" s="184">
        <v>15529</v>
      </c>
      <c r="BV6" s="184">
        <v>29922</v>
      </c>
      <c r="BW6" s="184">
        <v>52333</v>
      </c>
      <c r="BX6" s="184">
        <v>41584</v>
      </c>
      <c r="BY6" s="184">
        <v>20236</v>
      </c>
      <c r="BZ6" s="189">
        <v>159604</v>
      </c>
      <c r="CA6" s="188">
        <v>161069</v>
      </c>
      <c r="CB6" s="183">
        <v>19</v>
      </c>
      <c r="CC6" s="184">
        <v>57</v>
      </c>
      <c r="CD6" s="189">
        <v>76</v>
      </c>
      <c r="CE6" s="186">
        <v>0</v>
      </c>
      <c r="CF6" s="184">
        <v>1308</v>
      </c>
      <c r="CG6" s="184">
        <v>3377</v>
      </c>
      <c r="CH6" s="184">
        <v>4372</v>
      </c>
      <c r="CI6" s="184">
        <v>4656</v>
      </c>
      <c r="CJ6" s="184">
        <v>2776</v>
      </c>
      <c r="CK6" s="189">
        <v>16489</v>
      </c>
      <c r="CL6" s="188">
        <v>16565</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1</v>
      </c>
      <c r="D7" s="191">
        <v>0</v>
      </c>
      <c r="E7" s="192">
        <v>1</v>
      </c>
      <c r="F7" s="193">
        <v>0</v>
      </c>
      <c r="G7" s="191">
        <v>67647</v>
      </c>
      <c r="H7" s="191">
        <v>150171</v>
      </c>
      <c r="I7" s="191">
        <v>137019</v>
      </c>
      <c r="J7" s="191">
        <v>162108</v>
      </c>
      <c r="K7" s="191">
        <v>159464</v>
      </c>
      <c r="L7" s="194">
        <v>676409</v>
      </c>
      <c r="M7" s="195">
        <v>676410</v>
      </c>
      <c r="N7" s="190">
        <v>3</v>
      </c>
      <c r="O7" s="191">
        <v>65</v>
      </c>
      <c r="P7" s="196">
        <v>68</v>
      </c>
      <c r="Q7" s="193">
        <v>0</v>
      </c>
      <c r="R7" s="191">
        <v>74</v>
      </c>
      <c r="S7" s="191">
        <v>562</v>
      </c>
      <c r="T7" s="191">
        <v>1269</v>
      </c>
      <c r="U7" s="191">
        <v>3730</v>
      </c>
      <c r="V7" s="191">
        <v>7981</v>
      </c>
      <c r="W7" s="196">
        <v>13616</v>
      </c>
      <c r="X7" s="195">
        <v>13684</v>
      </c>
      <c r="Y7" s="190">
        <v>5468</v>
      </c>
      <c r="Z7" s="191">
        <v>23608</v>
      </c>
      <c r="AA7" s="196">
        <v>29076</v>
      </c>
      <c r="AB7" s="193">
        <v>0</v>
      </c>
      <c r="AC7" s="191">
        <v>38265</v>
      </c>
      <c r="AD7" s="191">
        <v>98862</v>
      </c>
      <c r="AE7" s="191">
        <v>56555</v>
      </c>
      <c r="AF7" s="191">
        <v>44753</v>
      </c>
      <c r="AG7" s="191">
        <v>34462</v>
      </c>
      <c r="AH7" s="196">
        <v>272897</v>
      </c>
      <c r="AI7" s="195">
        <v>301973</v>
      </c>
      <c r="AJ7" s="190">
        <v>842</v>
      </c>
      <c r="AK7" s="191">
        <v>4540</v>
      </c>
      <c r="AL7" s="196">
        <v>5382</v>
      </c>
      <c r="AM7" s="193">
        <v>0</v>
      </c>
      <c r="AN7" s="191">
        <v>3485</v>
      </c>
      <c r="AO7" s="191">
        <v>9113</v>
      </c>
      <c r="AP7" s="191">
        <v>5905</v>
      </c>
      <c r="AQ7" s="191">
        <v>4270</v>
      </c>
      <c r="AR7" s="191">
        <v>3039</v>
      </c>
      <c r="AS7" s="196">
        <v>25812</v>
      </c>
      <c r="AT7" s="195">
        <v>31194</v>
      </c>
      <c r="AU7" s="190">
        <v>0</v>
      </c>
      <c r="AV7" s="191">
        <v>0</v>
      </c>
      <c r="AW7" s="196">
        <v>0</v>
      </c>
      <c r="AX7" s="193">
        <v>0</v>
      </c>
      <c r="AY7" s="191">
        <v>57192</v>
      </c>
      <c r="AZ7" s="191">
        <v>79111</v>
      </c>
      <c r="BA7" s="191">
        <v>42149</v>
      </c>
      <c r="BB7" s="191">
        <v>21986</v>
      </c>
      <c r="BC7" s="191">
        <v>10420</v>
      </c>
      <c r="BD7" s="194">
        <v>210858</v>
      </c>
      <c r="BE7" s="195">
        <v>210858</v>
      </c>
      <c r="BF7" s="190">
        <v>0</v>
      </c>
      <c r="BG7" s="191">
        <v>0</v>
      </c>
      <c r="BH7" s="196">
        <v>0</v>
      </c>
      <c r="BI7" s="193">
        <v>0</v>
      </c>
      <c r="BJ7" s="191">
        <v>8899</v>
      </c>
      <c r="BK7" s="191">
        <v>20664</v>
      </c>
      <c r="BL7" s="191">
        <v>12024</v>
      </c>
      <c r="BM7" s="191">
        <v>7218</v>
      </c>
      <c r="BN7" s="191">
        <v>2440</v>
      </c>
      <c r="BO7" s="196">
        <v>51245</v>
      </c>
      <c r="BP7" s="195">
        <v>51245</v>
      </c>
      <c r="BQ7" s="190">
        <v>102</v>
      </c>
      <c r="BR7" s="191">
        <v>463</v>
      </c>
      <c r="BS7" s="196">
        <v>565</v>
      </c>
      <c r="BT7" s="193">
        <v>0</v>
      </c>
      <c r="BU7" s="191">
        <v>4808</v>
      </c>
      <c r="BV7" s="191">
        <v>10989</v>
      </c>
      <c r="BW7" s="191">
        <v>20316</v>
      </c>
      <c r="BX7" s="191">
        <v>13999</v>
      </c>
      <c r="BY7" s="191">
        <v>7630</v>
      </c>
      <c r="BZ7" s="196">
        <v>57742</v>
      </c>
      <c r="CA7" s="195">
        <v>58307</v>
      </c>
      <c r="CB7" s="190">
        <v>12</v>
      </c>
      <c r="CC7" s="191">
        <v>11</v>
      </c>
      <c r="CD7" s="196">
        <v>23</v>
      </c>
      <c r="CE7" s="193">
        <v>0</v>
      </c>
      <c r="CF7" s="191">
        <v>581</v>
      </c>
      <c r="CG7" s="191">
        <v>1863</v>
      </c>
      <c r="CH7" s="191">
        <v>2627</v>
      </c>
      <c r="CI7" s="191">
        <v>2764</v>
      </c>
      <c r="CJ7" s="191">
        <v>1610</v>
      </c>
      <c r="CK7" s="196">
        <v>9445</v>
      </c>
      <c r="CL7" s="195">
        <v>9468</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2</v>
      </c>
      <c r="D8" s="191">
        <v>0</v>
      </c>
      <c r="E8" s="192">
        <v>2</v>
      </c>
      <c r="F8" s="193">
        <v>0</v>
      </c>
      <c r="G8" s="191">
        <v>36890</v>
      </c>
      <c r="H8" s="191">
        <v>53285</v>
      </c>
      <c r="I8" s="191">
        <v>58300</v>
      </c>
      <c r="J8" s="191">
        <v>75837</v>
      </c>
      <c r="K8" s="191">
        <v>75341</v>
      </c>
      <c r="L8" s="194">
        <v>299653</v>
      </c>
      <c r="M8" s="195">
        <v>299655</v>
      </c>
      <c r="N8" s="190">
        <v>2</v>
      </c>
      <c r="O8" s="191">
        <v>4</v>
      </c>
      <c r="P8" s="196">
        <v>6</v>
      </c>
      <c r="Q8" s="193">
        <v>0</v>
      </c>
      <c r="R8" s="191">
        <v>61</v>
      </c>
      <c r="S8" s="191">
        <v>227</v>
      </c>
      <c r="T8" s="191">
        <v>472</v>
      </c>
      <c r="U8" s="191">
        <v>1194</v>
      </c>
      <c r="V8" s="191">
        <v>2505</v>
      </c>
      <c r="W8" s="196">
        <v>4459</v>
      </c>
      <c r="X8" s="195">
        <v>4465</v>
      </c>
      <c r="Y8" s="190">
        <v>2385</v>
      </c>
      <c r="Z8" s="191">
        <v>6283</v>
      </c>
      <c r="AA8" s="196">
        <v>8668</v>
      </c>
      <c r="AB8" s="193">
        <v>0</v>
      </c>
      <c r="AC8" s="191">
        <v>24965</v>
      </c>
      <c r="AD8" s="191">
        <v>27639</v>
      </c>
      <c r="AE8" s="191">
        <v>17627</v>
      </c>
      <c r="AF8" s="191">
        <v>13657</v>
      </c>
      <c r="AG8" s="191">
        <v>12246</v>
      </c>
      <c r="AH8" s="196">
        <v>96134</v>
      </c>
      <c r="AI8" s="195">
        <v>104802</v>
      </c>
      <c r="AJ8" s="190">
        <v>233</v>
      </c>
      <c r="AK8" s="191">
        <v>754</v>
      </c>
      <c r="AL8" s="196">
        <v>987</v>
      </c>
      <c r="AM8" s="193">
        <v>0</v>
      </c>
      <c r="AN8" s="191">
        <v>2262</v>
      </c>
      <c r="AO8" s="191">
        <v>2479</v>
      </c>
      <c r="AP8" s="191">
        <v>1394</v>
      </c>
      <c r="AQ8" s="191">
        <v>1564</v>
      </c>
      <c r="AR8" s="191">
        <v>1033</v>
      </c>
      <c r="AS8" s="196">
        <v>8732</v>
      </c>
      <c r="AT8" s="195">
        <v>9719</v>
      </c>
      <c r="AU8" s="190">
        <v>0</v>
      </c>
      <c r="AV8" s="191">
        <v>0</v>
      </c>
      <c r="AW8" s="196">
        <v>0</v>
      </c>
      <c r="AX8" s="193">
        <v>0</v>
      </c>
      <c r="AY8" s="191">
        <v>31038</v>
      </c>
      <c r="AZ8" s="191">
        <v>28616</v>
      </c>
      <c r="BA8" s="191">
        <v>17397</v>
      </c>
      <c r="BB8" s="191">
        <v>9623</v>
      </c>
      <c r="BC8" s="191">
        <v>4770</v>
      </c>
      <c r="BD8" s="194">
        <v>91444</v>
      </c>
      <c r="BE8" s="195">
        <v>91444</v>
      </c>
      <c r="BF8" s="190">
        <v>0</v>
      </c>
      <c r="BG8" s="191">
        <v>0</v>
      </c>
      <c r="BH8" s="196">
        <v>0</v>
      </c>
      <c r="BI8" s="193">
        <v>0</v>
      </c>
      <c r="BJ8" s="191">
        <v>4839</v>
      </c>
      <c r="BK8" s="191">
        <v>5460</v>
      </c>
      <c r="BL8" s="191">
        <v>3704</v>
      </c>
      <c r="BM8" s="191">
        <v>2164</v>
      </c>
      <c r="BN8" s="191">
        <v>810</v>
      </c>
      <c r="BO8" s="196">
        <v>16977</v>
      </c>
      <c r="BP8" s="195">
        <v>16977</v>
      </c>
      <c r="BQ8" s="190">
        <v>30</v>
      </c>
      <c r="BR8" s="191">
        <v>100</v>
      </c>
      <c r="BS8" s="196">
        <v>130</v>
      </c>
      <c r="BT8" s="193">
        <v>0</v>
      </c>
      <c r="BU8" s="191">
        <v>1554</v>
      </c>
      <c r="BV8" s="191">
        <v>3503</v>
      </c>
      <c r="BW8" s="191">
        <v>6014</v>
      </c>
      <c r="BX8" s="191">
        <v>4644</v>
      </c>
      <c r="BY8" s="191">
        <v>2521</v>
      </c>
      <c r="BZ8" s="196">
        <v>18236</v>
      </c>
      <c r="CA8" s="195">
        <v>18366</v>
      </c>
      <c r="CB8" s="190">
        <v>5</v>
      </c>
      <c r="CC8" s="191">
        <v>0</v>
      </c>
      <c r="CD8" s="196">
        <v>5</v>
      </c>
      <c r="CE8" s="193">
        <v>0</v>
      </c>
      <c r="CF8" s="191">
        <v>188</v>
      </c>
      <c r="CG8" s="191">
        <v>521</v>
      </c>
      <c r="CH8" s="191">
        <v>625</v>
      </c>
      <c r="CI8" s="191">
        <v>621</v>
      </c>
      <c r="CJ8" s="191">
        <v>430</v>
      </c>
      <c r="CK8" s="196">
        <v>2385</v>
      </c>
      <c r="CL8" s="195">
        <v>2390</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4224</v>
      </c>
      <c r="H9" s="191">
        <v>28600</v>
      </c>
      <c r="I9" s="191">
        <v>32195</v>
      </c>
      <c r="J9" s="191">
        <v>37572</v>
      </c>
      <c r="K9" s="191">
        <v>31842</v>
      </c>
      <c r="L9" s="194">
        <v>144433</v>
      </c>
      <c r="M9" s="195">
        <v>144433</v>
      </c>
      <c r="N9" s="190">
        <v>0</v>
      </c>
      <c r="O9" s="191">
        <v>4</v>
      </c>
      <c r="P9" s="196">
        <v>4</v>
      </c>
      <c r="Q9" s="193">
        <v>0</v>
      </c>
      <c r="R9" s="191">
        <v>5</v>
      </c>
      <c r="S9" s="191">
        <v>92</v>
      </c>
      <c r="T9" s="191">
        <v>231</v>
      </c>
      <c r="U9" s="191">
        <v>630</v>
      </c>
      <c r="V9" s="191">
        <v>1092</v>
      </c>
      <c r="W9" s="196">
        <v>2050</v>
      </c>
      <c r="X9" s="195">
        <v>2054</v>
      </c>
      <c r="Y9" s="190">
        <v>606</v>
      </c>
      <c r="Z9" s="191">
        <v>2850</v>
      </c>
      <c r="AA9" s="196">
        <v>3456</v>
      </c>
      <c r="AB9" s="193">
        <v>0</v>
      </c>
      <c r="AC9" s="191">
        <v>5961</v>
      </c>
      <c r="AD9" s="191">
        <v>12300</v>
      </c>
      <c r="AE9" s="191">
        <v>9013</v>
      </c>
      <c r="AF9" s="191">
        <v>6946</v>
      </c>
      <c r="AG9" s="191">
        <v>5435</v>
      </c>
      <c r="AH9" s="196">
        <v>39655</v>
      </c>
      <c r="AI9" s="195">
        <v>43111</v>
      </c>
      <c r="AJ9" s="190">
        <v>66</v>
      </c>
      <c r="AK9" s="191">
        <v>402</v>
      </c>
      <c r="AL9" s="196">
        <v>468</v>
      </c>
      <c r="AM9" s="193">
        <v>0</v>
      </c>
      <c r="AN9" s="191">
        <v>241</v>
      </c>
      <c r="AO9" s="191">
        <v>854</v>
      </c>
      <c r="AP9" s="191">
        <v>509</v>
      </c>
      <c r="AQ9" s="191">
        <v>485</v>
      </c>
      <c r="AR9" s="191">
        <v>232</v>
      </c>
      <c r="AS9" s="196">
        <v>2321</v>
      </c>
      <c r="AT9" s="195">
        <v>2789</v>
      </c>
      <c r="AU9" s="190">
        <v>0</v>
      </c>
      <c r="AV9" s="191">
        <v>0</v>
      </c>
      <c r="AW9" s="196">
        <v>0</v>
      </c>
      <c r="AX9" s="193">
        <v>0</v>
      </c>
      <c r="AY9" s="191">
        <v>13980</v>
      </c>
      <c r="AZ9" s="191">
        <v>18001</v>
      </c>
      <c r="BA9" s="191">
        <v>12777</v>
      </c>
      <c r="BB9" s="191">
        <v>6286</v>
      </c>
      <c r="BC9" s="191">
        <v>3195</v>
      </c>
      <c r="BD9" s="194">
        <v>54239</v>
      </c>
      <c r="BE9" s="195">
        <v>54239</v>
      </c>
      <c r="BF9" s="190">
        <v>0</v>
      </c>
      <c r="BG9" s="191">
        <v>0</v>
      </c>
      <c r="BH9" s="196">
        <v>0</v>
      </c>
      <c r="BI9" s="193">
        <v>0</v>
      </c>
      <c r="BJ9" s="191">
        <v>982</v>
      </c>
      <c r="BK9" s="191">
        <v>2965</v>
      </c>
      <c r="BL9" s="191">
        <v>1930</v>
      </c>
      <c r="BM9" s="191">
        <v>988</v>
      </c>
      <c r="BN9" s="191">
        <v>445</v>
      </c>
      <c r="BO9" s="196">
        <v>7310</v>
      </c>
      <c r="BP9" s="195">
        <v>7310</v>
      </c>
      <c r="BQ9" s="190">
        <v>12</v>
      </c>
      <c r="BR9" s="191">
        <v>58</v>
      </c>
      <c r="BS9" s="196">
        <v>70</v>
      </c>
      <c r="BT9" s="193">
        <v>0</v>
      </c>
      <c r="BU9" s="191">
        <v>791</v>
      </c>
      <c r="BV9" s="191">
        <v>2350</v>
      </c>
      <c r="BW9" s="191">
        <v>4802</v>
      </c>
      <c r="BX9" s="191">
        <v>4105</v>
      </c>
      <c r="BY9" s="191">
        <v>2010</v>
      </c>
      <c r="BZ9" s="196">
        <v>14058</v>
      </c>
      <c r="CA9" s="195">
        <v>14128</v>
      </c>
      <c r="CB9" s="190">
        <v>0</v>
      </c>
      <c r="CC9" s="191">
        <v>5</v>
      </c>
      <c r="CD9" s="196">
        <v>5</v>
      </c>
      <c r="CE9" s="193">
        <v>0</v>
      </c>
      <c r="CF9" s="191">
        <v>33</v>
      </c>
      <c r="CG9" s="191">
        <v>35</v>
      </c>
      <c r="CH9" s="191">
        <v>92</v>
      </c>
      <c r="CI9" s="191">
        <v>117</v>
      </c>
      <c r="CJ9" s="191">
        <v>28</v>
      </c>
      <c r="CK9" s="196">
        <v>305</v>
      </c>
      <c r="CL9" s="195">
        <v>310</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6521</v>
      </c>
      <c r="H10" s="191">
        <v>18731</v>
      </c>
      <c r="I10" s="191">
        <v>22316</v>
      </c>
      <c r="J10" s="191">
        <v>29617</v>
      </c>
      <c r="K10" s="191">
        <v>20111</v>
      </c>
      <c r="L10" s="194">
        <v>107296</v>
      </c>
      <c r="M10" s="195">
        <v>107296</v>
      </c>
      <c r="N10" s="190">
        <v>0</v>
      </c>
      <c r="O10" s="191">
        <v>0</v>
      </c>
      <c r="P10" s="196">
        <v>0</v>
      </c>
      <c r="Q10" s="193">
        <v>0</v>
      </c>
      <c r="R10" s="191">
        <v>37</v>
      </c>
      <c r="S10" s="191">
        <v>144</v>
      </c>
      <c r="T10" s="191">
        <v>243</v>
      </c>
      <c r="U10" s="191">
        <v>638</v>
      </c>
      <c r="V10" s="191">
        <v>1009</v>
      </c>
      <c r="W10" s="196">
        <v>2071</v>
      </c>
      <c r="X10" s="195">
        <v>2071</v>
      </c>
      <c r="Y10" s="190">
        <v>173</v>
      </c>
      <c r="Z10" s="191">
        <v>300</v>
      </c>
      <c r="AA10" s="196">
        <v>473</v>
      </c>
      <c r="AB10" s="193">
        <v>0</v>
      </c>
      <c r="AC10" s="191">
        <v>4476</v>
      </c>
      <c r="AD10" s="191">
        <v>4574</v>
      </c>
      <c r="AE10" s="191">
        <v>2806</v>
      </c>
      <c r="AF10" s="191">
        <v>3142</v>
      </c>
      <c r="AG10" s="191">
        <v>2867</v>
      </c>
      <c r="AH10" s="196">
        <v>17865</v>
      </c>
      <c r="AI10" s="195">
        <v>18338</v>
      </c>
      <c r="AJ10" s="190">
        <v>32</v>
      </c>
      <c r="AK10" s="191">
        <v>113</v>
      </c>
      <c r="AL10" s="196">
        <v>145</v>
      </c>
      <c r="AM10" s="193">
        <v>0</v>
      </c>
      <c r="AN10" s="191">
        <v>483</v>
      </c>
      <c r="AO10" s="191">
        <v>605</v>
      </c>
      <c r="AP10" s="191">
        <v>234</v>
      </c>
      <c r="AQ10" s="191">
        <v>420</v>
      </c>
      <c r="AR10" s="191">
        <v>208</v>
      </c>
      <c r="AS10" s="196">
        <v>1950</v>
      </c>
      <c r="AT10" s="195">
        <v>2095</v>
      </c>
      <c r="AU10" s="190">
        <v>0</v>
      </c>
      <c r="AV10" s="191">
        <v>0</v>
      </c>
      <c r="AW10" s="196">
        <v>0</v>
      </c>
      <c r="AX10" s="193">
        <v>0</v>
      </c>
      <c r="AY10" s="191">
        <v>13760</v>
      </c>
      <c r="AZ10" s="191">
        <v>9137</v>
      </c>
      <c r="BA10" s="191">
        <v>5235</v>
      </c>
      <c r="BB10" s="191">
        <v>2732</v>
      </c>
      <c r="BC10" s="191">
        <v>1325</v>
      </c>
      <c r="BD10" s="194">
        <v>32189</v>
      </c>
      <c r="BE10" s="195">
        <v>32189</v>
      </c>
      <c r="BF10" s="190">
        <v>0</v>
      </c>
      <c r="BG10" s="191">
        <v>0</v>
      </c>
      <c r="BH10" s="196">
        <v>0</v>
      </c>
      <c r="BI10" s="193">
        <v>0</v>
      </c>
      <c r="BJ10" s="191">
        <v>1857</v>
      </c>
      <c r="BK10" s="191">
        <v>1582</v>
      </c>
      <c r="BL10" s="191">
        <v>883</v>
      </c>
      <c r="BM10" s="191">
        <v>558</v>
      </c>
      <c r="BN10" s="191">
        <v>202</v>
      </c>
      <c r="BO10" s="196">
        <v>5082</v>
      </c>
      <c r="BP10" s="195">
        <v>5082</v>
      </c>
      <c r="BQ10" s="190">
        <v>9</v>
      </c>
      <c r="BR10" s="191">
        <v>39</v>
      </c>
      <c r="BS10" s="196">
        <v>48</v>
      </c>
      <c r="BT10" s="193">
        <v>0</v>
      </c>
      <c r="BU10" s="191">
        <v>1740</v>
      </c>
      <c r="BV10" s="191">
        <v>2272</v>
      </c>
      <c r="BW10" s="191">
        <v>3082</v>
      </c>
      <c r="BX10" s="191">
        <v>2707</v>
      </c>
      <c r="BY10" s="191">
        <v>1090</v>
      </c>
      <c r="BZ10" s="196">
        <v>10891</v>
      </c>
      <c r="CA10" s="195">
        <v>10939</v>
      </c>
      <c r="CB10" s="190">
        <v>0</v>
      </c>
      <c r="CC10" s="191">
        <v>0</v>
      </c>
      <c r="CD10" s="196">
        <v>0</v>
      </c>
      <c r="CE10" s="193">
        <v>0</v>
      </c>
      <c r="CF10" s="191">
        <v>43</v>
      </c>
      <c r="CG10" s="191">
        <v>111</v>
      </c>
      <c r="CH10" s="191">
        <v>112</v>
      </c>
      <c r="CI10" s="191">
        <v>181</v>
      </c>
      <c r="CJ10" s="191">
        <v>50</v>
      </c>
      <c r="CK10" s="196">
        <v>497</v>
      </c>
      <c r="CL10" s="195">
        <v>497</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5463</v>
      </c>
      <c r="H11" s="191">
        <v>11400</v>
      </c>
      <c r="I11" s="191">
        <v>13521</v>
      </c>
      <c r="J11" s="191">
        <v>15256</v>
      </c>
      <c r="K11" s="191">
        <v>18694</v>
      </c>
      <c r="L11" s="194">
        <v>64334</v>
      </c>
      <c r="M11" s="195">
        <v>64334</v>
      </c>
      <c r="N11" s="190">
        <v>0</v>
      </c>
      <c r="O11" s="191">
        <v>0</v>
      </c>
      <c r="P11" s="196">
        <v>0</v>
      </c>
      <c r="Q11" s="193">
        <v>0</v>
      </c>
      <c r="R11" s="191">
        <v>24</v>
      </c>
      <c r="S11" s="191">
        <v>65</v>
      </c>
      <c r="T11" s="191">
        <v>105</v>
      </c>
      <c r="U11" s="191">
        <v>278</v>
      </c>
      <c r="V11" s="191">
        <v>506</v>
      </c>
      <c r="W11" s="196">
        <v>978</v>
      </c>
      <c r="X11" s="195">
        <v>978</v>
      </c>
      <c r="Y11" s="190">
        <v>227</v>
      </c>
      <c r="Z11" s="191">
        <v>493</v>
      </c>
      <c r="AA11" s="196">
        <v>720</v>
      </c>
      <c r="AB11" s="193">
        <v>0</v>
      </c>
      <c r="AC11" s="191">
        <v>1828</v>
      </c>
      <c r="AD11" s="191">
        <v>2615</v>
      </c>
      <c r="AE11" s="191">
        <v>1841</v>
      </c>
      <c r="AF11" s="191">
        <v>1832</v>
      </c>
      <c r="AG11" s="191">
        <v>1595</v>
      </c>
      <c r="AH11" s="196">
        <v>9711</v>
      </c>
      <c r="AI11" s="195">
        <v>10431</v>
      </c>
      <c r="AJ11" s="190">
        <v>134</v>
      </c>
      <c r="AK11" s="191">
        <v>272</v>
      </c>
      <c r="AL11" s="196">
        <v>406</v>
      </c>
      <c r="AM11" s="193">
        <v>0</v>
      </c>
      <c r="AN11" s="191">
        <v>948</v>
      </c>
      <c r="AO11" s="191">
        <v>1274</v>
      </c>
      <c r="AP11" s="191">
        <v>641</v>
      </c>
      <c r="AQ11" s="191">
        <v>501</v>
      </c>
      <c r="AR11" s="191">
        <v>334</v>
      </c>
      <c r="AS11" s="196">
        <v>3698</v>
      </c>
      <c r="AT11" s="195">
        <v>4104</v>
      </c>
      <c r="AU11" s="190">
        <v>0</v>
      </c>
      <c r="AV11" s="191">
        <v>0</v>
      </c>
      <c r="AW11" s="196">
        <v>0</v>
      </c>
      <c r="AX11" s="193">
        <v>0</v>
      </c>
      <c r="AY11" s="191">
        <v>5423</v>
      </c>
      <c r="AZ11" s="191">
        <v>6175</v>
      </c>
      <c r="BA11" s="191">
        <v>3897</v>
      </c>
      <c r="BB11" s="191">
        <v>2617</v>
      </c>
      <c r="BC11" s="191">
        <v>1398</v>
      </c>
      <c r="BD11" s="194">
        <v>19510</v>
      </c>
      <c r="BE11" s="195">
        <v>19510</v>
      </c>
      <c r="BF11" s="190">
        <v>0</v>
      </c>
      <c r="BG11" s="191">
        <v>0</v>
      </c>
      <c r="BH11" s="196">
        <v>0</v>
      </c>
      <c r="BI11" s="193">
        <v>0</v>
      </c>
      <c r="BJ11" s="191">
        <v>1089</v>
      </c>
      <c r="BK11" s="191">
        <v>1299</v>
      </c>
      <c r="BL11" s="191">
        <v>809</v>
      </c>
      <c r="BM11" s="191">
        <v>550</v>
      </c>
      <c r="BN11" s="191">
        <v>180</v>
      </c>
      <c r="BO11" s="196">
        <v>3927</v>
      </c>
      <c r="BP11" s="195">
        <v>3927</v>
      </c>
      <c r="BQ11" s="190">
        <v>29</v>
      </c>
      <c r="BR11" s="191">
        <v>40</v>
      </c>
      <c r="BS11" s="196">
        <v>69</v>
      </c>
      <c r="BT11" s="193">
        <v>0</v>
      </c>
      <c r="BU11" s="191">
        <v>600</v>
      </c>
      <c r="BV11" s="191">
        <v>1388</v>
      </c>
      <c r="BW11" s="191">
        <v>2434</v>
      </c>
      <c r="BX11" s="191">
        <v>2129</v>
      </c>
      <c r="BY11" s="191">
        <v>701</v>
      </c>
      <c r="BZ11" s="196">
        <v>7252</v>
      </c>
      <c r="CA11" s="195">
        <v>7321</v>
      </c>
      <c r="CB11" s="190">
        <v>0</v>
      </c>
      <c r="CC11" s="191">
        <v>0</v>
      </c>
      <c r="CD11" s="196">
        <v>0</v>
      </c>
      <c r="CE11" s="193">
        <v>0</v>
      </c>
      <c r="CF11" s="191">
        <v>19</v>
      </c>
      <c r="CG11" s="191">
        <v>48</v>
      </c>
      <c r="CH11" s="191">
        <v>35</v>
      </c>
      <c r="CI11" s="191">
        <v>53</v>
      </c>
      <c r="CJ11" s="191">
        <v>17</v>
      </c>
      <c r="CK11" s="196">
        <v>172</v>
      </c>
      <c r="CL11" s="195">
        <v>172</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616</v>
      </c>
      <c r="H12" s="191">
        <v>8233</v>
      </c>
      <c r="I12" s="191">
        <v>11587</v>
      </c>
      <c r="J12" s="191">
        <v>15395</v>
      </c>
      <c r="K12" s="191">
        <v>14091</v>
      </c>
      <c r="L12" s="194">
        <v>54922</v>
      </c>
      <c r="M12" s="195">
        <v>54922</v>
      </c>
      <c r="N12" s="190">
        <v>0</v>
      </c>
      <c r="O12" s="191">
        <v>0</v>
      </c>
      <c r="P12" s="196">
        <v>0</v>
      </c>
      <c r="Q12" s="193">
        <v>0</v>
      </c>
      <c r="R12" s="191">
        <v>3</v>
      </c>
      <c r="S12" s="191">
        <v>45</v>
      </c>
      <c r="T12" s="191">
        <v>101</v>
      </c>
      <c r="U12" s="191">
        <v>256</v>
      </c>
      <c r="V12" s="191">
        <v>475</v>
      </c>
      <c r="W12" s="196">
        <v>880</v>
      </c>
      <c r="X12" s="195">
        <v>880</v>
      </c>
      <c r="Y12" s="190">
        <v>421</v>
      </c>
      <c r="Z12" s="191">
        <v>676</v>
      </c>
      <c r="AA12" s="196">
        <v>1097</v>
      </c>
      <c r="AB12" s="193">
        <v>0</v>
      </c>
      <c r="AC12" s="191">
        <v>3557</v>
      </c>
      <c r="AD12" s="191">
        <v>3460</v>
      </c>
      <c r="AE12" s="191">
        <v>2672</v>
      </c>
      <c r="AF12" s="191">
        <v>2508</v>
      </c>
      <c r="AG12" s="191">
        <v>2441</v>
      </c>
      <c r="AH12" s="196">
        <v>14638</v>
      </c>
      <c r="AI12" s="195">
        <v>15735</v>
      </c>
      <c r="AJ12" s="190">
        <v>34</v>
      </c>
      <c r="AK12" s="191">
        <v>123</v>
      </c>
      <c r="AL12" s="196">
        <v>157</v>
      </c>
      <c r="AM12" s="193">
        <v>0</v>
      </c>
      <c r="AN12" s="191">
        <v>412</v>
      </c>
      <c r="AO12" s="191">
        <v>535</v>
      </c>
      <c r="AP12" s="191">
        <v>422</v>
      </c>
      <c r="AQ12" s="191">
        <v>376</v>
      </c>
      <c r="AR12" s="191">
        <v>413</v>
      </c>
      <c r="AS12" s="196">
        <v>2158</v>
      </c>
      <c r="AT12" s="195">
        <v>2315</v>
      </c>
      <c r="AU12" s="190">
        <v>0</v>
      </c>
      <c r="AV12" s="191">
        <v>0</v>
      </c>
      <c r="AW12" s="196">
        <v>0</v>
      </c>
      <c r="AX12" s="193">
        <v>0</v>
      </c>
      <c r="AY12" s="191">
        <v>4356</v>
      </c>
      <c r="AZ12" s="191">
        <v>3603</v>
      </c>
      <c r="BA12" s="191">
        <v>2603</v>
      </c>
      <c r="BB12" s="191">
        <v>1476</v>
      </c>
      <c r="BC12" s="191">
        <v>604</v>
      </c>
      <c r="BD12" s="194">
        <v>12642</v>
      </c>
      <c r="BE12" s="195">
        <v>12642</v>
      </c>
      <c r="BF12" s="190">
        <v>0</v>
      </c>
      <c r="BG12" s="191">
        <v>0</v>
      </c>
      <c r="BH12" s="196">
        <v>0</v>
      </c>
      <c r="BI12" s="193">
        <v>0</v>
      </c>
      <c r="BJ12" s="191">
        <v>937</v>
      </c>
      <c r="BK12" s="191">
        <v>881</v>
      </c>
      <c r="BL12" s="191">
        <v>568</v>
      </c>
      <c r="BM12" s="191">
        <v>536</v>
      </c>
      <c r="BN12" s="191">
        <v>139</v>
      </c>
      <c r="BO12" s="196">
        <v>3061</v>
      </c>
      <c r="BP12" s="195">
        <v>3061</v>
      </c>
      <c r="BQ12" s="190">
        <v>6</v>
      </c>
      <c r="BR12" s="191">
        <v>18</v>
      </c>
      <c r="BS12" s="196">
        <v>24</v>
      </c>
      <c r="BT12" s="193">
        <v>0</v>
      </c>
      <c r="BU12" s="191">
        <v>579</v>
      </c>
      <c r="BV12" s="191">
        <v>920</v>
      </c>
      <c r="BW12" s="191">
        <v>1442</v>
      </c>
      <c r="BX12" s="191">
        <v>1240</v>
      </c>
      <c r="BY12" s="191">
        <v>601</v>
      </c>
      <c r="BZ12" s="196">
        <v>4782</v>
      </c>
      <c r="CA12" s="195">
        <v>4806</v>
      </c>
      <c r="CB12" s="190">
        <v>0</v>
      </c>
      <c r="CC12" s="191">
        <v>0</v>
      </c>
      <c r="CD12" s="196">
        <v>0</v>
      </c>
      <c r="CE12" s="193">
        <v>0</v>
      </c>
      <c r="CF12" s="191">
        <v>36</v>
      </c>
      <c r="CG12" s="191">
        <v>68</v>
      </c>
      <c r="CH12" s="191">
        <v>201</v>
      </c>
      <c r="CI12" s="191">
        <v>198</v>
      </c>
      <c r="CJ12" s="191">
        <v>81</v>
      </c>
      <c r="CK12" s="196">
        <v>584</v>
      </c>
      <c r="CL12" s="195">
        <v>584</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5754</v>
      </c>
      <c r="H13" s="191">
        <v>17306</v>
      </c>
      <c r="I13" s="191">
        <v>22539</v>
      </c>
      <c r="J13" s="191">
        <v>26897</v>
      </c>
      <c r="K13" s="191">
        <v>23022</v>
      </c>
      <c r="L13" s="194">
        <v>105518</v>
      </c>
      <c r="M13" s="195">
        <v>105518</v>
      </c>
      <c r="N13" s="190">
        <v>0</v>
      </c>
      <c r="O13" s="191">
        <v>4</v>
      </c>
      <c r="P13" s="196">
        <v>4</v>
      </c>
      <c r="Q13" s="193">
        <v>0</v>
      </c>
      <c r="R13" s="191">
        <v>17</v>
      </c>
      <c r="S13" s="191">
        <v>117</v>
      </c>
      <c r="T13" s="191">
        <v>184</v>
      </c>
      <c r="U13" s="191">
        <v>378</v>
      </c>
      <c r="V13" s="191">
        <v>841</v>
      </c>
      <c r="W13" s="196">
        <v>1537</v>
      </c>
      <c r="X13" s="195">
        <v>1541</v>
      </c>
      <c r="Y13" s="190">
        <v>1014</v>
      </c>
      <c r="Z13" s="191">
        <v>2222</v>
      </c>
      <c r="AA13" s="196">
        <v>3236</v>
      </c>
      <c r="AB13" s="193">
        <v>0</v>
      </c>
      <c r="AC13" s="191">
        <v>8740</v>
      </c>
      <c r="AD13" s="191">
        <v>6414</v>
      </c>
      <c r="AE13" s="191">
        <v>3863</v>
      </c>
      <c r="AF13" s="191">
        <v>3803</v>
      </c>
      <c r="AG13" s="191">
        <v>3180</v>
      </c>
      <c r="AH13" s="196">
        <v>26000</v>
      </c>
      <c r="AI13" s="195">
        <v>29236</v>
      </c>
      <c r="AJ13" s="190">
        <v>203</v>
      </c>
      <c r="AK13" s="191">
        <v>503</v>
      </c>
      <c r="AL13" s="196">
        <v>706</v>
      </c>
      <c r="AM13" s="193">
        <v>0</v>
      </c>
      <c r="AN13" s="191">
        <v>1094</v>
      </c>
      <c r="AO13" s="191">
        <v>1180</v>
      </c>
      <c r="AP13" s="191">
        <v>751</v>
      </c>
      <c r="AQ13" s="191">
        <v>451</v>
      </c>
      <c r="AR13" s="191">
        <v>510</v>
      </c>
      <c r="AS13" s="196">
        <v>3986</v>
      </c>
      <c r="AT13" s="195">
        <v>4692</v>
      </c>
      <c r="AU13" s="190">
        <v>0</v>
      </c>
      <c r="AV13" s="191">
        <v>0</v>
      </c>
      <c r="AW13" s="196">
        <v>0</v>
      </c>
      <c r="AX13" s="193">
        <v>0</v>
      </c>
      <c r="AY13" s="191">
        <v>14371</v>
      </c>
      <c r="AZ13" s="191">
        <v>8672</v>
      </c>
      <c r="BA13" s="191">
        <v>5062</v>
      </c>
      <c r="BB13" s="191">
        <v>3104</v>
      </c>
      <c r="BC13" s="191">
        <v>1481</v>
      </c>
      <c r="BD13" s="194">
        <v>32690</v>
      </c>
      <c r="BE13" s="195">
        <v>32690</v>
      </c>
      <c r="BF13" s="190">
        <v>0</v>
      </c>
      <c r="BG13" s="191">
        <v>0</v>
      </c>
      <c r="BH13" s="196">
        <v>0</v>
      </c>
      <c r="BI13" s="193">
        <v>0</v>
      </c>
      <c r="BJ13" s="191">
        <v>1468</v>
      </c>
      <c r="BK13" s="191">
        <v>1417</v>
      </c>
      <c r="BL13" s="191">
        <v>779</v>
      </c>
      <c r="BM13" s="191">
        <v>451</v>
      </c>
      <c r="BN13" s="191">
        <v>240</v>
      </c>
      <c r="BO13" s="196">
        <v>4355</v>
      </c>
      <c r="BP13" s="195">
        <v>4355</v>
      </c>
      <c r="BQ13" s="190">
        <v>19</v>
      </c>
      <c r="BR13" s="191">
        <v>81</v>
      </c>
      <c r="BS13" s="196">
        <v>100</v>
      </c>
      <c r="BT13" s="193">
        <v>0</v>
      </c>
      <c r="BU13" s="191">
        <v>1336</v>
      </c>
      <c r="BV13" s="191">
        <v>1423</v>
      </c>
      <c r="BW13" s="191">
        <v>2299</v>
      </c>
      <c r="BX13" s="191">
        <v>1884</v>
      </c>
      <c r="BY13" s="191">
        <v>966</v>
      </c>
      <c r="BZ13" s="196">
        <v>7908</v>
      </c>
      <c r="CA13" s="195">
        <v>8008</v>
      </c>
      <c r="CB13" s="190">
        <v>0</v>
      </c>
      <c r="CC13" s="191">
        <v>5</v>
      </c>
      <c r="CD13" s="196">
        <v>5</v>
      </c>
      <c r="CE13" s="193">
        <v>0</v>
      </c>
      <c r="CF13" s="191">
        <v>47</v>
      </c>
      <c r="CG13" s="191">
        <v>66</v>
      </c>
      <c r="CH13" s="191">
        <v>81</v>
      </c>
      <c r="CI13" s="191">
        <v>143</v>
      </c>
      <c r="CJ13" s="191">
        <v>37</v>
      </c>
      <c r="CK13" s="196">
        <v>374</v>
      </c>
      <c r="CL13" s="195">
        <v>379</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030</v>
      </c>
      <c r="H14" s="191">
        <v>6276</v>
      </c>
      <c r="I14" s="191">
        <v>8433</v>
      </c>
      <c r="J14" s="191">
        <v>10302</v>
      </c>
      <c r="K14" s="191">
        <v>10804</v>
      </c>
      <c r="L14" s="194">
        <v>40845</v>
      </c>
      <c r="M14" s="195">
        <v>40845</v>
      </c>
      <c r="N14" s="190">
        <v>0</v>
      </c>
      <c r="O14" s="191">
        <v>0</v>
      </c>
      <c r="P14" s="196">
        <v>0</v>
      </c>
      <c r="Q14" s="193">
        <v>0</v>
      </c>
      <c r="R14" s="191">
        <v>9</v>
      </c>
      <c r="S14" s="191">
        <v>33</v>
      </c>
      <c r="T14" s="191">
        <v>90</v>
      </c>
      <c r="U14" s="191">
        <v>261</v>
      </c>
      <c r="V14" s="191">
        <v>361</v>
      </c>
      <c r="W14" s="196">
        <v>754</v>
      </c>
      <c r="X14" s="195">
        <v>754</v>
      </c>
      <c r="Y14" s="190">
        <v>248</v>
      </c>
      <c r="Z14" s="191">
        <v>521</v>
      </c>
      <c r="AA14" s="196">
        <v>769</v>
      </c>
      <c r="AB14" s="193">
        <v>0</v>
      </c>
      <c r="AC14" s="191">
        <v>3038</v>
      </c>
      <c r="AD14" s="191">
        <v>2099</v>
      </c>
      <c r="AE14" s="191">
        <v>1979</v>
      </c>
      <c r="AF14" s="191">
        <v>2181</v>
      </c>
      <c r="AG14" s="191">
        <v>1593</v>
      </c>
      <c r="AH14" s="196">
        <v>10890</v>
      </c>
      <c r="AI14" s="195">
        <v>11659</v>
      </c>
      <c r="AJ14" s="190">
        <v>23</v>
      </c>
      <c r="AK14" s="191">
        <v>87</v>
      </c>
      <c r="AL14" s="196">
        <v>110</v>
      </c>
      <c r="AM14" s="193">
        <v>0</v>
      </c>
      <c r="AN14" s="191">
        <v>310</v>
      </c>
      <c r="AO14" s="191">
        <v>234</v>
      </c>
      <c r="AP14" s="191">
        <v>312</v>
      </c>
      <c r="AQ14" s="191">
        <v>323</v>
      </c>
      <c r="AR14" s="191">
        <v>44</v>
      </c>
      <c r="AS14" s="196">
        <v>1223</v>
      </c>
      <c r="AT14" s="195">
        <v>1333</v>
      </c>
      <c r="AU14" s="190">
        <v>0</v>
      </c>
      <c r="AV14" s="191">
        <v>0</v>
      </c>
      <c r="AW14" s="196">
        <v>0</v>
      </c>
      <c r="AX14" s="193">
        <v>0</v>
      </c>
      <c r="AY14" s="191">
        <v>5683</v>
      </c>
      <c r="AZ14" s="191">
        <v>4023</v>
      </c>
      <c r="BA14" s="191">
        <v>3137</v>
      </c>
      <c r="BB14" s="191">
        <v>2120</v>
      </c>
      <c r="BC14" s="191">
        <v>766</v>
      </c>
      <c r="BD14" s="194">
        <v>15729</v>
      </c>
      <c r="BE14" s="195">
        <v>15729</v>
      </c>
      <c r="BF14" s="190">
        <v>0</v>
      </c>
      <c r="BG14" s="191">
        <v>0</v>
      </c>
      <c r="BH14" s="196">
        <v>0</v>
      </c>
      <c r="BI14" s="193">
        <v>0</v>
      </c>
      <c r="BJ14" s="191">
        <v>1502</v>
      </c>
      <c r="BK14" s="191">
        <v>1049</v>
      </c>
      <c r="BL14" s="191">
        <v>641</v>
      </c>
      <c r="BM14" s="191">
        <v>502</v>
      </c>
      <c r="BN14" s="191">
        <v>207</v>
      </c>
      <c r="BO14" s="196">
        <v>3901</v>
      </c>
      <c r="BP14" s="195">
        <v>3901</v>
      </c>
      <c r="BQ14" s="190">
        <v>25</v>
      </c>
      <c r="BR14" s="191">
        <v>53</v>
      </c>
      <c r="BS14" s="196">
        <v>78</v>
      </c>
      <c r="BT14" s="193">
        <v>0</v>
      </c>
      <c r="BU14" s="191">
        <v>690</v>
      </c>
      <c r="BV14" s="191">
        <v>632</v>
      </c>
      <c r="BW14" s="191">
        <v>1152</v>
      </c>
      <c r="BX14" s="191">
        <v>1167</v>
      </c>
      <c r="BY14" s="191">
        <v>504</v>
      </c>
      <c r="BZ14" s="196">
        <v>4145</v>
      </c>
      <c r="CA14" s="195">
        <v>4223</v>
      </c>
      <c r="CB14" s="190">
        <v>0</v>
      </c>
      <c r="CC14" s="191">
        <v>8</v>
      </c>
      <c r="CD14" s="196">
        <v>8</v>
      </c>
      <c r="CE14" s="193">
        <v>0</v>
      </c>
      <c r="CF14" s="191">
        <v>33</v>
      </c>
      <c r="CG14" s="191">
        <v>14</v>
      </c>
      <c r="CH14" s="191">
        <v>71</v>
      </c>
      <c r="CI14" s="191">
        <v>48</v>
      </c>
      <c r="CJ14" s="191">
        <v>99</v>
      </c>
      <c r="CK14" s="196">
        <v>265</v>
      </c>
      <c r="CL14" s="195">
        <v>273</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6490</v>
      </c>
      <c r="H15" s="191">
        <v>8895</v>
      </c>
      <c r="I15" s="191">
        <v>11275</v>
      </c>
      <c r="J15" s="191">
        <v>16221</v>
      </c>
      <c r="K15" s="191">
        <v>13738</v>
      </c>
      <c r="L15" s="194">
        <v>56619</v>
      </c>
      <c r="M15" s="195">
        <v>56619</v>
      </c>
      <c r="N15" s="190">
        <v>0</v>
      </c>
      <c r="O15" s="191">
        <v>13</v>
      </c>
      <c r="P15" s="196">
        <v>13</v>
      </c>
      <c r="Q15" s="193">
        <v>0</v>
      </c>
      <c r="R15" s="191">
        <v>11</v>
      </c>
      <c r="S15" s="191">
        <v>74</v>
      </c>
      <c r="T15" s="191">
        <v>91</v>
      </c>
      <c r="U15" s="191">
        <v>305</v>
      </c>
      <c r="V15" s="191">
        <v>338</v>
      </c>
      <c r="W15" s="196">
        <v>819</v>
      </c>
      <c r="X15" s="195">
        <v>832</v>
      </c>
      <c r="Y15" s="190">
        <v>590</v>
      </c>
      <c r="Z15" s="191">
        <v>2110</v>
      </c>
      <c r="AA15" s="196">
        <v>2700</v>
      </c>
      <c r="AB15" s="193">
        <v>0</v>
      </c>
      <c r="AC15" s="191">
        <v>2272</v>
      </c>
      <c r="AD15" s="191">
        <v>3473</v>
      </c>
      <c r="AE15" s="191">
        <v>2178</v>
      </c>
      <c r="AF15" s="191">
        <v>2203</v>
      </c>
      <c r="AG15" s="191">
        <v>1820</v>
      </c>
      <c r="AH15" s="196">
        <v>11946</v>
      </c>
      <c r="AI15" s="195">
        <v>14646</v>
      </c>
      <c r="AJ15" s="190">
        <v>64</v>
      </c>
      <c r="AK15" s="191">
        <v>273</v>
      </c>
      <c r="AL15" s="196">
        <v>337</v>
      </c>
      <c r="AM15" s="193">
        <v>0</v>
      </c>
      <c r="AN15" s="191">
        <v>135</v>
      </c>
      <c r="AO15" s="191">
        <v>506</v>
      </c>
      <c r="AP15" s="191">
        <v>222</v>
      </c>
      <c r="AQ15" s="191">
        <v>253</v>
      </c>
      <c r="AR15" s="191">
        <v>161</v>
      </c>
      <c r="AS15" s="196">
        <v>1277</v>
      </c>
      <c r="AT15" s="195">
        <v>1614</v>
      </c>
      <c r="AU15" s="190">
        <v>0</v>
      </c>
      <c r="AV15" s="191">
        <v>0</v>
      </c>
      <c r="AW15" s="196">
        <v>0</v>
      </c>
      <c r="AX15" s="193">
        <v>0</v>
      </c>
      <c r="AY15" s="191">
        <v>5844</v>
      </c>
      <c r="AZ15" s="191">
        <v>4220</v>
      </c>
      <c r="BA15" s="191">
        <v>2847</v>
      </c>
      <c r="BB15" s="191">
        <v>2289</v>
      </c>
      <c r="BC15" s="191">
        <v>1113</v>
      </c>
      <c r="BD15" s="194">
        <v>16313</v>
      </c>
      <c r="BE15" s="195">
        <v>16313</v>
      </c>
      <c r="BF15" s="190">
        <v>0</v>
      </c>
      <c r="BG15" s="191">
        <v>0</v>
      </c>
      <c r="BH15" s="196">
        <v>0</v>
      </c>
      <c r="BI15" s="193">
        <v>0</v>
      </c>
      <c r="BJ15" s="191">
        <v>835</v>
      </c>
      <c r="BK15" s="191">
        <v>1350</v>
      </c>
      <c r="BL15" s="191">
        <v>889</v>
      </c>
      <c r="BM15" s="191">
        <v>486</v>
      </c>
      <c r="BN15" s="191">
        <v>217</v>
      </c>
      <c r="BO15" s="196">
        <v>3777</v>
      </c>
      <c r="BP15" s="195">
        <v>3777</v>
      </c>
      <c r="BQ15" s="190">
        <v>23</v>
      </c>
      <c r="BR15" s="191">
        <v>81</v>
      </c>
      <c r="BS15" s="196">
        <v>104</v>
      </c>
      <c r="BT15" s="193">
        <v>0</v>
      </c>
      <c r="BU15" s="191">
        <v>633</v>
      </c>
      <c r="BV15" s="191">
        <v>764</v>
      </c>
      <c r="BW15" s="191">
        <v>1179</v>
      </c>
      <c r="BX15" s="191">
        <v>1183</v>
      </c>
      <c r="BY15" s="191">
        <v>635</v>
      </c>
      <c r="BZ15" s="196">
        <v>4394</v>
      </c>
      <c r="CA15" s="195">
        <v>4498</v>
      </c>
      <c r="CB15" s="190">
        <v>0</v>
      </c>
      <c r="CC15" s="191">
        <v>0</v>
      </c>
      <c r="CD15" s="196">
        <v>0</v>
      </c>
      <c r="CE15" s="193">
        <v>0</v>
      </c>
      <c r="CF15" s="191">
        <v>50</v>
      </c>
      <c r="CG15" s="191">
        <v>52</v>
      </c>
      <c r="CH15" s="191">
        <v>26</v>
      </c>
      <c r="CI15" s="191">
        <v>56</v>
      </c>
      <c r="CJ15" s="191">
        <v>23</v>
      </c>
      <c r="CK15" s="196">
        <v>207</v>
      </c>
      <c r="CL15" s="195">
        <v>207</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890</v>
      </c>
      <c r="H16" s="191">
        <v>2856</v>
      </c>
      <c r="I16" s="191">
        <v>3658</v>
      </c>
      <c r="J16" s="191">
        <v>5587</v>
      </c>
      <c r="K16" s="191">
        <v>5197</v>
      </c>
      <c r="L16" s="194">
        <v>19188</v>
      </c>
      <c r="M16" s="195">
        <v>19188</v>
      </c>
      <c r="N16" s="190">
        <v>0</v>
      </c>
      <c r="O16" s="191">
        <v>0</v>
      </c>
      <c r="P16" s="196">
        <v>0</v>
      </c>
      <c r="Q16" s="193">
        <v>0</v>
      </c>
      <c r="R16" s="191">
        <v>4</v>
      </c>
      <c r="S16" s="191">
        <v>10</v>
      </c>
      <c r="T16" s="191">
        <v>20</v>
      </c>
      <c r="U16" s="191">
        <v>96</v>
      </c>
      <c r="V16" s="191">
        <v>187</v>
      </c>
      <c r="W16" s="196">
        <v>317</v>
      </c>
      <c r="X16" s="195">
        <v>317</v>
      </c>
      <c r="Y16" s="190">
        <v>61</v>
      </c>
      <c r="Z16" s="191">
        <v>201</v>
      </c>
      <c r="AA16" s="196">
        <v>262</v>
      </c>
      <c r="AB16" s="193">
        <v>0</v>
      </c>
      <c r="AC16" s="191">
        <v>855</v>
      </c>
      <c r="AD16" s="191">
        <v>1556</v>
      </c>
      <c r="AE16" s="191">
        <v>834</v>
      </c>
      <c r="AF16" s="191">
        <v>759</v>
      </c>
      <c r="AG16" s="191">
        <v>516</v>
      </c>
      <c r="AH16" s="196">
        <v>4520</v>
      </c>
      <c r="AI16" s="195">
        <v>4782</v>
      </c>
      <c r="AJ16" s="190">
        <v>14</v>
      </c>
      <c r="AK16" s="191">
        <v>44</v>
      </c>
      <c r="AL16" s="196">
        <v>58</v>
      </c>
      <c r="AM16" s="193">
        <v>0</v>
      </c>
      <c r="AN16" s="191">
        <v>181</v>
      </c>
      <c r="AO16" s="191">
        <v>186</v>
      </c>
      <c r="AP16" s="191">
        <v>164</v>
      </c>
      <c r="AQ16" s="191">
        <v>30</v>
      </c>
      <c r="AR16" s="191">
        <v>118</v>
      </c>
      <c r="AS16" s="196">
        <v>679</v>
      </c>
      <c r="AT16" s="195">
        <v>737</v>
      </c>
      <c r="AU16" s="190">
        <v>0</v>
      </c>
      <c r="AV16" s="191">
        <v>0</v>
      </c>
      <c r="AW16" s="196">
        <v>0</v>
      </c>
      <c r="AX16" s="193">
        <v>0</v>
      </c>
      <c r="AY16" s="191">
        <v>1389</v>
      </c>
      <c r="AZ16" s="191">
        <v>1711</v>
      </c>
      <c r="BA16" s="191">
        <v>934</v>
      </c>
      <c r="BB16" s="191">
        <v>556</v>
      </c>
      <c r="BC16" s="191">
        <v>279</v>
      </c>
      <c r="BD16" s="194">
        <v>4869</v>
      </c>
      <c r="BE16" s="195">
        <v>4869</v>
      </c>
      <c r="BF16" s="190">
        <v>0</v>
      </c>
      <c r="BG16" s="191">
        <v>0</v>
      </c>
      <c r="BH16" s="196">
        <v>0</v>
      </c>
      <c r="BI16" s="193">
        <v>0</v>
      </c>
      <c r="BJ16" s="191">
        <v>228</v>
      </c>
      <c r="BK16" s="191">
        <v>261</v>
      </c>
      <c r="BL16" s="191">
        <v>167</v>
      </c>
      <c r="BM16" s="191">
        <v>163</v>
      </c>
      <c r="BN16" s="191">
        <v>114</v>
      </c>
      <c r="BO16" s="196">
        <v>933</v>
      </c>
      <c r="BP16" s="195">
        <v>933</v>
      </c>
      <c r="BQ16" s="190">
        <v>0</v>
      </c>
      <c r="BR16" s="191">
        <v>0</v>
      </c>
      <c r="BS16" s="196">
        <v>0</v>
      </c>
      <c r="BT16" s="193">
        <v>0</v>
      </c>
      <c r="BU16" s="191">
        <v>101</v>
      </c>
      <c r="BV16" s="191">
        <v>181</v>
      </c>
      <c r="BW16" s="191">
        <v>434</v>
      </c>
      <c r="BX16" s="191">
        <v>307</v>
      </c>
      <c r="BY16" s="191">
        <v>344</v>
      </c>
      <c r="BZ16" s="196">
        <v>1367</v>
      </c>
      <c r="CA16" s="195">
        <v>1367</v>
      </c>
      <c r="CB16" s="190">
        <v>0</v>
      </c>
      <c r="CC16" s="191">
        <v>0</v>
      </c>
      <c r="CD16" s="196">
        <v>0</v>
      </c>
      <c r="CE16" s="193">
        <v>0</v>
      </c>
      <c r="CF16" s="191">
        <v>0</v>
      </c>
      <c r="CG16" s="191">
        <v>14</v>
      </c>
      <c r="CH16" s="191">
        <v>82</v>
      </c>
      <c r="CI16" s="191">
        <v>32</v>
      </c>
      <c r="CJ16" s="191">
        <v>34</v>
      </c>
      <c r="CK16" s="196">
        <v>162</v>
      </c>
      <c r="CL16" s="195">
        <v>162</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826</v>
      </c>
      <c r="H17" s="191">
        <v>2117</v>
      </c>
      <c r="I17" s="191">
        <v>2219</v>
      </c>
      <c r="J17" s="191">
        <v>2708</v>
      </c>
      <c r="K17" s="191">
        <v>2313</v>
      </c>
      <c r="L17" s="194">
        <v>10183</v>
      </c>
      <c r="M17" s="195">
        <v>10183</v>
      </c>
      <c r="N17" s="190">
        <v>0</v>
      </c>
      <c r="O17" s="191">
        <v>0</v>
      </c>
      <c r="P17" s="196">
        <v>0</v>
      </c>
      <c r="Q17" s="193">
        <v>0</v>
      </c>
      <c r="R17" s="191">
        <v>0</v>
      </c>
      <c r="S17" s="191">
        <v>8</v>
      </c>
      <c r="T17" s="191">
        <v>34</v>
      </c>
      <c r="U17" s="191">
        <v>68</v>
      </c>
      <c r="V17" s="191">
        <v>88</v>
      </c>
      <c r="W17" s="196">
        <v>198</v>
      </c>
      <c r="X17" s="195">
        <v>198</v>
      </c>
      <c r="Y17" s="190">
        <v>21</v>
      </c>
      <c r="Z17" s="191">
        <v>125</v>
      </c>
      <c r="AA17" s="196">
        <v>146</v>
      </c>
      <c r="AB17" s="193">
        <v>0</v>
      </c>
      <c r="AC17" s="191">
        <v>348</v>
      </c>
      <c r="AD17" s="191">
        <v>654</v>
      </c>
      <c r="AE17" s="191">
        <v>383</v>
      </c>
      <c r="AF17" s="191">
        <v>284</v>
      </c>
      <c r="AG17" s="191">
        <v>347</v>
      </c>
      <c r="AH17" s="196">
        <v>2016</v>
      </c>
      <c r="AI17" s="195">
        <v>2162</v>
      </c>
      <c r="AJ17" s="190">
        <v>0</v>
      </c>
      <c r="AK17" s="191">
        <v>20</v>
      </c>
      <c r="AL17" s="196">
        <v>20</v>
      </c>
      <c r="AM17" s="193">
        <v>0</v>
      </c>
      <c r="AN17" s="191">
        <v>95</v>
      </c>
      <c r="AO17" s="191">
        <v>148</v>
      </c>
      <c r="AP17" s="191">
        <v>46</v>
      </c>
      <c r="AQ17" s="191">
        <v>36</v>
      </c>
      <c r="AR17" s="191">
        <v>84</v>
      </c>
      <c r="AS17" s="196">
        <v>409</v>
      </c>
      <c r="AT17" s="195">
        <v>429</v>
      </c>
      <c r="AU17" s="190">
        <v>0</v>
      </c>
      <c r="AV17" s="191">
        <v>0</v>
      </c>
      <c r="AW17" s="196">
        <v>0</v>
      </c>
      <c r="AX17" s="193">
        <v>0</v>
      </c>
      <c r="AY17" s="191">
        <v>803</v>
      </c>
      <c r="AZ17" s="191">
        <v>993</v>
      </c>
      <c r="BA17" s="191">
        <v>594</v>
      </c>
      <c r="BB17" s="191">
        <v>304</v>
      </c>
      <c r="BC17" s="191">
        <v>102</v>
      </c>
      <c r="BD17" s="194">
        <v>2796</v>
      </c>
      <c r="BE17" s="195">
        <v>2796</v>
      </c>
      <c r="BF17" s="190">
        <v>0</v>
      </c>
      <c r="BG17" s="191">
        <v>0</v>
      </c>
      <c r="BH17" s="196">
        <v>0</v>
      </c>
      <c r="BI17" s="193">
        <v>0</v>
      </c>
      <c r="BJ17" s="191">
        <v>202</v>
      </c>
      <c r="BK17" s="191">
        <v>263</v>
      </c>
      <c r="BL17" s="191">
        <v>173</v>
      </c>
      <c r="BM17" s="191">
        <v>93</v>
      </c>
      <c r="BN17" s="191">
        <v>54</v>
      </c>
      <c r="BO17" s="196">
        <v>785</v>
      </c>
      <c r="BP17" s="195">
        <v>785</v>
      </c>
      <c r="BQ17" s="190">
        <v>0</v>
      </c>
      <c r="BR17" s="191">
        <v>0</v>
      </c>
      <c r="BS17" s="196">
        <v>0</v>
      </c>
      <c r="BT17" s="193">
        <v>0</v>
      </c>
      <c r="BU17" s="191">
        <v>100</v>
      </c>
      <c r="BV17" s="191">
        <v>212</v>
      </c>
      <c r="BW17" s="191">
        <v>738</v>
      </c>
      <c r="BX17" s="191">
        <v>943</v>
      </c>
      <c r="BY17" s="191">
        <v>221</v>
      </c>
      <c r="BZ17" s="196">
        <v>2214</v>
      </c>
      <c r="CA17" s="195">
        <v>2214</v>
      </c>
      <c r="CB17" s="190">
        <v>0</v>
      </c>
      <c r="CC17" s="191">
        <v>0</v>
      </c>
      <c r="CD17" s="196">
        <v>0</v>
      </c>
      <c r="CE17" s="193">
        <v>0</v>
      </c>
      <c r="CF17" s="191">
        <v>27</v>
      </c>
      <c r="CG17" s="191">
        <v>37</v>
      </c>
      <c r="CH17" s="191">
        <v>23</v>
      </c>
      <c r="CI17" s="191">
        <v>18</v>
      </c>
      <c r="CJ17" s="191">
        <v>3</v>
      </c>
      <c r="CK17" s="196">
        <v>108</v>
      </c>
      <c r="CL17" s="195">
        <v>108</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1841</v>
      </c>
      <c r="H18" s="191">
        <v>4302</v>
      </c>
      <c r="I18" s="191">
        <v>4702</v>
      </c>
      <c r="J18" s="191">
        <v>5538</v>
      </c>
      <c r="K18" s="191">
        <v>3684</v>
      </c>
      <c r="L18" s="194">
        <v>20067</v>
      </c>
      <c r="M18" s="195">
        <v>20067</v>
      </c>
      <c r="N18" s="190">
        <v>0</v>
      </c>
      <c r="O18" s="191">
        <v>0</v>
      </c>
      <c r="P18" s="196">
        <v>0</v>
      </c>
      <c r="Q18" s="193">
        <v>0</v>
      </c>
      <c r="R18" s="191">
        <v>9</v>
      </c>
      <c r="S18" s="191">
        <v>30</v>
      </c>
      <c r="T18" s="191">
        <v>28</v>
      </c>
      <c r="U18" s="191">
        <v>107</v>
      </c>
      <c r="V18" s="191">
        <v>224</v>
      </c>
      <c r="W18" s="196">
        <v>398</v>
      </c>
      <c r="X18" s="195">
        <v>398</v>
      </c>
      <c r="Y18" s="190">
        <v>99</v>
      </c>
      <c r="Z18" s="191">
        <v>263</v>
      </c>
      <c r="AA18" s="196">
        <v>362</v>
      </c>
      <c r="AB18" s="193">
        <v>0</v>
      </c>
      <c r="AC18" s="191">
        <v>1126</v>
      </c>
      <c r="AD18" s="191">
        <v>2654</v>
      </c>
      <c r="AE18" s="191">
        <v>1716</v>
      </c>
      <c r="AF18" s="191">
        <v>1444</v>
      </c>
      <c r="AG18" s="191">
        <v>930</v>
      </c>
      <c r="AH18" s="196">
        <v>7870</v>
      </c>
      <c r="AI18" s="195">
        <v>8232</v>
      </c>
      <c r="AJ18" s="190">
        <v>77</v>
      </c>
      <c r="AK18" s="191">
        <v>95</v>
      </c>
      <c r="AL18" s="196">
        <v>172</v>
      </c>
      <c r="AM18" s="193">
        <v>0</v>
      </c>
      <c r="AN18" s="191">
        <v>98</v>
      </c>
      <c r="AO18" s="191">
        <v>435</v>
      </c>
      <c r="AP18" s="191">
        <v>136</v>
      </c>
      <c r="AQ18" s="191">
        <v>114</v>
      </c>
      <c r="AR18" s="191">
        <v>135</v>
      </c>
      <c r="AS18" s="196">
        <v>918</v>
      </c>
      <c r="AT18" s="195">
        <v>1090</v>
      </c>
      <c r="AU18" s="190">
        <v>0</v>
      </c>
      <c r="AV18" s="191">
        <v>0</v>
      </c>
      <c r="AW18" s="196">
        <v>0</v>
      </c>
      <c r="AX18" s="193">
        <v>0</v>
      </c>
      <c r="AY18" s="191">
        <v>2898</v>
      </c>
      <c r="AZ18" s="191">
        <v>4086</v>
      </c>
      <c r="BA18" s="191">
        <v>2853</v>
      </c>
      <c r="BB18" s="191">
        <v>2222</v>
      </c>
      <c r="BC18" s="191">
        <v>955</v>
      </c>
      <c r="BD18" s="194">
        <v>13014</v>
      </c>
      <c r="BE18" s="195">
        <v>13014</v>
      </c>
      <c r="BF18" s="190">
        <v>0</v>
      </c>
      <c r="BG18" s="191">
        <v>0</v>
      </c>
      <c r="BH18" s="196">
        <v>0</v>
      </c>
      <c r="BI18" s="193">
        <v>0</v>
      </c>
      <c r="BJ18" s="191">
        <v>1277</v>
      </c>
      <c r="BK18" s="191">
        <v>2122</v>
      </c>
      <c r="BL18" s="191">
        <v>756</v>
      </c>
      <c r="BM18" s="191">
        <v>473</v>
      </c>
      <c r="BN18" s="191">
        <v>198</v>
      </c>
      <c r="BO18" s="196">
        <v>4826</v>
      </c>
      <c r="BP18" s="195">
        <v>4826</v>
      </c>
      <c r="BQ18" s="190">
        <v>14</v>
      </c>
      <c r="BR18" s="191">
        <v>16</v>
      </c>
      <c r="BS18" s="196">
        <v>30</v>
      </c>
      <c r="BT18" s="193">
        <v>0</v>
      </c>
      <c r="BU18" s="191">
        <v>238</v>
      </c>
      <c r="BV18" s="191">
        <v>644</v>
      </c>
      <c r="BW18" s="191">
        <v>717</v>
      </c>
      <c r="BX18" s="191">
        <v>535</v>
      </c>
      <c r="BY18" s="191">
        <v>264</v>
      </c>
      <c r="BZ18" s="196">
        <v>2398</v>
      </c>
      <c r="CA18" s="195">
        <v>2428</v>
      </c>
      <c r="CB18" s="190">
        <v>0</v>
      </c>
      <c r="CC18" s="191">
        <v>0</v>
      </c>
      <c r="CD18" s="196">
        <v>0</v>
      </c>
      <c r="CE18" s="193">
        <v>0</v>
      </c>
      <c r="CF18" s="191">
        <v>19</v>
      </c>
      <c r="CG18" s="191">
        <v>31</v>
      </c>
      <c r="CH18" s="191">
        <v>25</v>
      </c>
      <c r="CI18" s="191">
        <v>26</v>
      </c>
      <c r="CJ18" s="191">
        <v>38</v>
      </c>
      <c r="CK18" s="196">
        <v>139</v>
      </c>
      <c r="CL18" s="195">
        <v>139</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029</v>
      </c>
      <c r="H19" s="191">
        <v>6817</v>
      </c>
      <c r="I19" s="191">
        <v>9555</v>
      </c>
      <c r="J19" s="191">
        <v>11592</v>
      </c>
      <c r="K19" s="191">
        <v>9685</v>
      </c>
      <c r="L19" s="194">
        <v>39678</v>
      </c>
      <c r="M19" s="195">
        <v>39678</v>
      </c>
      <c r="N19" s="190">
        <v>0</v>
      </c>
      <c r="O19" s="191">
        <v>11</v>
      </c>
      <c r="P19" s="196">
        <v>11</v>
      </c>
      <c r="Q19" s="193">
        <v>0</v>
      </c>
      <c r="R19" s="191">
        <v>0</v>
      </c>
      <c r="S19" s="191">
        <v>13</v>
      </c>
      <c r="T19" s="191">
        <v>78</v>
      </c>
      <c r="U19" s="191">
        <v>209</v>
      </c>
      <c r="V19" s="191">
        <v>377</v>
      </c>
      <c r="W19" s="196">
        <v>677</v>
      </c>
      <c r="X19" s="195">
        <v>688</v>
      </c>
      <c r="Y19" s="190">
        <v>170</v>
      </c>
      <c r="Z19" s="191">
        <v>648</v>
      </c>
      <c r="AA19" s="196">
        <v>818</v>
      </c>
      <c r="AB19" s="193">
        <v>0</v>
      </c>
      <c r="AC19" s="191">
        <v>1395</v>
      </c>
      <c r="AD19" s="191">
        <v>3126</v>
      </c>
      <c r="AE19" s="191">
        <v>2202</v>
      </c>
      <c r="AF19" s="191">
        <v>1718</v>
      </c>
      <c r="AG19" s="191">
        <v>1323</v>
      </c>
      <c r="AH19" s="196">
        <v>9764</v>
      </c>
      <c r="AI19" s="195">
        <v>10582</v>
      </c>
      <c r="AJ19" s="190">
        <v>56</v>
      </c>
      <c r="AK19" s="191">
        <v>99</v>
      </c>
      <c r="AL19" s="196">
        <v>155</v>
      </c>
      <c r="AM19" s="193">
        <v>0</v>
      </c>
      <c r="AN19" s="191">
        <v>184</v>
      </c>
      <c r="AO19" s="191">
        <v>559</v>
      </c>
      <c r="AP19" s="191">
        <v>346</v>
      </c>
      <c r="AQ19" s="191">
        <v>326</v>
      </c>
      <c r="AR19" s="191">
        <v>276</v>
      </c>
      <c r="AS19" s="196">
        <v>1691</v>
      </c>
      <c r="AT19" s="195">
        <v>1846</v>
      </c>
      <c r="AU19" s="190">
        <v>0</v>
      </c>
      <c r="AV19" s="191">
        <v>0</v>
      </c>
      <c r="AW19" s="196">
        <v>0</v>
      </c>
      <c r="AX19" s="193">
        <v>0</v>
      </c>
      <c r="AY19" s="191">
        <v>2809</v>
      </c>
      <c r="AZ19" s="191">
        <v>4794</v>
      </c>
      <c r="BA19" s="191">
        <v>3332</v>
      </c>
      <c r="BB19" s="191">
        <v>2187</v>
      </c>
      <c r="BC19" s="191">
        <v>1204</v>
      </c>
      <c r="BD19" s="194">
        <v>14326</v>
      </c>
      <c r="BE19" s="195">
        <v>14326</v>
      </c>
      <c r="BF19" s="190">
        <v>0</v>
      </c>
      <c r="BG19" s="191">
        <v>0</v>
      </c>
      <c r="BH19" s="196">
        <v>0</v>
      </c>
      <c r="BI19" s="193">
        <v>0</v>
      </c>
      <c r="BJ19" s="191">
        <v>518</v>
      </c>
      <c r="BK19" s="191">
        <v>1491</v>
      </c>
      <c r="BL19" s="191">
        <v>815</v>
      </c>
      <c r="BM19" s="191">
        <v>322</v>
      </c>
      <c r="BN19" s="191">
        <v>135</v>
      </c>
      <c r="BO19" s="196">
        <v>3281</v>
      </c>
      <c r="BP19" s="195">
        <v>3281</v>
      </c>
      <c r="BQ19" s="190">
        <v>3</v>
      </c>
      <c r="BR19" s="191">
        <v>23</v>
      </c>
      <c r="BS19" s="196">
        <v>26</v>
      </c>
      <c r="BT19" s="193">
        <v>0</v>
      </c>
      <c r="BU19" s="191">
        <v>349</v>
      </c>
      <c r="BV19" s="191">
        <v>825</v>
      </c>
      <c r="BW19" s="191">
        <v>1083</v>
      </c>
      <c r="BX19" s="191">
        <v>1215</v>
      </c>
      <c r="BY19" s="191">
        <v>448</v>
      </c>
      <c r="BZ19" s="196">
        <v>3920</v>
      </c>
      <c r="CA19" s="195">
        <v>3946</v>
      </c>
      <c r="CB19" s="190">
        <v>0</v>
      </c>
      <c r="CC19" s="191">
        <v>0</v>
      </c>
      <c r="CD19" s="196">
        <v>0</v>
      </c>
      <c r="CE19" s="193">
        <v>0</v>
      </c>
      <c r="CF19" s="191">
        <v>33</v>
      </c>
      <c r="CG19" s="191">
        <v>140</v>
      </c>
      <c r="CH19" s="191">
        <v>82</v>
      </c>
      <c r="CI19" s="191">
        <v>120</v>
      </c>
      <c r="CJ19" s="191">
        <v>67</v>
      </c>
      <c r="CK19" s="196">
        <v>442</v>
      </c>
      <c r="CL19" s="195">
        <v>442</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5286</v>
      </c>
      <c r="H20" s="191">
        <v>8424</v>
      </c>
      <c r="I20" s="191">
        <v>9343</v>
      </c>
      <c r="J20" s="191">
        <v>12687</v>
      </c>
      <c r="K20" s="191">
        <v>12963</v>
      </c>
      <c r="L20" s="194">
        <v>48703</v>
      </c>
      <c r="M20" s="195">
        <v>48703</v>
      </c>
      <c r="N20" s="190">
        <v>0</v>
      </c>
      <c r="O20" s="191">
        <v>0</v>
      </c>
      <c r="P20" s="196">
        <v>0</v>
      </c>
      <c r="Q20" s="193">
        <v>0</v>
      </c>
      <c r="R20" s="191">
        <v>11</v>
      </c>
      <c r="S20" s="191">
        <v>26</v>
      </c>
      <c r="T20" s="191">
        <v>76</v>
      </c>
      <c r="U20" s="191">
        <v>244</v>
      </c>
      <c r="V20" s="191">
        <v>427</v>
      </c>
      <c r="W20" s="196">
        <v>784</v>
      </c>
      <c r="X20" s="195">
        <v>784</v>
      </c>
      <c r="Y20" s="190">
        <v>326</v>
      </c>
      <c r="Z20" s="191">
        <v>867</v>
      </c>
      <c r="AA20" s="196">
        <v>1193</v>
      </c>
      <c r="AB20" s="193">
        <v>0</v>
      </c>
      <c r="AC20" s="191">
        <v>2824</v>
      </c>
      <c r="AD20" s="191">
        <v>3593</v>
      </c>
      <c r="AE20" s="191">
        <v>2502</v>
      </c>
      <c r="AF20" s="191">
        <v>2018</v>
      </c>
      <c r="AG20" s="191">
        <v>1755</v>
      </c>
      <c r="AH20" s="196">
        <v>12692</v>
      </c>
      <c r="AI20" s="195">
        <v>13885</v>
      </c>
      <c r="AJ20" s="190">
        <v>110</v>
      </c>
      <c r="AK20" s="191">
        <v>159</v>
      </c>
      <c r="AL20" s="196">
        <v>269</v>
      </c>
      <c r="AM20" s="193">
        <v>0</v>
      </c>
      <c r="AN20" s="191">
        <v>526</v>
      </c>
      <c r="AO20" s="191">
        <v>911</v>
      </c>
      <c r="AP20" s="191">
        <v>544</v>
      </c>
      <c r="AQ20" s="191">
        <v>282</v>
      </c>
      <c r="AR20" s="191">
        <v>186</v>
      </c>
      <c r="AS20" s="196">
        <v>2449</v>
      </c>
      <c r="AT20" s="195">
        <v>2718</v>
      </c>
      <c r="AU20" s="190">
        <v>0</v>
      </c>
      <c r="AV20" s="191">
        <v>0</v>
      </c>
      <c r="AW20" s="196">
        <v>0</v>
      </c>
      <c r="AX20" s="193">
        <v>0</v>
      </c>
      <c r="AY20" s="191">
        <v>5815</v>
      </c>
      <c r="AZ20" s="191">
        <v>5718</v>
      </c>
      <c r="BA20" s="191">
        <v>4189</v>
      </c>
      <c r="BB20" s="191">
        <v>2474</v>
      </c>
      <c r="BC20" s="191">
        <v>1019</v>
      </c>
      <c r="BD20" s="194">
        <v>19215</v>
      </c>
      <c r="BE20" s="195">
        <v>19215</v>
      </c>
      <c r="BF20" s="190">
        <v>0</v>
      </c>
      <c r="BG20" s="191">
        <v>0</v>
      </c>
      <c r="BH20" s="196">
        <v>0</v>
      </c>
      <c r="BI20" s="193">
        <v>0</v>
      </c>
      <c r="BJ20" s="191">
        <v>1176</v>
      </c>
      <c r="BK20" s="191">
        <v>1345</v>
      </c>
      <c r="BL20" s="191">
        <v>886</v>
      </c>
      <c r="BM20" s="191">
        <v>520</v>
      </c>
      <c r="BN20" s="191">
        <v>198</v>
      </c>
      <c r="BO20" s="196">
        <v>4125</v>
      </c>
      <c r="BP20" s="195">
        <v>4125</v>
      </c>
      <c r="BQ20" s="190">
        <v>12</v>
      </c>
      <c r="BR20" s="191">
        <v>42</v>
      </c>
      <c r="BS20" s="196">
        <v>54</v>
      </c>
      <c r="BT20" s="193">
        <v>0</v>
      </c>
      <c r="BU20" s="191">
        <v>299</v>
      </c>
      <c r="BV20" s="191">
        <v>722</v>
      </c>
      <c r="BW20" s="191">
        <v>1642</v>
      </c>
      <c r="BX20" s="191">
        <v>1473</v>
      </c>
      <c r="BY20" s="191">
        <v>583</v>
      </c>
      <c r="BZ20" s="196">
        <v>4719</v>
      </c>
      <c r="CA20" s="195">
        <v>4773</v>
      </c>
      <c r="CB20" s="190">
        <v>0</v>
      </c>
      <c r="CC20" s="191">
        <v>0</v>
      </c>
      <c r="CD20" s="196">
        <v>0</v>
      </c>
      <c r="CE20" s="193">
        <v>0</v>
      </c>
      <c r="CF20" s="191">
        <v>14</v>
      </c>
      <c r="CG20" s="191">
        <v>53</v>
      </c>
      <c r="CH20" s="191">
        <v>34</v>
      </c>
      <c r="CI20" s="191">
        <v>10</v>
      </c>
      <c r="CJ20" s="191">
        <v>0</v>
      </c>
      <c r="CK20" s="196">
        <v>111</v>
      </c>
      <c r="CL20" s="195">
        <v>111</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069</v>
      </c>
      <c r="H21" s="191">
        <v>2758</v>
      </c>
      <c r="I21" s="191">
        <v>3043</v>
      </c>
      <c r="J21" s="191">
        <v>3555</v>
      </c>
      <c r="K21" s="191">
        <v>3008</v>
      </c>
      <c r="L21" s="194">
        <v>14433</v>
      </c>
      <c r="M21" s="195">
        <v>14433</v>
      </c>
      <c r="N21" s="190">
        <v>0</v>
      </c>
      <c r="O21" s="191">
        <v>0</v>
      </c>
      <c r="P21" s="196">
        <v>0</v>
      </c>
      <c r="Q21" s="193">
        <v>0</v>
      </c>
      <c r="R21" s="191">
        <v>13</v>
      </c>
      <c r="S21" s="191">
        <v>31</v>
      </c>
      <c r="T21" s="191">
        <v>44</v>
      </c>
      <c r="U21" s="191">
        <v>73</v>
      </c>
      <c r="V21" s="191">
        <v>135</v>
      </c>
      <c r="W21" s="196">
        <v>296</v>
      </c>
      <c r="X21" s="195">
        <v>296</v>
      </c>
      <c r="Y21" s="190">
        <v>178</v>
      </c>
      <c r="Z21" s="191">
        <v>259</v>
      </c>
      <c r="AA21" s="196">
        <v>437</v>
      </c>
      <c r="AB21" s="193">
        <v>0</v>
      </c>
      <c r="AC21" s="191">
        <v>1444</v>
      </c>
      <c r="AD21" s="191">
        <v>1357</v>
      </c>
      <c r="AE21" s="191">
        <v>1158</v>
      </c>
      <c r="AF21" s="191">
        <v>674</v>
      </c>
      <c r="AG21" s="191">
        <v>631</v>
      </c>
      <c r="AH21" s="196">
        <v>5264</v>
      </c>
      <c r="AI21" s="195">
        <v>5701</v>
      </c>
      <c r="AJ21" s="190">
        <v>10</v>
      </c>
      <c r="AK21" s="191">
        <v>38</v>
      </c>
      <c r="AL21" s="196">
        <v>48</v>
      </c>
      <c r="AM21" s="193">
        <v>0</v>
      </c>
      <c r="AN21" s="191">
        <v>224</v>
      </c>
      <c r="AO21" s="191">
        <v>154</v>
      </c>
      <c r="AP21" s="191">
        <v>101</v>
      </c>
      <c r="AQ21" s="191">
        <v>174</v>
      </c>
      <c r="AR21" s="191">
        <v>45</v>
      </c>
      <c r="AS21" s="196">
        <v>698</v>
      </c>
      <c r="AT21" s="195">
        <v>746</v>
      </c>
      <c r="AU21" s="190">
        <v>0</v>
      </c>
      <c r="AV21" s="191">
        <v>0</v>
      </c>
      <c r="AW21" s="196">
        <v>0</v>
      </c>
      <c r="AX21" s="193">
        <v>0</v>
      </c>
      <c r="AY21" s="191">
        <v>2180</v>
      </c>
      <c r="AZ21" s="191">
        <v>2196</v>
      </c>
      <c r="BA21" s="191">
        <v>1315</v>
      </c>
      <c r="BB21" s="191">
        <v>663</v>
      </c>
      <c r="BC21" s="191">
        <v>490</v>
      </c>
      <c r="BD21" s="194">
        <v>6844</v>
      </c>
      <c r="BE21" s="195">
        <v>6844</v>
      </c>
      <c r="BF21" s="190">
        <v>0</v>
      </c>
      <c r="BG21" s="191">
        <v>0</v>
      </c>
      <c r="BH21" s="196">
        <v>0</v>
      </c>
      <c r="BI21" s="193">
        <v>0</v>
      </c>
      <c r="BJ21" s="191">
        <v>834</v>
      </c>
      <c r="BK21" s="191">
        <v>860</v>
      </c>
      <c r="BL21" s="191">
        <v>468</v>
      </c>
      <c r="BM21" s="191">
        <v>221</v>
      </c>
      <c r="BN21" s="191">
        <v>70</v>
      </c>
      <c r="BO21" s="196">
        <v>2453</v>
      </c>
      <c r="BP21" s="195">
        <v>2453</v>
      </c>
      <c r="BQ21" s="190">
        <v>20</v>
      </c>
      <c r="BR21" s="191">
        <v>12</v>
      </c>
      <c r="BS21" s="196">
        <v>32</v>
      </c>
      <c r="BT21" s="193">
        <v>0</v>
      </c>
      <c r="BU21" s="191">
        <v>186</v>
      </c>
      <c r="BV21" s="191">
        <v>389</v>
      </c>
      <c r="BW21" s="191">
        <v>503</v>
      </c>
      <c r="BX21" s="191">
        <v>310</v>
      </c>
      <c r="BY21" s="191">
        <v>80</v>
      </c>
      <c r="BZ21" s="196">
        <v>1468</v>
      </c>
      <c r="CA21" s="195">
        <v>1500</v>
      </c>
      <c r="CB21" s="190">
        <v>0</v>
      </c>
      <c r="CC21" s="191">
        <v>0</v>
      </c>
      <c r="CD21" s="196">
        <v>0</v>
      </c>
      <c r="CE21" s="193">
        <v>0</v>
      </c>
      <c r="CF21" s="191">
        <v>25</v>
      </c>
      <c r="CG21" s="191">
        <v>69</v>
      </c>
      <c r="CH21" s="191">
        <v>43</v>
      </c>
      <c r="CI21" s="191">
        <v>37</v>
      </c>
      <c r="CJ21" s="191">
        <v>84</v>
      </c>
      <c r="CK21" s="196">
        <v>258</v>
      </c>
      <c r="CL21" s="195">
        <v>258</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788</v>
      </c>
      <c r="H22" s="191">
        <v>3723</v>
      </c>
      <c r="I22" s="191">
        <v>5570</v>
      </c>
      <c r="J22" s="191">
        <v>5440</v>
      </c>
      <c r="K22" s="191">
        <v>5903</v>
      </c>
      <c r="L22" s="194">
        <v>24424</v>
      </c>
      <c r="M22" s="195">
        <v>24424</v>
      </c>
      <c r="N22" s="190">
        <v>0</v>
      </c>
      <c r="O22" s="191">
        <v>0</v>
      </c>
      <c r="P22" s="196">
        <v>0</v>
      </c>
      <c r="Q22" s="193">
        <v>0</v>
      </c>
      <c r="R22" s="191">
        <v>8</v>
      </c>
      <c r="S22" s="191">
        <v>14</v>
      </c>
      <c r="T22" s="191">
        <v>35</v>
      </c>
      <c r="U22" s="191">
        <v>134</v>
      </c>
      <c r="V22" s="191">
        <v>184</v>
      </c>
      <c r="W22" s="196">
        <v>375</v>
      </c>
      <c r="X22" s="195">
        <v>375</v>
      </c>
      <c r="Y22" s="190">
        <v>288</v>
      </c>
      <c r="Z22" s="191">
        <v>667</v>
      </c>
      <c r="AA22" s="196">
        <v>955</v>
      </c>
      <c r="AB22" s="193">
        <v>0</v>
      </c>
      <c r="AC22" s="191">
        <v>2181</v>
      </c>
      <c r="AD22" s="191">
        <v>2162</v>
      </c>
      <c r="AE22" s="191">
        <v>1251</v>
      </c>
      <c r="AF22" s="191">
        <v>921</v>
      </c>
      <c r="AG22" s="191">
        <v>570</v>
      </c>
      <c r="AH22" s="196">
        <v>7085</v>
      </c>
      <c r="AI22" s="195">
        <v>8040</v>
      </c>
      <c r="AJ22" s="190">
        <v>96</v>
      </c>
      <c r="AK22" s="191">
        <v>433</v>
      </c>
      <c r="AL22" s="196">
        <v>529</v>
      </c>
      <c r="AM22" s="193">
        <v>0</v>
      </c>
      <c r="AN22" s="191">
        <v>769</v>
      </c>
      <c r="AO22" s="191">
        <v>743</v>
      </c>
      <c r="AP22" s="191">
        <v>510</v>
      </c>
      <c r="AQ22" s="191">
        <v>382</v>
      </c>
      <c r="AR22" s="191">
        <v>163</v>
      </c>
      <c r="AS22" s="196">
        <v>2567</v>
      </c>
      <c r="AT22" s="195">
        <v>3096</v>
      </c>
      <c r="AU22" s="190">
        <v>0</v>
      </c>
      <c r="AV22" s="191">
        <v>0</v>
      </c>
      <c r="AW22" s="196">
        <v>0</v>
      </c>
      <c r="AX22" s="193">
        <v>0</v>
      </c>
      <c r="AY22" s="191">
        <v>2780</v>
      </c>
      <c r="AZ22" s="191">
        <v>2324</v>
      </c>
      <c r="BA22" s="191">
        <v>1667</v>
      </c>
      <c r="BB22" s="191">
        <v>813</v>
      </c>
      <c r="BC22" s="191">
        <v>287</v>
      </c>
      <c r="BD22" s="194">
        <v>7871</v>
      </c>
      <c r="BE22" s="195">
        <v>7871</v>
      </c>
      <c r="BF22" s="190">
        <v>0</v>
      </c>
      <c r="BG22" s="191">
        <v>0</v>
      </c>
      <c r="BH22" s="196">
        <v>0</v>
      </c>
      <c r="BI22" s="193">
        <v>0</v>
      </c>
      <c r="BJ22" s="191">
        <v>895</v>
      </c>
      <c r="BK22" s="191">
        <v>729</v>
      </c>
      <c r="BL22" s="191">
        <v>318</v>
      </c>
      <c r="BM22" s="191">
        <v>284</v>
      </c>
      <c r="BN22" s="191">
        <v>124</v>
      </c>
      <c r="BO22" s="196">
        <v>2350</v>
      </c>
      <c r="BP22" s="195">
        <v>2350</v>
      </c>
      <c r="BQ22" s="190">
        <v>10</v>
      </c>
      <c r="BR22" s="191">
        <v>0</v>
      </c>
      <c r="BS22" s="196">
        <v>10</v>
      </c>
      <c r="BT22" s="193">
        <v>0</v>
      </c>
      <c r="BU22" s="191">
        <v>348</v>
      </c>
      <c r="BV22" s="191">
        <v>559</v>
      </c>
      <c r="BW22" s="191">
        <v>931</v>
      </c>
      <c r="BX22" s="191">
        <v>717</v>
      </c>
      <c r="BY22" s="191">
        <v>322</v>
      </c>
      <c r="BZ22" s="196">
        <v>2877</v>
      </c>
      <c r="CA22" s="195">
        <v>2887</v>
      </c>
      <c r="CB22" s="190">
        <v>0</v>
      </c>
      <c r="CC22" s="191">
        <v>0</v>
      </c>
      <c r="CD22" s="196">
        <v>0</v>
      </c>
      <c r="CE22" s="193">
        <v>0</v>
      </c>
      <c r="CF22" s="191">
        <v>32</v>
      </c>
      <c r="CG22" s="191">
        <v>31</v>
      </c>
      <c r="CH22" s="191">
        <v>16</v>
      </c>
      <c r="CI22" s="191">
        <v>49</v>
      </c>
      <c r="CJ22" s="191">
        <v>40</v>
      </c>
      <c r="CK22" s="196">
        <v>168</v>
      </c>
      <c r="CL22" s="195">
        <v>168</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262</v>
      </c>
      <c r="H23" s="191">
        <v>5820</v>
      </c>
      <c r="I23" s="191">
        <v>8411</v>
      </c>
      <c r="J23" s="191">
        <v>6408</v>
      </c>
      <c r="K23" s="191">
        <v>7636</v>
      </c>
      <c r="L23" s="194">
        <v>31537</v>
      </c>
      <c r="M23" s="195">
        <v>31537</v>
      </c>
      <c r="N23" s="190">
        <v>0</v>
      </c>
      <c r="O23" s="191">
        <v>0</v>
      </c>
      <c r="P23" s="196">
        <v>0</v>
      </c>
      <c r="Q23" s="193">
        <v>0</v>
      </c>
      <c r="R23" s="191">
        <v>0</v>
      </c>
      <c r="S23" s="191">
        <v>7</v>
      </c>
      <c r="T23" s="191">
        <v>39</v>
      </c>
      <c r="U23" s="191">
        <v>147</v>
      </c>
      <c r="V23" s="191">
        <v>206</v>
      </c>
      <c r="W23" s="196">
        <v>399</v>
      </c>
      <c r="X23" s="195">
        <v>399</v>
      </c>
      <c r="Y23" s="190">
        <v>297</v>
      </c>
      <c r="Z23" s="191">
        <v>630</v>
      </c>
      <c r="AA23" s="196">
        <v>927</v>
      </c>
      <c r="AB23" s="193">
        <v>0</v>
      </c>
      <c r="AC23" s="191">
        <v>1927</v>
      </c>
      <c r="AD23" s="191">
        <v>2621</v>
      </c>
      <c r="AE23" s="191">
        <v>1717</v>
      </c>
      <c r="AF23" s="191">
        <v>1364</v>
      </c>
      <c r="AG23" s="191">
        <v>1012</v>
      </c>
      <c r="AH23" s="196">
        <v>8641</v>
      </c>
      <c r="AI23" s="195">
        <v>9568</v>
      </c>
      <c r="AJ23" s="190">
        <v>160</v>
      </c>
      <c r="AK23" s="191">
        <v>381</v>
      </c>
      <c r="AL23" s="196">
        <v>541</v>
      </c>
      <c r="AM23" s="193">
        <v>0</v>
      </c>
      <c r="AN23" s="191">
        <v>251</v>
      </c>
      <c r="AO23" s="191">
        <v>564</v>
      </c>
      <c r="AP23" s="191">
        <v>298</v>
      </c>
      <c r="AQ23" s="191">
        <v>118</v>
      </c>
      <c r="AR23" s="191">
        <v>84</v>
      </c>
      <c r="AS23" s="196">
        <v>1315</v>
      </c>
      <c r="AT23" s="195">
        <v>1856</v>
      </c>
      <c r="AU23" s="190">
        <v>0</v>
      </c>
      <c r="AV23" s="191">
        <v>0</v>
      </c>
      <c r="AW23" s="196">
        <v>0</v>
      </c>
      <c r="AX23" s="193">
        <v>0</v>
      </c>
      <c r="AY23" s="191">
        <v>2684</v>
      </c>
      <c r="AZ23" s="191">
        <v>3261</v>
      </c>
      <c r="BA23" s="191">
        <v>2194</v>
      </c>
      <c r="BB23" s="191">
        <v>876</v>
      </c>
      <c r="BC23" s="191">
        <v>387</v>
      </c>
      <c r="BD23" s="194">
        <v>9402</v>
      </c>
      <c r="BE23" s="195">
        <v>9402</v>
      </c>
      <c r="BF23" s="190">
        <v>0</v>
      </c>
      <c r="BG23" s="191">
        <v>0</v>
      </c>
      <c r="BH23" s="196">
        <v>0</v>
      </c>
      <c r="BI23" s="193">
        <v>0</v>
      </c>
      <c r="BJ23" s="191">
        <v>441</v>
      </c>
      <c r="BK23" s="191">
        <v>405</v>
      </c>
      <c r="BL23" s="191">
        <v>281</v>
      </c>
      <c r="BM23" s="191">
        <v>120</v>
      </c>
      <c r="BN23" s="191">
        <v>40</v>
      </c>
      <c r="BO23" s="196">
        <v>1287</v>
      </c>
      <c r="BP23" s="195">
        <v>1287</v>
      </c>
      <c r="BQ23" s="190">
        <v>9</v>
      </c>
      <c r="BR23" s="191">
        <v>12</v>
      </c>
      <c r="BS23" s="196">
        <v>21</v>
      </c>
      <c r="BT23" s="193">
        <v>0</v>
      </c>
      <c r="BU23" s="191">
        <v>237</v>
      </c>
      <c r="BV23" s="191">
        <v>387</v>
      </c>
      <c r="BW23" s="191">
        <v>793</v>
      </c>
      <c r="BX23" s="191">
        <v>761</v>
      </c>
      <c r="BY23" s="191">
        <v>339</v>
      </c>
      <c r="BZ23" s="196">
        <v>2517</v>
      </c>
      <c r="CA23" s="195">
        <v>2538</v>
      </c>
      <c r="CB23" s="190">
        <v>0</v>
      </c>
      <c r="CC23" s="191">
        <v>11</v>
      </c>
      <c r="CD23" s="196">
        <v>11</v>
      </c>
      <c r="CE23" s="193">
        <v>0</v>
      </c>
      <c r="CF23" s="191">
        <v>0</v>
      </c>
      <c r="CG23" s="191">
        <v>28</v>
      </c>
      <c r="CH23" s="191">
        <v>52</v>
      </c>
      <c r="CI23" s="191">
        <v>13</v>
      </c>
      <c r="CJ23" s="191">
        <v>23</v>
      </c>
      <c r="CK23" s="196">
        <v>116</v>
      </c>
      <c r="CL23" s="195">
        <v>127</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623</v>
      </c>
      <c r="H24" s="191">
        <v>1290</v>
      </c>
      <c r="I24" s="191">
        <v>660</v>
      </c>
      <c r="J24" s="191">
        <v>1816</v>
      </c>
      <c r="K24" s="191">
        <v>1724</v>
      </c>
      <c r="L24" s="194">
        <v>6113</v>
      </c>
      <c r="M24" s="195">
        <v>6113</v>
      </c>
      <c r="N24" s="190">
        <v>0</v>
      </c>
      <c r="O24" s="191">
        <v>0</v>
      </c>
      <c r="P24" s="196">
        <v>0</v>
      </c>
      <c r="Q24" s="193">
        <v>0</v>
      </c>
      <c r="R24" s="191">
        <v>14</v>
      </c>
      <c r="S24" s="191">
        <v>5</v>
      </c>
      <c r="T24" s="191">
        <v>4</v>
      </c>
      <c r="U24" s="191">
        <v>52</v>
      </c>
      <c r="V24" s="191">
        <v>128</v>
      </c>
      <c r="W24" s="196">
        <v>203</v>
      </c>
      <c r="X24" s="195">
        <v>203</v>
      </c>
      <c r="Y24" s="190">
        <v>36</v>
      </c>
      <c r="Z24" s="191">
        <v>105</v>
      </c>
      <c r="AA24" s="196">
        <v>141</v>
      </c>
      <c r="AB24" s="193">
        <v>0</v>
      </c>
      <c r="AC24" s="191">
        <v>391</v>
      </c>
      <c r="AD24" s="191">
        <v>576</v>
      </c>
      <c r="AE24" s="191">
        <v>272</v>
      </c>
      <c r="AF24" s="191">
        <v>439</v>
      </c>
      <c r="AG24" s="191">
        <v>339</v>
      </c>
      <c r="AH24" s="196">
        <v>2017</v>
      </c>
      <c r="AI24" s="195">
        <v>2158</v>
      </c>
      <c r="AJ24" s="190">
        <v>12</v>
      </c>
      <c r="AK24" s="191">
        <v>0</v>
      </c>
      <c r="AL24" s="196">
        <v>12</v>
      </c>
      <c r="AM24" s="193">
        <v>0</v>
      </c>
      <c r="AN24" s="191">
        <v>117</v>
      </c>
      <c r="AO24" s="191">
        <v>106</v>
      </c>
      <c r="AP24" s="191">
        <v>30</v>
      </c>
      <c r="AQ24" s="191">
        <v>64</v>
      </c>
      <c r="AR24" s="191">
        <v>30</v>
      </c>
      <c r="AS24" s="196">
        <v>347</v>
      </c>
      <c r="AT24" s="195">
        <v>359</v>
      </c>
      <c r="AU24" s="190">
        <v>0</v>
      </c>
      <c r="AV24" s="191">
        <v>0</v>
      </c>
      <c r="AW24" s="196">
        <v>0</v>
      </c>
      <c r="AX24" s="193">
        <v>0</v>
      </c>
      <c r="AY24" s="191">
        <v>912</v>
      </c>
      <c r="AZ24" s="191">
        <v>1225</v>
      </c>
      <c r="BA24" s="191">
        <v>825</v>
      </c>
      <c r="BB24" s="191">
        <v>433</v>
      </c>
      <c r="BC24" s="191">
        <v>144</v>
      </c>
      <c r="BD24" s="194">
        <v>3539</v>
      </c>
      <c r="BE24" s="195">
        <v>3539</v>
      </c>
      <c r="BF24" s="190">
        <v>0</v>
      </c>
      <c r="BG24" s="191">
        <v>0</v>
      </c>
      <c r="BH24" s="196">
        <v>0</v>
      </c>
      <c r="BI24" s="193">
        <v>0</v>
      </c>
      <c r="BJ24" s="191">
        <v>205</v>
      </c>
      <c r="BK24" s="191">
        <v>256</v>
      </c>
      <c r="BL24" s="191">
        <v>67</v>
      </c>
      <c r="BM24" s="191">
        <v>116</v>
      </c>
      <c r="BN24" s="191">
        <v>34</v>
      </c>
      <c r="BO24" s="196">
        <v>678</v>
      </c>
      <c r="BP24" s="195">
        <v>678</v>
      </c>
      <c r="BQ24" s="190">
        <v>43</v>
      </c>
      <c r="BR24" s="191">
        <v>2</v>
      </c>
      <c r="BS24" s="196">
        <v>45</v>
      </c>
      <c r="BT24" s="193">
        <v>0</v>
      </c>
      <c r="BU24" s="191">
        <v>71</v>
      </c>
      <c r="BV24" s="191">
        <v>158</v>
      </c>
      <c r="BW24" s="191">
        <v>235</v>
      </c>
      <c r="BX24" s="191">
        <v>262</v>
      </c>
      <c r="BY24" s="191">
        <v>60</v>
      </c>
      <c r="BZ24" s="196">
        <v>786</v>
      </c>
      <c r="CA24" s="195">
        <v>831</v>
      </c>
      <c r="CB24" s="190">
        <v>0</v>
      </c>
      <c r="CC24" s="191">
        <v>0</v>
      </c>
      <c r="CD24" s="196">
        <v>0</v>
      </c>
      <c r="CE24" s="193">
        <v>0</v>
      </c>
      <c r="CF24" s="191">
        <v>20</v>
      </c>
      <c r="CG24" s="191">
        <v>6</v>
      </c>
      <c r="CH24" s="191">
        <v>17</v>
      </c>
      <c r="CI24" s="191">
        <v>26</v>
      </c>
      <c r="CJ24" s="191">
        <v>0</v>
      </c>
      <c r="CK24" s="196">
        <v>69</v>
      </c>
      <c r="CL24" s="195">
        <v>69</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907</v>
      </c>
      <c r="H25" s="191">
        <v>2337</v>
      </c>
      <c r="I25" s="191">
        <v>2128</v>
      </c>
      <c r="J25" s="191">
        <v>3915</v>
      </c>
      <c r="K25" s="191">
        <v>3080</v>
      </c>
      <c r="L25" s="194">
        <v>13367</v>
      </c>
      <c r="M25" s="195">
        <v>13367</v>
      </c>
      <c r="N25" s="190">
        <v>0</v>
      </c>
      <c r="O25" s="191">
        <v>0</v>
      </c>
      <c r="P25" s="196">
        <v>0</v>
      </c>
      <c r="Q25" s="193">
        <v>0</v>
      </c>
      <c r="R25" s="191">
        <v>2</v>
      </c>
      <c r="S25" s="191">
        <v>29</v>
      </c>
      <c r="T25" s="191">
        <v>13</v>
      </c>
      <c r="U25" s="191">
        <v>86</v>
      </c>
      <c r="V25" s="191">
        <v>124</v>
      </c>
      <c r="W25" s="196">
        <v>254</v>
      </c>
      <c r="X25" s="195">
        <v>254</v>
      </c>
      <c r="Y25" s="190">
        <v>196</v>
      </c>
      <c r="Z25" s="191">
        <v>569</v>
      </c>
      <c r="AA25" s="196">
        <v>765</v>
      </c>
      <c r="AB25" s="193">
        <v>0</v>
      </c>
      <c r="AC25" s="191">
        <v>792</v>
      </c>
      <c r="AD25" s="191">
        <v>1504</v>
      </c>
      <c r="AE25" s="191">
        <v>638</v>
      </c>
      <c r="AF25" s="191">
        <v>760</v>
      </c>
      <c r="AG25" s="191">
        <v>365</v>
      </c>
      <c r="AH25" s="196">
        <v>4059</v>
      </c>
      <c r="AI25" s="195">
        <v>4824</v>
      </c>
      <c r="AJ25" s="190">
        <v>41</v>
      </c>
      <c r="AK25" s="191">
        <v>172</v>
      </c>
      <c r="AL25" s="196">
        <v>213</v>
      </c>
      <c r="AM25" s="193">
        <v>0</v>
      </c>
      <c r="AN25" s="191">
        <v>88</v>
      </c>
      <c r="AO25" s="191">
        <v>249</v>
      </c>
      <c r="AP25" s="191">
        <v>174</v>
      </c>
      <c r="AQ25" s="191">
        <v>101</v>
      </c>
      <c r="AR25" s="191">
        <v>14</v>
      </c>
      <c r="AS25" s="196">
        <v>626</v>
      </c>
      <c r="AT25" s="195">
        <v>839</v>
      </c>
      <c r="AU25" s="190">
        <v>0</v>
      </c>
      <c r="AV25" s="191">
        <v>0</v>
      </c>
      <c r="AW25" s="196">
        <v>0</v>
      </c>
      <c r="AX25" s="193">
        <v>0</v>
      </c>
      <c r="AY25" s="191">
        <v>1966</v>
      </c>
      <c r="AZ25" s="191">
        <v>1999</v>
      </c>
      <c r="BA25" s="191">
        <v>1203</v>
      </c>
      <c r="BB25" s="191">
        <v>573</v>
      </c>
      <c r="BC25" s="191">
        <v>266</v>
      </c>
      <c r="BD25" s="194">
        <v>6007</v>
      </c>
      <c r="BE25" s="195">
        <v>6007</v>
      </c>
      <c r="BF25" s="190">
        <v>0</v>
      </c>
      <c r="BG25" s="191">
        <v>0</v>
      </c>
      <c r="BH25" s="196">
        <v>0</v>
      </c>
      <c r="BI25" s="193">
        <v>0</v>
      </c>
      <c r="BJ25" s="191">
        <v>231</v>
      </c>
      <c r="BK25" s="191">
        <v>340</v>
      </c>
      <c r="BL25" s="191">
        <v>194</v>
      </c>
      <c r="BM25" s="191">
        <v>169</v>
      </c>
      <c r="BN25" s="191">
        <v>42</v>
      </c>
      <c r="BO25" s="196">
        <v>976</v>
      </c>
      <c r="BP25" s="195">
        <v>976</v>
      </c>
      <c r="BQ25" s="190">
        <v>0</v>
      </c>
      <c r="BR25" s="191">
        <v>4</v>
      </c>
      <c r="BS25" s="196">
        <v>4</v>
      </c>
      <c r="BT25" s="193">
        <v>0</v>
      </c>
      <c r="BU25" s="191">
        <v>240</v>
      </c>
      <c r="BV25" s="191">
        <v>318</v>
      </c>
      <c r="BW25" s="191">
        <v>524</v>
      </c>
      <c r="BX25" s="191">
        <v>325</v>
      </c>
      <c r="BY25" s="191">
        <v>97</v>
      </c>
      <c r="BZ25" s="196">
        <v>1504</v>
      </c>
      <c r="CA25" s="195">
        <v>1508</v>
      </c>
      <c r="CB25" s="190">
        <v>0</v>
      </c>
      <c r="CC25" s="191">
        <v>0</v>
      </c>
      <c r="CD25" s="196">
        <v>0</v>
      </c>
      <c r="CE25" s="193">
        <v>0</v>
      </c>
      <c r="CF25" s="191">
        <v>6</v>
      </c>
      <c r="CG25" s="191">
        <v>0</v>
      </c>
      <c r="CH25" s="191">
        <v>0</v>
      </c>
      <c r="CI25" s="191">
        <v>17</v>
      </c>
      <c r="CJ25" s="191">
        <v>47</v>
      </c>
      <c r="CK25" s="196">
        <v>70</v>
      </c>
      <c r="CL25" s="195">
        <v>7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614</v>
      </c>
      <c r="H26" s="191">
        <v>1012</v>
      </c>
      <c r="I26" s="191">
        <v>1723</v>
      </c>
      <c r="J26" s="191">
        <v>1711</v>
      </c>
      <c r="K26" s="191">
        <v>1424</v>
      </c>
      <c r="L26" s="194">
        <v>6484</v>
      </c>
      <c r="M26" s="195">
        <v>6484</v>
      </c>
      <c r="N26" s="190">
        <v>0</v>
      </c>
      <c r="O26" s="191">
        <v>0</v>
      </c>
      <c r="P26" s="196">
        <v>0</v>
      </c>
      <c r="Q26" s="193">
        <v>0</v>
      </c>
      <c r="R26" s="191">
        <v>0</v>
      </c>
      <c r="S26" s="191">
        <v>9</v>
      </c>
      <c r="T26" s="191">
        <v>36</v>
      </c>
      <c r="U26" s="191">
        <v>36</v>
      </c>
      <c r="V26" s="191">
        <v>101</v>
      </c>
      <c r="W26" s="196">
        <v>182</v>
      </c>
      <c r="X26" s="195">
        <v>182</v>
      </c>
      <c r="Y26" s="190">
        <v>82</v>
      </c>
      <c r="Z26" s="191">
        <v>216</v>
      </c>
      <c r="AA26" s="196">
        <v>298</v>
      </c>
      <c r="AB26" s="193">
        <v>0</v>
      </c>
      <c r="AC26" s="191">
        <v>471</v>
      </c>
      <c r="AD26" s="191">
        <v>615</v>
      </c>
      <c r="AE26" s="191">
        <v>362</v>
      </c>
      <c r="AF26" s="191">
        <v>362</v>
      </c>
      <c r="AG26" s="191">
        <v>339</v>
      </c>
      <c r="AH26" s="196">
        <v>2149</v>
      </c>
      <c r="AI26" s="195">
        <v>2447</v>
      </c>
      <c r="AJ26" s="190">
        <v>8</v>
      </c>
      <c r="AK26" s="191">
        <v>10</v>
      </c>
      <c r="AL26" s="196">
        <v>18</v>
      </c>
      <c r="AM26" s="193">
        <v>0</v>
      </c>
      <c r="AN26" s="191">
        <v>42</v>
      </c>
      <c r="AO26" s="191">
        <v>66</v>
      </c>
      <c r="AP26" s="191">
        <v>42</v>
      </c>
      <c r="AQ26" s="191">
        <v>40</v>
      </c>
      <c r="AR26" s="191">
        <v>44</v>
      </c>
      <c r="AS26" s="196">
        <v>234</v>
      </c>
      <c r="AT26" s="195">
        <v>252</v>
      </c>
      <c r="AU26" s="190">
        <v>0</v>
      </c>
      <c r="AV26" s="191">
        <v>0</v>
      </c>
      <c r="AW26" s="196">
        <v>0</v>
      </c>
      <c r="AX26" s="193">
        <v>0</v>
      </c>
      <c r="AY26" s="191">
        <v>941</v>
      </c>
      <c r="AZ26" s="191">
        <v>863</v>
      </c>
      <c r="BA26" s="191">
        <v>457</v>
      </c>
      <c r="BB26" s="191">
        <v>263</v>
      </c>
      <c r="BC26" s="191">
        <v>83</v>
      </c>
      <c r="BD26" s="194">
        <v>2607</v>
      </c>
      <c r="BE26" s="195">
        <v>2607</v>
      </c>
      <c r="BF26" s="190">
        <v>0</v>
      </c>
      <c r="BG26" s="191">
        <v>1</v>
      </c>
      <c r="BH26" s="196">
        <v>1</v>
      </c>
      <c r="BI26" s="193">
        <v>0</v>
      </c>
      <c r="BJ26" s="191">
        <v>403</v>
      </c>
      <c r="BK26" s="191">
        <v>247</v>
      </c>
      <c r="BL26" s="191">
        <v>184</v>
      </c>
      <c r="BM26" s="191">
        <v>110</v>
      </c>
      <c r="BN26" s="191">
        <v>81</v>
      </c>
      <c r="BO26" s="196">
        <v>1025</v>
      </c>
      <c r="BP26" s="195">
        <v>1026</v>
      </c>
      <c r="BQ26" s="190">
        <v>12</v>
      </c>
      <c r="BR26" s="191">
        <v>4</v>
      </c>
      <c r="BS26" s="196">
        <v>16</v>
      </c>
      <c r="BT26" s="193">
        <v>0</v>
      </c>
      <c r="BU26" s="191">
        <v>119</v>
      </c>
      <c r="BV26" s="191">
        <v>195</v>
      </c>
      <c r="BW26" s="191">
        <v>221</v>
      </c>
      <c r="BX26" s="191">
        <v>196</v>
      </c>
      <c r="BY26" s="191">
        <v>83</v>
      </c>
      <c r="BZ26" s="196">
        <v>814</v>
      </c>
      <c r="CA26" s="195">
        <v>830</v>
      </c>
      <c r="CB26" s="190">
        <v>0</v>
      </c>
      <c r="CC26" s="191">
        <v>0</v>
      </c>
      <c r="CD26" s="196">
        <v>0</v>
      </c>
      <c r="CE26" s="193">
        <v>0</v>
      </c>
      <c r="CF26" s="191">
        <v>8</v>
      </c>
      <c r="CG26" s="191">
        <v>0</v>
      </c>
      <c r="CH26" s="191">
        <v>8</v>
      </c>
      <c r="CI26" s="191">
        <v>10</v>
      </c>
      <c r="CJ26" s="191">
        <v>23</v>
      </c>
      <c r="CK26" s="196">
        <v>49</v>
      </c>
      <c r="CL26" s="195">
        <v>49</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287</v>
      </c>
      <c r="H27" s="191">
        <v>1986</v>
      </c>
      <c r="I27" s="191">
        <v>1373</v>
      </c>
      <c r="J27" s="191">
        <v>2779</v>
      </c>
      <c r="K27" s="191">
        <v>1110</v>
      </c>
      <c r="L27" s="194">
        <v>8535</v>
      </c>
      <c r="M27" s="195">
        <v>8535</v>
      </c>
      <c r="N27" s="190">
        <v>0</v>
      </c>
      <c r="O27" s="191">
        <v>0</v>
      </c>
      <c r="P27" s="196">
        <v>0</v>
      </c>
      <c r="Q27" s="193">
        <v>0</v>
      </c>
      <c r="R27" s="191">
        <v>11</v>
      </c>
      <c r="S27" s="191">
        <v>43</v>
      </c>
      <c r="T27" s="191">
        <v>46</v>
      </c>
      <c r="U27" s="191">
        <v>66</v>
      </c>
      <c r="V27" s="191">
        <v>63</v>
      </c>
      <c r="W27" s="196">
        <v>229</v>
      </c>
      <c r="X27" s="195">
        <v>229</v>
      </c>
      <c r="Y27" s="190">
        <v>128</v>
      </c>
      <c r="Z27" s="191">
        <v>325</v>
      </c>
      <c r="AA27" s="196">
        <v>453</v>
      </c>
      <c r="AB27" s="193">
        <v>0</v>
      </c>
      <c r="AC27" s="191">
        <v>561</v>
      </c>
      <c r="AD27" s="191">
        <v>906</v>
      </c>
      <c r="AE27" s="191">
        <v>344</v>
      </c>
      <c r="AF27" s="191">
        <v>354</v>
      </c>
      <c r="AG27" s="191">
        <v>244</v>
      </c>
      <c r="AH27" s="196">
        <v>2409</v>
      </c>
      <c r="AI27" s="195">
        <v>2862</v>
      </c>
      <c r="AJ27" s="190">
        <v>8</v>
      </c>
      <c r="AK27" s="191">
        <v>52</v>
      </c>
      <c r="AL27" s="196">
        <v>60</v>
      </c>
      <c r="AM27" s="193">
        <v>0</v>
      </c>
      <c r="AN27" s="191">
        <v>10</v>
      </c>
      <c r="AO27" s="191">
        <v>224</v>
      </c>
      <c r="AP27" s="191">
        <v>28</v>
      </c>
      <c r="AQ27" s="191">
        <v>49</v>
      </c>
      <c r="AR27" s="191">
        <v>56</v>
      </c>
      <c r="AS27" s="196">
        <v>367</v>
      </c>
      <c r="AT27" s="195">
        <v>427</v>
      </c>
      <c r="AU27" s="190">
        <v>0</v>
      </c>
      <c r="AV27" s="191">
        <v>0</v>
      </c>
      <c r="AW27" s="196">
        <v>0</v>
      </c>
      <c r="AX27" s="193">
        <v>0</v>
      </c>
      <c r="AY27" s="191">
        <v>1416</v>
      </c>
      <c r="AZ27" s="191">
        <v>1024</v>
      </c>
      <c r="BA27" s="191">
        <v>647</v>
      </c>
      <c r="BB27" s="191">
        <v>413</v>
      </c>
      <c r="BC27" s="191">
        <v>118</v>
      </c>
      <c r="BD27" s="194">
        <v>3618</v>
      </c>
      <c r="BE27" s="195">
        <v>3618</v>
      </c>
      <c r="BF27" s="190">
        <v>0</v>
      </c>
      <c r="BG27" s="191">
        <v>0</v>
      </c>
      <c r="BH27" s="196">
        <v>0</v>
      </c>
      <c r="BI27" s="193">
        <v>0</v>
      </c>
      <c r="BJ27" s="191">
        <v>229</v>
      </c>
      <c r="BK27" s="191">
        <v>466</v>
      </c>
      <c r="BL27" s="191">
        <v>169</v>
      </c>
      <c r="BM27" s="191">
        <v>89</v>
      </c>
      <c r="BN27" s="191">
        <v>13</v>
      </c>
      <c r="BO27" s="196">
        <v>966</v>
      </c>
      <c r="BP27" s="195">
        <v>966</v>
      </c>
      <c r="BQ27" s="190">
        <v>0</v>
      </c>
      <c r="BR27" s="191">
        <v>6</v>
      </c>
      <c r="BS27" s="196">
        <v>6</v>
      </c>
      <c r="BT27" s="193">
        <v>0</v>
      </c>
      <c r="BU27" s="191">
        <v>109</v>
      </c>
      <c r="BV27" s="191">
        <v>216</v>
      </c>
      <c r="BW27" s="191">
        <v>298</v>
      </c>
      <c r="BX27" s="191">
        <v>186</v>
      </c>
      <c r="BY27" s="191">
        <v>80</v>
      </c>
      <c r="BZ27" s="196">
        <v>889</v>
      </c>
      <c r="CA27" s="195">
        <v>895</v>
      </c>
      <c r="CB27" s="190">
        <v>0</v>
      </c>
      <c r="CC27" s="191">
        <v>0</v>
      </c>
      <c r="CD27" s="196">
        <v>0</v>
      </c>
      <c r="CE27" s="193">
        <v>0</v>
      </c>
      <c r="CF27" s="191">
        <v>0</v>
      </c>
      <c r="CG27" s="191">
        <v>64</v>
      </c>
      <c r="CH27" s="191">
        <v>42</v>
      </c>
      <c r="CI27" s="191">
        <v>22</v>
      </c>
      <c r="CJ27" s="191">
        <v>0</v>
      </c>
      <c r="CK27" s="196">
        <v>128</v>
      </c>
      <c r="CL27" s="195">
        <v>128</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732</v>
      </c>
      <c r="H28" s="191">
        <v>1796</v>
      </c>
      <c r="I28" s="191">
        <v>1548</v>
      </c>
      <c r="J28" s="191">
        <v>1504</v>
      </c>
      <c r="K28" s="191">
        <v>1748</v>
      </c>
      <c r="L28" s="194">
        <v>7328</v>
      </c>
      <c r="M28" s="195">
        <v>7328</v>
      </c>
      <c r="N28" s="190">
        <v>0</v>
      </c>
      <c r="O28" s="191">
        <v>0</v>
      </c>
      <c r="P28" s="196">
        <v>0</v>
      </c>
      <c r="Q28" s="193">
        <v>0</v>
      </c>
      <c r="R28" s="191">
        <v>0</v>
      </c>
      <c r="S28" s="191">
        <v>8</v>
      </c>
      <c r="T28" s="191">
        <v>22</v>
      </c>
      <c r="U28" s="191">
        <v>62</v>
      </c>
      <c r="V28" s="191">
        <v>95</v>
      </c>
      <c r="W28" s="196">
        <v>187</v>
      </c>
      <c r="X28" s="195">
        <v>187</v>
      </c>
      <c r="Y28" s="190">
        <v>71</v>
      </c>
      <c r="Z28" s="191">
        <v>103</v>
      </c>
      <c r="AA28" s="196">
        <v>174</v>
      </c>
      <c r="AB28" s="193">
        <v>0</v>
      </c>
      <c r="AC28" s="191">
        <v>465</v>
      </c>
      <c r="AD28" s="191">
        <v>775</v>
      </c>
      <c r="AE28" s="191">
        <v>276</v>
      </c>
      <c r="AF28" s="191">
        <v>380</v>
      </c>
      <c r="AG28" s="191">
        <v>459</v>
      </c>
      <c r="AH28" s="196">
        <v>2355</v>
      </c>
      <c r="AI28" s="195">
        <v>2529</v>
      </c>
      <c r="AJ28" s="190">
        <v>20</v>
      </c>
      <c r="AK28" s="191">
        <v>22</v>
      </c>
      <c r="AL28" s="196">
        <v>42</v>
      </c>
      <c r="AM28" s="193">
        <v>0</v>
      </c>
      <c r="AN28" s="191">
        <v>24</v>
      </c>
      <c r="AO28" s="191">
        <v>44</v>
      </c>
      <c r="AP28" s="191">
        <v>63</v>
      </c>
      <c r="AQ28" s="191">
        <v>21</v>
      </c>
      <c r="AR28" s="191">
        <v>59</v>
      </c>
      <c r="AS28" s="196">
        <v>211</v>
      </c>
      <c r="AT28" s="195">
        <v>253</v>
      </c>
      <c r="AU28" s="190">
        <v>0</v>
      </c>
      <c r="AV28" s="191">
        <v>0</v>
      </c>
      <c r="AW28" s="196">
        <v>0</v>
      </c>
      <c r="AX28" s="193">
        <v>0</v>
      </c>
      <c r="AY28" s="191">
        <v>1026</v>
      </c>
      <c r="AZ28" s="191">
        <v>810</v>
      </c>
      <c r="BA28" s="191">
        <v>493</v>
      </c>
      <c r="BB28" s="191">
        <v>252</v>
      </c>
      <c r="BC28" s="191">
        <v>119</v>
      </c>
      <c r="BD28" s="194">
        <v>2700</v>
      </c>
      <c r="BE28" s="195">
        <v>2700</v>
      </c>
      <c r="BF28" s="190">
        <v>0</v>
      </c>
      <c r="BG28" s="191">
        <v>0</v>
      </c>
      <c r="BH28" s="196">
        <v>0</v>
      </c>
      <c r="BI28" s="193">
        <v>0</v>
      </c>
      <c r="BJ28" s="191">
        <v>110</v>
      </c>
      <c r="BK28" s="191">
        <v>231</v>
      </c>
      <c r="BL28" s="191">
        <v>116</v>
      </c>
      <c r="BM28" s="191">
        <v>71</v>
      </c>
      <c r="BN28" s="191">
        <v>40</v>
      </c>
      <c r="BO28" s="196">
        <v>568</v>
      </c>
      <c r="BP28" s="195">
        <v>568</v>
      </c>
      <c r="BQ28" s="190">
        <v>0</v>
      </c>
      <c r="BR28" s="191">
        <v>0</v>
      </c>
      <c r="BS28" s="196">
        <v>0</v>
      </c>
      <c r="BT28" s="193">
        <v>0</v>
      </c>
      <c r="BU28" s="191">
        <v>68</v>
      </c>
      <c r="BV28" s="191">
        <v>166</v>
      </c>
      <c r="BW28" s="191">
        <v>231</v>
      </c>
      <c r="BX28" s="191">
        <v>364</v>
      </c>
      <c r="BY28" s="191">
        <v>157</v>
      </c>
      <c r="BZ28" s="196">
        <v>986</v>
      </c>
      <c r="CA28" s="195">
        <v>986</v>
      </c>
      <c r="CB28" s="190">
        <v>0</v>
      </c>
      <c r="CC28" s="191">
        <v>0</v>
      </c>
      <c r="CD28" s="196">
        <v>0</v>
      </c>
      <c r="CE28" s="193">
        <v>0</v>
      </c>
      <c r="CF28" s="191">
        <v>10</v>
      </c>
      <c r="CG28" s="191">
        <v>35</v>
      </c>
      <c r="CH28" s="191">
        <v>8</v>
      </c>
      <c r="CI28" s="191">
        <v>27</v>
      </c>
      <c r="CJ28" s="191">
        <v>9</v>
      </c>
      <c r="CK28" s="196">
        <v>89</v>
      </c>
      <c r="CL28" s="195">
        <v>89</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44</v>
      </c>
      <c r="H29" s="191">
        <v>1062</v>
      </c>
      <c r="I29" s="191">
        <v>1143</v>
      </c>
      <c r="J29" s="191">
        <v>1172</v>
      </c>
      <c r="K29" s="191">
        <v>1163</v>
      </c>
      <c r="L29" s="194">
        <v>5184</v>
      </c>
      <c r="M29" s="195">
        <v>5184</v>
      </c>
      <c r="N29" s="190">
        <v>0</v>
      </c>
      <c r="O29" s="191">
        <v>0</v>
      </c>
      <c r="P29" s="196">
        <v>0</v>
      </c>
      <c r="Q29" s="193">
        <v>0</v>
      </c>
      <c r="R29" s="191">
        <v>4</v>
      </c>
      <c r="S29" s="191">
        <v>29</v>
      </c>
      <c r="T29" s="191">
        <v>15</v>
      </c>
      <c r="U29" s="191">
        <v>26</v>
      </c>
      <c r="V29" s="191">
        <v>102</v>
      </c>
      <c r="W29" s="196">
        <v>176</v>
      </c>
      <c r="X29" s="195">
        <v>176</v>
      </c>
      <c r="Y29" s="190">
        <v>132</v>
      </c>
      <c r="Z29" s="191">
        <v>304</v>
      </c>
      <c r="AA29" s="196">
        <v>436</v>
      </c>
      <c r="AB29" s="193">
        <v>0</v>
      </c>
      <c r="AC29" s="191">
        <v>196</v>
      </c>
      <c r="AD29" s="191">
        <v>473</v>
      </c>
      <c r="AE29" s="191">
        <v>334</v>
      </c>
      <c r="AF29" s="191">
        <v>287</v>
      </c>
      <c r="AG29" s="191">
        <v>222</v>
      </c>
      <c r="AH29" s="196">
        <v>1512</v>
      </c>
      <c r="AI29" s="195">
        <v>1948</v>
      </c>
      <c r="AJ29" s="190">
        <v>0</v>
      </c>
      <c r="AK29" s="191">
        <v>18</v>
      </c>
      <c r="AL29" s="196">
        <v>18</v>
      </c>
      <c r="AM29" s="193">
        <v>0</v>
      </c>
      <c r="AN29" s="191">
        <v>30</v>
      </c>
      <c r="AO29" s="191">
        <v>9</v>
      </c>
      <c r="AP29" s="191">
        <v>24</v>
      </c>
      <c r="AQ29" s="191">
        <v>0</v>
      </c>
      <c r="AR29" s="191">
        <v>14</v>
      </c>
      <c r="AS29" s="196">
        <v>77</v>
      </c>
      <c r="AT29" s="195">
        <v>95</v>
      </c>
      <c r="AU29" s="190">
        <v>0</v>
      </c>
      <c r="AV29" s="191">
        <v>0</v>
      </c>
      <c r="AW29" s="196">
        <v>0</v>
      </c>
      <c r="AX29" s="193">
        <v>0</v>
      </c>
      <c r="AY29" s="191">
        <v>962</v>
      </c>
      <c r="AZ29" s="191">
        <v>476</v>
      </c>
      <c r="BA29" s="191">
        <v>270</v>
      </c>
      <c r="BB29" s="191">
        <v>319</v>
      </c>
      <c r="BC29" s="191">
        <v>114</v>
      </c>
      <c r="BD29" s="194">
        <v>2141</v>
      </c>
      <c r="BE29" s="195">
        <v>2141</v>
      </c>
      <c r="BF29" s="190">
        <v>0</v>
      </c>
      <c r="BG29" s="191">
        <v>0</v>
      </c>
      <c r="BH29" s="196">
        <v>0</v>
      </c>
      <c r="BI29" s="193">
        <v>0</v>
      </c>
      <c r="BJ29" s="191">
        <v>175</v>
      </c>
      <c r="BK29" s="191">
        <v>235</v>
      </c>
      <c r="BL29" s="191">
        <v>134</v>
      </c>
      <c r="BM29" s="191">
        <v>239</v>
      </c>
      <c r="BN29" s="191">
        <v>40</v>
      </c>
      <c r="BO29" s="196">
        <v>823</v>
      </c>
      <c r="BP29" s="195">
        <v>823</v>
      </c>
      <c r="BQ29" s="190">
        <v>0</v>
      </c>
      <c r="BR29" s="191">
        <v>0</v>
      </c>
      <c r="BS29" s="196">
        <v>0</v>
      </c>
      <c r="BT29" s="193">
        <v>0</v>
      </c>
      <c r="BU29" s="191">
        <v>65</v>
      </c>
      <c r="BV29" s="191">
        <v>96</v>
      </c>
      <c r="BW29" s="191">
        <v>149</v>
      </c>
      <c r="BX29" s="191">
        <v>112</v>
      </c>
      <c r="BY29" s="191">
        <v>35</v>
      </c>
      <c r="BZ29" s="196">
        <v>457</v>
      </c>
      <c r="CA29" s="195">
        <v>457</v>
      </c>
      <c r="CB29" s="190">
        <v>2</v>
      </c>
      <c r="CC29" s="191">
        <v>12</v>
      </c>
      <c r="CD29" s="196">
        <v>14</v>
      </c>
      <c r="CE29" s="193">
        <v>0</v>
      </c>
      <c r="CF29" s="191">
        <v>0</v>
      </c>
      <c r="CG29" s="191">
        <v>0</v>
      </c>
      <c r="CH29" s="191">
        <v>8</v>
      </c>
      <c r="CI29" s="191">
        <v>23</v>
      </c>
      <c r="CJ29" s="191">
        <v>0</v>
      </c>
      <c r="CK29" s="196">
        <v>31</v>
      </c>
      <c r="CL29" s="195">
        <v>45</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119</v>
      </c>
      <c r="H30" s="191">
        <v>254</v>
      </c>
      <c r="I30" s="191">
        <v>165</v>
      </c>
      <c r="J30" s="191">
        <v>150</v>
      </c>
      <c r="K30" s="191">
        <v>368</v>
      </c>
      <c r="L30" s="194">
        <v>1056</v>
      </c>
      <c r="M30" s="195">
        <v>1056</v>
      </c>
      <c r="N30" s="190">
        <v>0</v>
      </c>
      <c r="O30" s="191">
        <v>0</v>
      </c>
      <c r="P30" s="196">
        <v>0</v>
      </c>
      <c r="Q30" s="193">
        <v>0</v>
      </c>
      <c r="R30" s="191">
        <v>0</v>
      </c>
      <c r="S30" s="191">
        <v>0</v>
      </c>
      <c r="T30" s="191">
        <v>14</v>
      </c>
      <c r="U30" s="191">
        <v>8</v>
      </c>
      <c r="V30" s="191">
        <v>21</v>
      </c>
      <c r="W30" s="196">
        <v>43</v>
      </c>
      <c r="X30" s="195">
        <v>43</v>
      </c>
      <c r="Y30" s="190">
        <v>4</v>
      </c>
      <c r="Z30" s="191">
        <v>16</v>
      </c>
      <c r="AA30" s="196">
        <v>20</v>
      </c>
      <c r="AB30" s="193">
        <v>0</v>
      </c>
      <c r="AC30" s="191">
        <v>38</v>
      </c>
      <c r="AD30" s="191">
        <v>95</v>
      </c>
      <c r="AE30" s="191">
        <v>76</v>
      </c>
      <c r="AF30" s="191">
        <v>107</v>
      </c>
      <c r="AG30" s="191">
        <v>76</v>
      </c>
      <c r="AH30" s="196">
        <v>392</v>
      </c>
      <c r="AI30" s="195">
        <v>412</v>
      </c>
      <c r="AJ30" s="190">
        <v>0</v>
      </c>
      <c r="AK30" s="191">
        <v>0</v>
      </c>
      <c r="AL30" s="196">
        <v>0</v>
      </c>
      <c r="AM30" s="193">
        <v>0</v>
      </c>
      <c r="AN30" s="191">
        <v>6</v>
      </c>
      <c r="AO30" s="191">
        <v>0</v>
      </c>
      <c r="AP30" s="191">
        <v>21</v>
      </c>
      <c r="AQ30" s="191">
        <v>12</v>
      </c>
      <c r="AR30" s="191">
        <v>9</v>
      </c>
      <c r="AS30" s="196">
        <v>48</v>
      </c>
      <c r="AT30" s="195">
        <v>48</v>
      </c>
      <c r="AU30" s="190">
        <v>0</v>
      </c>
      <c r="AV30" s="191">
        <v>0</v>
      </c>
      <c r="AW30" s="196">
        <v>0</v>
      </c>
      <c r="AX30" s="193">
        <v>0</v>
      </c>
      <c r="AY30" s="191">
        <v>197</v>
      </c>
      <c r="AZ30" s="191">
        <v>342</v>
      </c>
      <c r="BA30" s="191">
        <v>252</v>
      </c>
      <c r="BB30" s="191">
        <v>142</v>
      </c>
      <c r="BC30" s="191">
        <v>38</v>
      </c>
      <c r="BD30" s="194">
        <v>971</v>
      </c>
      <c r="BE30" s="195">
        <v>971</v>
      </c>
      <c r="BF30" s="190">
        <v>0</v>
      </c>
      <c r="BG30" s="191">
        <v>0</v>
      </c>
      <c r="BH30" s="196">
        <v>0</v>
      </c>
      <c r="BI30" s="193">
        <v>0</v>
      </c>
      <c r="BJ30" s="191">
        <v>86</v>
      </c>
      <c r="BK30" s="191">
        <v>114</v>
      </c>
      <c r="BL30" s="191">
        <v>44</v>
      </c>
      <c r="BM30" s="191">
        <v>77</v>
      </c>
      <c r="BN30" s="191">
        <v>34</v>
      </c>
      <c r="BO30" s="196">
        <v>355</v>
      </c>
      <c r="BP30" s="195">
        <v>355</v>
      </c>
      <c r="BQ30" s="190">
        <v>0</v>
      </c>
      <c r="BR30" s="191">
        <v>4</v>
      </c>
      <c r="BS30" s="196">
        <v>4</v>
      </c>
      <c r="BT30" s="193">
        <v>0</v>
      </c>
      <c r="BU30" s="191">
        <v>4</v>
      </c>
      <c r="BV30" s="191">
        <v>23</v>
      </c>
      <c r="BW30" s="191">
        <v>27</v>
      </c>
      <c r="BX30" s="191">
        <v>70</v>
      </c>
      <c r="BY30" s="191">
        <v>31</v>
      </c>
      <c r="BZ30" s="196">
        <v>155</v>
      </c>
      <c r="CA30" s="195">
        <v>159</v>
      </c>
      <c r="CB30" s="190">
        <v>0</v>
      </c>
      <c r="CC30" s="191">
        <v>0</v>
      </c>
      <c r="CD30" s="196">
        <v>0</v>
      </c>
      <c r="CE30" s="193">
        <v>0</v>
      </c>
      <c r="CF30" s="191">
        <v>0</v>
      </c>
      <c r="CG30" s="191">
        <v>2</v>
      </c>
      <c r="CH30" s="191">
        <v>13</v>
      </c>
      <c r="CI30" s="191">
        <v>0</v>
      </c>
      <c r="CJ30" s="191">
        <v>2</v>
      </c>
      <c r="CK30" s="196">
        <v>17</v>
      </c>
      <c r="CL30" s="195">
        <v>17</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33</v>
      </c>
      <c r="H31" s="191">
        <v>555</v>
      </c>
      <c r="I31" s="191">
        <v>342</v>
      </c>
      <c r="J31" s="191">
        <v>990</v>
      </c>
      <c r="K31" s="191">
        <v>740</v>
      </c>
      <c r="L31" s="194">
        <v>2860</v>
      </c>
      <c r="M31" s="195">
        <v>2860</v>
      </c>
      <c r="N31" s="190">
        <v>0</v>
      </c>
      <c r="O31" s="191">
        <v>0</v>
      </c>
      <c r="P31" s="196">
        <v>0</v>
      </c>
      <c r="Q31" s="193">
        <v>0</v>
      </c>
      <c r="R31" s="191">
        <v>0</v>
      </c>
      <c r="S31" s="191">
        <v>1</v>
      </c>
      <c r="T31" s="191">
        <v>0</v>
      </c>
      <c r="U31" s="191">
        <v>8</v>
      </c>
      <c r="V31" s="191">
        <v>43</v>
      </c>
      <c r="W31" s="196">
        <v>52</v>
      </c>
      <c r="X31" s="195">
        <v>52</v>
      </c>
      <c r="Y31" s="190">
        <v>4</v>
      </c>
      <c r="Z31" s="191">
        <v>38</v>
      </c>
      <c r="AA31" s="196">
        <v>42</v>
      </c>
      <c r="AB31" s="193">
        <v>0</v>
      </c>
      <c r="AC31" s="191">
        <v>143</v>
      </c>
      <c r="AD31" s="191">
        <v>255</v>
      </c>
      <c r="AE31" s="191">
        <v>231</v>
      </c>
      <c r="AF31" s="191">
        <v>108</v>
      </c>
      <c r="AG31" s="191">
        <v>121</v>
      </c>
      <c r="AH31" s="196">
        <v>858</v>
      </c>
      <c r="AI31" s="195">
        <v>900</v>
      </c>
      <c r="AJ31" s="190">
        <v>6</v>
      </c>
      <c r="AK31" s="191">
        <v>1</v>
      </c>
      <c r="AL31" s="196">
        <v>7</v>
      </c>
      <c r="AM31" s="193">
        <v>0</v>
      </c>
      <c r="AN31" s="191">
        <v>-6</v>
      </c>
      <c r="AO31" s="191">
        <v>-4</v>
      </c>
      <c r="AP31" s="191">
        <v>12</v>
      </c>
      <c r="AQ31" s="191">
        <v>14</v>
      </c>
      <c r="AR31" s="191">
        <v>0</v>
      </c>
      <c r="AS31" s="196">
        <v>16</v>
      </c>
      <c r="AT31" s="195">
        <v>23</v>
      </c>
      <c r="AU31" s="190">
        <v>0</v>
      </c>
      <c r="AV31" s="191">
        <v>0</v>
      </c>
      <c r="AW31" s="196">
        <v>0</v>
      </c>
      <c r="AX31" s="193">
        <v>0</v>
      </c>
      <c r="AY31" s="191">
        <v>247</v>
      </c>
      <c r="AZ31" s="191">
        <v>287</v>
      </c>
      <c r="BA31" s="191">
        <v>315</v>
      </c>
      <c r="BB31" s="191">
        <v>147</v>
      </c>
      <c r="BC31" s="191">
        <v>49</v>
      </c>
      <c r="BD31" s="194">
        <v>1045</v>
      </c>
      <c r="BE31" s="195">
        <v>1045</v>
      </c>
      <c r="BF31" s="190">
        <v>0</v>
      </c>
      <c r="BG31" s="191">
        <v>0</v>
      </c>
      <c r="BH31" s="196">
        <v>0</v>
      </c>
      <c r="BI31" s="193">
        <v>0</v>
      </c>
      <c r="BJ31" s="191">
        <v>62</v>
      </c>
      <c r="BK31" s="191">
        <v>103</v>
      </c>
      <c r="BL31" s="191">
        <v>122</v>
      </c>
      <c r="BM31" s="191">
        <v>20</v>
      </c>
      <c r="BN31" s="191">
        <v>11</v>
      </c>
      <c r="BO31" s="196">
        <v>318</v>
      </c>
      <c r="BP31" s="195">
        <v>318</v>
      </c>
      <c r="BQ31" s="190">
        <v>0</v>
      </c>
      <c r="BR31" s="191">
        <v>0</v>
      </c>
      <c r="BS31" s="196">
        <v>0</v>
      </c>
      <c r="BT31" s="193">
        <v>0</v>
      </c>
      <c r="BU31" s="191">
        <v>19</v>
      </c>
      <c r="BV31" s="191">
        <v>55</v>
      </c>
      <c r="BW31" s="191">
        <v>122</v>
      </c>
      <c r="BX31" s="191">
        <v>87</v>
      </c>
      <c r="BY31" s="191">
        <v>38</v>
      </c>
      <c r="BZ31" s="196">
        <v>321</v>
      </c>
      <c r="CA31" s="195">
        <v>321</v>
      </c>
      <c r="CB31" s="190">
        <v>0</v>
      </c>
      <c r="CC31" s="191">
        <v>0</v>
      </c>
      <c r="CD31" s="196">
        <v>0</v>
      </c>
      <c r="CE31" s="193">
        <v>0</v>
      </c>
      <c r="CF31" s="191">
        <v>0</v>
      </c>
      <c r="CG31" s="191">
        <v>2</v>
      </c>
      <c r="CH31" s="191">
        <v>3</v>
      </c>
      <c r="CI31" s="191">
        <v>1</v>
      </c>
      <c r="CJ31" s="191">
        <v>0</v>
      </c>
      <c r="CK31" s="196">
        <v>6</v>
      </c>
      <c r="CL31" s="195">
        <v>6</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211</v>
      </c>
      <c r="H32" s="191">
        <v>251</v>
      </c>
      <c r="I32" s="191">
        <v>502</v>
      </c>
      <c r="J32" s="191">
        <v>781</v>
      </c>
      <c r="K32" s="191">
        <v>474</v>
      </c>
      <c r="L32" s="194">
        <v>2219</v>
      </c>
      <c r="M32" s="195">
        <v>2219</v>
      </c>
      <c r="N32" s="190">
        <v>0</v>
      </c>
      <c r="O32" s="191">
        <v>0</v>
      </c>
      <c r="P32" s="196">
        <v>0</v>
      </c>
      <c r="Q32" s="193">
        <v>0</v>
      </c>
      <c r="R32" s="191">
        <v>4</v>
      </c>
      <c r="S32" s="191">
        <v>3</v>
      </c>
      <c r="T32" s="191">
        <v>14</v>
      </c>
      <c r="U32" s="191">
        <v>28</v>
      </c>
      <c r="V32" s="191">
        <v>6</v>
      </c>
      <c r="W32" s="196">
        <v>55</v>
      </c>
      <c r="X32" s="195">
        <v>55</v>
      </c>
      <c r="Y32" s="190">
        <v>18</v>
      </c>
      <c r="Z32" s="191">
        <v>52</v>
      </c>
      <c r="AA32" s="196">
        <v>70</v>
      </c>
      <c r="AB32" s="193">
        <v>0</v>
      </c>
      <c r="AC32" s="191">
        <v>194</v>
      </c>
      <c r="AD32" s="191">
        <v>148</v>
      </c>
      <c r="AE32" s="191">
        <v>112</v>
      </c>
      <c r="AF32" s="191">
        <v>85</v>
      </c>
      <c r="AG32" s="191">
        <v>45</v>
      </c>
      <c r="AH32" s="196">
        <v>584</v>
      </c>
      <c r="AI32" s="195">
        <v>654</v>
      </c>
      <c r="AJ32" s="190">
        <v>5</v>
      </c>
      <c r="AK32" s="191">
        <v>0</v>
      </c>
      <c r="AL32" s="196">
        <v>5</v>
      </c>
      <c r="AM32" s="193">
        <v>0</v>
      </c>
      <c r="AN32" s="191">
        <v>69</v>
      </c>
      <c r="AO32" s="191">
        <v>76</v>
      </c>
      <c r="AP32" s="191">
        <v>69</v>
      </c>
      <c r="AQ32" s="191">
        <v>0</v>
      </c>
      <c r="AR32" s="191">
        <v>0</v>
      </c>
      <c r="AS32" s="196">
        <v>214</v>
      </c>
      <c r="AT32" s="195">
        <v>219</v>
      </c>
      <c r="AU32" s="190">
        <v>0</v>
      </c>
      <c r="AV32" s="191">
        <v>0</v>
      </c>
      <c r="AW32" s="196">
        <v>0</v>
      </c>
      <c r="AX32" s="193">
        <v>0</v>
      </c>
      <c r="AY32" s="191">
        <v>213</v>
      </c>
      <c r="AZ32" s="191">
        <v>176</v>
      </c>
      <c r="BA32" s="191">
        <v>112</v>
      </c>
      <c r="BB32" s="191">
        <v>91</v>
      </c>
      <c r="BC32" s="191">
        <v>11</v>
      </c>
      <c r="BD32" s="194">
        <v>603</v>
      </c>
      <c r="BE32" s="195">
        <v>603</v>
      </c>
      <c r="BF32" s="190">
        <v>0</v>
      </c>
      <c r="BG32" s="191">
        <v>0</v>
      </c>
      <c r="BH32" s="196">
        <v>0</v>
      </c>
      <c r="BI32" s="193">
        <v>0</v>
      </c>
      <c r="BJ32" s="191">
        <v>54</v>
      </c>
      <c r="BK32" s="191">
        <v>56</v>
      </c>
      <c r="BL32" s="191">
        <v>26</v>
      </c>
      <c r="BM32" s="191">
        <v>27</v>
      </c>
      <c r="BN32" s="191">
        <v>8</v>
      </c>
      <c r="BO32" s="196">
        <v>171</v>
      </c>
      <c r="BP32" s="195">
        <v>171</v>
      </c>
      <c r="BQ32" s="190">
        <v>4</v>
      </c>
      <c r="BR32" s="191">
        <v>0</v>
      </c>
      <c r="BS32" s="196">
        <v>4</v>
      </c>
      <c r="BT32" s="193">
        <v>0</v>
      </c>
      <c r="BU32" s="191">
        <v>13</v>
      </c>
      <c r="BV32" s="191">
        <v>110</v>
      </c>
      <c r="BW32" s="191">
        <v>102</v>
      </c>
      <c r="BX32" s="191">
        <v>40</v>
      </c>
      <c r="BY32" s="191">
        <v>11</v>
      </c>
      <c r="BZ32" s="196">
        <v>276</v>
      </c>
      <c r="CA32" s="195">
        <v>280</v>
      </c>
      <c r="CB32" s="190">
        <v>0</v>
      </c>
      <c r="CC32" s="191">
        <v>0</v>
      </c>
      <c r="CD32" s="196">
        <v>0</v>
      </c>
      <c r="CE32" s="193">
        <v>0</v>
      </c>
      <c r="CF32" s="191">
        <v>0</v>
      </c>
      <c r="CG32" s="191">
        <v>3</v>
      </c>
      <c r="CH32" s="191">
        <v>0</v>
      </c>
      <c r="CI32" s="191">
        <v>2</v>
      </c>
      <c r="CJ32" s="191">
        <v>0</v>
      </c>
      <c r="CK32" s="196">
        <v>5</v>
      </c>
      <c r="CL32" s="195">
        <v>5</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02</v>
      </c>
      <c r="H33" s="191">
        <v>200</v>
      </c>
      <c r="I33" s="191">
        <v>290</v>
      </c>
      <c r="J33" s="191">
        <v>321</v>
      </c>
      <c r="K33" s="191">
        <v>190</v>
      </c>
      <c r="L33" s="194">
        <v>1103</v>
      </c>
      <c r="M33" s="195">
        <v>1103</v>
      </c>
      <c r="N33" s="190">
        <v>0</v>
      </c>
      <c r="O33" s="191">
        <v>0</v>
      </c>
      <c r="P33" s="196">
        <v>0</v>
      </c>
      <c r="Q33" s="193">
        <v>0</v>
      </c>
      <c r="R33" s="191">
        <v>13</v>
      </c>
      <c r="S33" s="191">
        <v>8</v>
      </c>
      <c r="T33" s="191">
        <v>15</v>
      </c>
      <c r="U33" s="191">
        <v>36</v>
      </c>
      <c r="V33" s="191">
        <v>26</v>
      </c>
      <c r="W33" s="196">
        <v>98</v>
      </c>
      <c r="X33" s="195">
        <v>98</v>
      </c>
      <c r="Y33" s="190">
        <v>8</v>
      </c>
      <c r="Z33" s="191">
        <v>23</v>
      </c>
      <c r="AA33" s="196">
        <v>31</v>
      </c>
      <c r="AB33" s="193">
        <v>0</v>
      </c>
      <c r="AC33" s="191">
        <v>152</v>
      </c>
      <c r="AD33" s="191">
        <v>114</v>
      </c>
      <c r="AE33" s="191">
        <v>148</v>
      </c>
      <c r="AF33" s="191">
        <v>133</v>
      </c>
      <c r="AG33" s="191">
        <v>71</v>
      </c>
      <c r="AH33" s="196">
        <v>618</v>
      </c>
      <c r="AI33" s="195">
        <v>649</v>
      </c>
      <c r="AJ33" s="190">
        <v>0</v>
      </c>
      <c r="AK33" s="191">
        <v>3</v>
      </c>
      <c r="AL33" s="196">
        <v>3</v>
      </c>
      <c r="AM33" s="193">
        <v>0</v>
      </c>
      <c r="AN33" s="191">
        <v>-5</v>
      </c>
      <c r="AO33" s="191">
        <v>-3</v>
      </c>
      <c r="AP33" s="191">
        <v>18</v>
      </c>
      <c r="AQ33" s="191">
        <v>-9</v>
      </c>
      <c r="AR33" s="191">
        <v>0</v>
      </c>
      <c r="AS33" s="196">
        <v>1</v>
      </c>
      <c r="AT33" s="195">
        <v>4</v>
      </c>
      <c r="AU33" s="190">
        <v>0</v>
      </c>
      <c r="AV33" s="191">
        <v>0</v>
      </c>
      <c r="AW33" s="196">
        <v>0</v>
      </c>
      <c r="AX33" s="193">
        <v>0</v>
      </c>
      <c r="AY33" s="191">
        <v>411</v>
      </c>
      <c r="AZ33" s="191">
        <v>371</v>
      </c>
      <c r="BA33" s="191">
        <v>137</v>
      </c>
      <c r="BB33" s="191">
        <v>70</v>
      </c>
      <c r="BC33" s="191">
        <v>54</v>
      </c>
      <c r="BD33" s="194">
        <v>1043</v>
      </c>
      <c r="BE33" s="195">
        <v>1043</v>
      </c>
      <c r="BF33" s="190">
        <v>0</v>
      </c>
      <c r="BG33" s="191">
        <v>0</v>
      </c>
      <c r="BH33" s="196">
        <v>0</v>
      </c>
      <c r="BI33" s="193">
        <v>0</v>
      </c>
      <c r="BJ33" s="191">
        <v>47</v>
      </c>
      <c r="BK33" s="191">
        <v>62</v>
      </c>
      <c r="BL33" s="191">
        <v>66</v>
      </c>
      <c r="BM33" s="191">
        <v>23</v>
      </c>
      <c r="BN33" s="191">
        <v>12</v>
      </c>
      <c r="BO33" s="196">
        <v>210</v>
      </c>
      <c r="BP33" s="195">
        <v>210</v>
      </c>
      <c r="BQ33" s="190">
        <v>0</v>
      </c>
      <c r="BR33" s="191">
        <v>6</v>
      </c>
      <c r="BS33" s="196">
        <v>6</v>
      </c>
      <c r="BT33" s="193">
        <v>0</v>
      </c>
      <c r="BU33" s="191">
        <v>25</v>
      </c>
      <c r="BV33" s="191">
        <v>36</v>
      </c>
      <c r="BW33" s="191">
        <v>231</v>
      </c>
      <c r="BX33" s="191">
        <v>62</v>
      </c>
      <c r="BY33" s="191">
        <v>5</v>
      </c>
      <c r="BZ33" s="196">
        <v>359</v>
      </c>
      <c r="CA33" s="195">
        <v>365</v>
      </c>
      <c r="CB33" s="190">
        <v>0</v>
      </c>
      <c r="CC33" s="191">
        <v>0</v>
      </c>
      <c r="CD33" s="196">
        <v>0</v>
      </c>
      <c r="CE33" s="193">
        <v>0</v>
      </c>
      <c r="CF33" s="191">
        <v>16</v>
      </c>
      <c r="CG33" s="191">
        <v>0</v>
      </c>
      <c r="CH33" s="191">
        <v>14</v>
      </c>
      <c r="CI33" s="191">
        <v>0</v>
      </c>
      <c r="CJ33" s="191">
        <v>8</v>
      </c>
      <c r="CK33" s="196">
        <v>38</v>
      </c>
      <c r="CL33" s="195">
        <v>38</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235</v>
      </c>
      <c r="H34" s="191">
        <v>312</v>
      </c>
      <c r="I34" s="191">
        <v>411</v>
      </c>
      <c r="J34" s="191">
        <v>308</v>
      </c>
      <c r="K34" s="191">
        <v>506</v>
      </c>
      <c r="L34" s="194">
        <v>1772</v>
      </c>
      <c r="M34" s="195">
        <v>1772</v>
      </c>
      <c r="N34" s="190">
        <v>0</v>
      </c>
      <c r="O34" s="191">
        <v>0</v>
      </c>
      <c r="P34" s="196">
        <v>0</v>
      </c>
      <c r="Q34" s="193">
        <v>0</v>
      </c>
      <c r="R34" s="191">
        <v>0</v>
      </c>
      <c r="S34" s="191">
        <v>5</v>
      </c>
      <c r="T34" s="191">
        <v>3</v>
      </c>
      <c r="U34" s="191">
        <v>30</v>
      </c>
      <c r="V34" s="191">
        <v>35</v>
      </c>
      <c r="W34" s="196">
        <v>73</v>
      </c>
      <c r="X34" s="195">
        <v>73</v>
      </c>
      <c r="Y34" s="190">
        <v>40</v>
      </c>
      <c r="Z34" s="191">
        <v>51</v>
      </c>
      <c r="AA34" s="196">
        <v>91</v>
      </c>
      <c r="AB34" s="193">
        <v>0</v>
      </c>
      <c r="AC34" s="191">
        <v>256</v>
      </c>
      <c r="AD34" s="191">
        <v>249</v>
      </c>
      <c r="AE34" s="191">
        <v>104</v>
      </c>
      <c r="AF34" s="191">
        <v>104</v>
      </c>
      <c r="AG34" s="191">
        <v>103</v>
      </c>
      <c r="AH34" s="196">
        <v>816</v>
      </c>
      <c r="AI34" s="195">
        <v>907</v>
      </c>
      <c r="AJ34" s="190">
        <v>0</v>
      </c>
      <c r="AK34" s="191">
        <v>0</v>
      </c>
      <c r="AL34" s="196">
        <v>0</v>
      </c>
      <c r="AM34" s="193">
        <v>0</v>
      </c>
      <c r="AN34" s="191">
        <v>3</v>
      </c>
      <c r="AO34" s="191">
        <v>-3</v>
      </c>
      <c r="AP34" s="191">
        <v>0</v>
      </c>
      <c r="AQ34" s="191">
        <v>9</v>
      </c>
      <c r="AR34" s="191">
        <v>9</v>
      </c>
      <c r="AS34" s="196">
        <v>18</v>
      </c>
      <c r="AT34" s="195">
        <v>18</v>
      </c>
      <c r="AU34" s="190">
        <v>0</v>
      </c>
      <c r="AV34" s="191">
        <v>0</v>
      </c>
      <c r="AW34" s="196">
        <v>0</v>
      </c>
      <c r="AX34" s="193">
        <v>0</v>
      </c>
      <c r="AY34" s="191">
        <v>362</v>
      </c>
      <c r="AZ34" s="191">
        <v>575</v>
      </c>
      <c r="BA34" s="191">
        <v>191</v>
      </c>
      <c r="BB34" s="191">
        <v>195</v>
      </c>
      <c r="BC34" s="191">
        <v>76</v>
      </c>
      <c r="BD34" s="194">
        <v>1399</v>
      </c>
      <c r="BE34" s="195">
        <v>1399</v>
      </c>
      <c r="BF34" s="190">
        <v>0</v>
      </c>
      <c r="BG34" s="191">
        <v>0</v>
      </c>
      <c r="BH34" s="196">
        <v>0</v>
      </c>
      <c r="BI34" s="193">
        <v>0</v>
      </c>
      <c r="BJ34" s="191">
        <v>54</v>
      </c>
      <c r="BK34" s="191">
        <v>87</v>
      </c>
      <c r="BL34" s="191">
        <v>16</v>
      </c>
      <c r="BM34" s="191">
        <v>42</v>
      </c>
      <c r="BN34" s="191">
        <v>24</v>
      </c>
      <c r="BO34" s="196">
        <v>223</v>
      </c>
      <c r="BP34" s="195">
        <v>223</v>
      </c>
      <c r="BQ34" s="190">
        <v>0</v>
      </c>
      <c r="BR34" s="191">
        <v>2</v>
      </c>
      <c r="BS34" s="196">
        <v>2</v>
      </c>
      <c r="BT34" s="193">
        <v>0</v>
      </c>
      <c r="BU34" s="191">
        <v>14</v>
      </c>
      <c r="BV34" s="191">
        <v>51</v>
      </c>
      <c r="BW34" s="191">
        <v>89</v>
      </c>
      <c r="BX34" s="191">
        <v>67</v>
      </c>
      <c r="BY34" s="191">
        <v>60</v>
      </c>
      <c r="BZ34" s="196">
        <v>281</v>
      </c>
      <c r="CA34" s="195">
        <v>283</v>
      </c>
      <c r="CB34" s="190">
        <v>0</v>
      </c>
      <c r="CC34" s="191">
        <v>0</v>
      </c>
      <c r="CD34" s="196">
        <v>0</v>
      </c>
      <c r="CE34" s="193">
        <v>0</v>
      </c>
      <c r="CF34" s="191">
        <v>0</v>
      </c>
      <c r="CG34" s="191">
        <v>20</v>
      </c>
      <c r="CH34" s="191">
        <v>0</v>
      </c>
      <c r="CI34" s="191">
        <v>0</v>
      </c>
      <c r="CJ34" s="191">
        <v>11</v>
      </c>
      <c r="CK34" s="196">
        <v>31</v>
      </c>
      <c r="CL34" s="195">
        <v>31</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377</v>
      </c>
      <c r="H35" s="191">
        <v>296</v>
      </c>
      <c r="I35" s="191">
        <v>442</v>
      </c>
      <c r="J35" s="191">
        <v>50</v>
      </c>
      <c r="K35" s="191">
        <v>451</v>
      </c>
      <c r="L35" s="194">
        <v>1616</v>
      </c>
      <c r="M35" s="195">
        <v>1616</v>
      </c>
      <c r="N35" s="190">
        <v>0</v>
      </c>
      <c r="O35" s="191">
        <v>0</v>
      </c>
      <c r="P35" s="196">
        <v>0</v>
      </c>
      <c r="Q35" s="193">
        <v>0</v>
      </c>
      <c r="R35" s="191">
        <v>5</v>
      </c>
      <c r="S35" s="191">
        <v>2</v>
      </c>
      <c r="T35" s="191">
        <v>2</v>
      </c>
      <c r="U35" s="191">
        <v>4</v>
      </c>
      <c r="V35" s="191">
        <v>17</v>
      </c>
      <c r="W35" s="196">
        <v>30</v>
      </c>
      <c r="X35" s="195">
        <v>30</v>
      </c>
      <c r="Y35" s="190">
        <v>0</v>
      </c>
      <c r="Z35" s="191">
        <v>21</v>
      </c>
      <c r="AA35" s="196">
        <v>21</v>
      </c>
      <c r="AB35" s="193">
        <v>0</v>
      </c>
      <c r="AC35" s="191">
        <v>129</v>
      </c>
      <c r="AD35" s="191">
        <v>101</v>
      </c>
      <c r="AE35" s="191">
        <v>33</v>
      </c>
      <c r="AF35" s="191">
        <v>20</v>
      </c>
      <c r="AG35" s="191">
        <v>13</v>
      </c>
      <c r="AH35" s="196">
        <v>296</v>
      </c>
      <c r="AI35" s="195">
        <v>317</v>
      </c>
      <c r="AJ35" s="190">
        <v>95</v>
      </c>
      <c r="AK35" s="191">
        <v>204</v>
      </c>
      <c r="AL35" s="196">
        <v>299</v>
      </c>
      <c r="AM35" s="193">
        <v>0</v>
      </c>
      <c r="AN35" s="191">
        <v>492</v>
      </c>
      <c r="AO35" s="191">
        <v>198</v>
      </c>
      <c r="AP35" s="191">
        <v>185</v>
      </c>
      <c r="AQ35" s="191">
        <v>71</v>
      </c>
      <c r="AR35" s="191">
        <v>27</v>
      </c>
      <c r="AS35" s="196">
        <v>973</v>
      </c>
      <c r="AT35" s="195">
        <v>1272</v>
      </c>
      <c r="AU35" s="190">
        <v>0</v>
      </c>
      <c r="AV35" s="191">
        <v>0</v>
      </c>
      <c r="AW35" s="196">
        <v>0</v>
      </c>
      <c r="AX35" s="193">
        <v>0</v>
      </c>
      <c r="AY35" s="191">
        <v>53</v>
      </c>
      <c r="AZ35" s="191">
        <v>69</v>
      </c>
      <c r="BA35" s="191">
        <v>31</v>
      </c>
      <c r="BB35" s="191">
        <v>27</v>
      </c>
      <c r="BC35" s="191">
        <v>21</v>
      </c>
      <c r="BD35" s="194">
        <v>201</v>
      </c>
      <c r="BE35" s="195">
        <v>201</v>
      </c>
      <c r="BF35" s="190">
        <v>0</v>
      </c>
      <c r="BG35" s="191">
        <v>0</v>
      </c>
      <c r="BH35" s="196">
        <v>0</v>
      </c>
      <c r="BI35" s="193">
        <v>0</v>
      </c>
      <c r="BJ35" s="191">
        <v>213</v>
      </c>
      <c r="BK35" s="191">
        <v>96</v>
      </c>
      <c r="BL35" s="191">
        <v>64</v>
      </c>
      <c r="BM35" s="191">
        <v>19</v>
      </c>
      <c r="BN35" s="191">
        <v>14</v>
      </c>
      <c r="BO35" s="196">
        <v>406</v>
      </c>
      <c r="BP35" s="195">
        <v>406</v>
      </c>
      <c r="BQ35" s="190">
        <v>0</v>
      </c>
      <c r="BR35" s="191">
        <v>0</v>
      </c>
      <c r="BS35" s="196">
        <v>0</v>
      </c>
      <c r="BT35" s="193">
        <v>0</v>
      </c>
      <c r="BU35" s="191">
        <v>32</v>
      </c>
      <c r="BV35" s="191">
        <v>98</v>
      </c>
      <c r="BW35" s="191">
        <v>191</v>
      </c>
      <c r="BX35" s="191">
        <v>89</v>
      </c>
      <c r="BY35" s="191">
        <v>106</v>
      </c>
      <c r="BZ35" s="196">
        <v>516</v>
      </c>
      <c r="CA35" s="195">
        <v>516</v>
      </c>
      <c r="CB35" s="190">
        <v>0</v>
      </c>
      <c r="CC35" s="191">
        <v>0</v>
      </c>
      <c r="CD35" s="196">
        <v>0</v>
      </c>
      <c r="CE35" s="193">
        <v>0</v>
      </c>
      <c r="CF35" s="191">
        <v>24</v>
      </c>
      <c r="CG35" s="191">
        <v>6</v>
      </c>
      <c r="CH35" s="191">
        <v>0</v>
      </c>
      <c r="CI35" s="191">
        <v>12</v>
      </c>
      <c r="CJ35" s="191">
        <v>0</v>
      </c>
      <c r="CK35" s="196">
        <v>42</v>
      </c>
      <c r="CL35" s="195">
        <v>42</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184</v>
      </c>
      <c r="H36" s="191">
        <v>171</v>
      </c>
      <c r="I36" s="191">
        <v>65</v>
      </c>
      <c r="J36" s="191">
        <v>269</v>
      </c>
      <c r="K36" s="191">
        <v>297</v>
      </c>
      <c r="L36" s="194">
        <v>986</v>
      </c>
      <c r="M36" s="195">
        <v>986</v>
      </c>
      <c r="N36" s="190">
        <v>0</v>
      </c>
      <c r="O36" s="191">
        <v>0</v>
      </c>
      <c r="P36" s="196">
        <v>0</v>
      </c>
      <c r="Q36" s="193">
        <v>0</v>
      </c>
      <c r="R36" s="191">
        <v>0</v>
      </c>
      <c r="S36" s="191">
        <v>4</v>
      </c>
      <c r="T36" s="191">
        <v>0</v>
      </c>
      <c r="U36" s="191">
        <v>3</v>
      </c>
      <c r="V36" s="191">
        <v>40</v>
      </c>
      <c r="W36" s="196">
        <v>47</v>
      </c>
      <c r="X36" s="195">
        <v>47</v>
      </c>
      <c r="Y36" s="190">
        <v>11</v>
      </c>
      <c r="Z36" s="191">
        <v>56</v>
      </c>
      <c r="AA36" s="196">
        <v>67</v>
      </c>
      <c r="AB36" s="193">
        <v>0</v>
      </c>
      <c r="AC36" s="191">
        <v>263</v>
      </c>
      <c r="AD36" s="191">
        <v>110</v>
      </c>
      <c r="AE36" s="191">
        <v>29</v>
      </c>
      <c r="AF36" s="191">
        <v>81</v>
      </c>
      <c r="AG36" s="191">
        <v>100</v>
      </c>
      <c r="AH36" s="196">
        <v>583</v>
      </c>
      <c r="AI36" s="195">
        <v>650</v>
      </c>
      <c r="AJ36" s="190">
        <v>12</v>
      </c>
      <c r="AK36" s="191">
        <v>0</v>
      </c>
      <c r="AL36" s="196">
        <v>12</v>
      </c>
      <c r="AM36" s="193">
        <v>0</v>
      </c>
      <c r="AN36" s="191">
        <v>95</v>
      </c>
      <c r="AO36" s="191">
        <v>24</v>
      </c>
      <c r="AP36" s="191">
        <v>37</v>
      </c>
      <c r="AQ36" s="191">
        <v>12</v>
      </c>
      <c r="AR36" s="191">
        <v>32</v>
      </c>
      <c r="AS36" s="196">
        <v>200</v>
      </c>
      <c r="AT36" s="195">
        <v>212</v>
      </c>
      <c r="AU36" s="190">
        <v>0</v>
      </c>
      <c r="AV36" s="191">
        <v>0</v>
      </c>
      <c r="AW36" s="196">
        <v>0</v>
      </c>
      <c r="AX36" s="193">
        <v>0</v>
      </c>
      <c r="AY36" s="191">
        <v>286</v>
      </c>
      <c r="AZ36" s="191">
        <v>159</v>
      </c>
      <c r="BA36" s="191">
        <v>233</v>
      </c>
      <c r="BB36" s="191">
        <v>68</v>
      </c>
      <c r="BC36" s="191">
        <v>26</v>
      </c>
      <c r="BD36" s="194">
        <v>772</v>
      </c>
      <c r="BE36" s="195">
        <v>772</v>
      </c>
      <c r="BF36" s="190">
        <v>0</v>
      </c>
      <c r="BG36" s="191">
        <v>0</v>
      </c>
      <c r="BH36" s="196">
        <v>0</v>
      </c>
      <c r="BI36" s="193">
        <v>0</v>
      </c>
      <c r="BJ36" s="191">
        <v>63</v>
      </c>
      <c r="BK36" s="191">
        <v>11</v>
      </c>
      <c r="BL36" s="191">
        <v>17</v>
      </c>
      <c r="BM36" s="191">
        <v>8</v>
      </c>
      <c r="BN36" s="191">
        <v>0</v>
      </c>
      <c r="BO36" s="196">
        <v>99</v>
      </c>
      <c r="BP36" s="195">
        <v>99</v>
      </c>
      <c r="BQ36" s="190">
        <v>0</v>
      </c>
      <c r="BR36" s="191">
        <v>0</v>
      </c>
      <c r="BS36" s="196">
        <v>0</v>
      </c>
      <c r="BT36" s="193">
        <v>0</v>
      </c>
      <c r="BU36" s="191">
        <v>20</v>
      </c>
      <c r="BV36" s="191">
        <v>18</v>
      </c>
      <c r="BW36" s="191">
        <v>35</v>
      </c>
      <c r="BX36" s="191">
        <v>70</v>
      </c>
      <c r="BY36" s="191">
        <v>9</v>
      </c>
      <c r="BZ36" s="196">
        <v>152</v>
      </c>
      <c r="CA36" s="195">
        <v>152</v>
      </c>
      <c r="CB36" s="190">
        <v>0</v>
      </c>
      <c r="CC36" s="191">
        <v>0</v>
      </c>
      <c r="CD36" s="196">
        <v>0</v>
      </c>
      <c r="CE36" s="193">
        <v>0</v>
      </c>
      <c r="CF36" s="191">
        <v>8</v>
      </c>
      <c r="CG36" s="191">
        <v>14</v>
      </c>
      <c r="CH36" s="191">
        <v>0</v>
      </c>
      <c r="CI36" s="191">
        <v>0</v>
      </c>
      <c r="CJ36" s="191">
        <v>0</v>
      </c>
      <c r="CK36" s="196">
        <v>22</v>
      </c>
      <c r="CL36" s="195">
        <v>22</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650</v>
      </c>
      <c r="H37" s="191">
        <v>556</v>
      </c>
      <c r="I37" s="191">
        <v>760</v>
      </c>
      <c r="J37" s="191">
        <v>146</v>
      </c>
      <c r="K37" s="191">
        <v>935</v>
      </c>
      <c r="L37" s="194">
        <v>3047</v>
      </c>
      <c r="M37" s="195">
        <v>3047</v>
      </c>
      <c r="N37" s="190">
        <v>0</v>
      </c>
      <c r="O37" s="191">
        <v>0</v>
      </c>
      <c r="P37" s="196">
        <v>0</v>
      </c>
      <c r="Q37" s="193">
        <v>0</v>
      </c>
      <c r="R37" s="191">
        <v>0</v>
      </c>
      <c r="S37" s="191">
        <v>15</v>
      </c>
      <c r="T37" s="191">
        <v>16</v>
      </c>
      <c r="U37" s="191">
        <v>41</v>
      </c>
      <c r="V37" s="191">
        <v>55</v>
      </c>
      <c r="W37" s="196">
        <v>127</v>
      </c>
      <c r="X37" s="195">
        <v>127</v>
      </c>
      <c r="Y37" s="190">
        <v>33</v>
      </c>
      <c r="Z37" s="191">
        <v>93</v>
      </c>
      <c r="AA37" s="196">
        <v>126</v>
      </c>
      <c r="AB37" s="193">
        <v>0</v>
      </c>
      <c r="AC37" s="191">
        <v>543</v>
      </c>
      <c r="AD37" s="191">
        <v>273</v>
      </c>
      <c r="AE37" s="191">
        <v>348</v>
      </c>
      <c r="AF37" s="191">
        <v>155</v>
      </c>
      <c r="AG37" s="191">
        <v>323</v>
      </c>
      <c r="AH37" s="196">
        <v>1642</v>
      </c>
      <c r="AI37" s="195">
        <v>1768</v>
      </c>
      <c r="AJ37" s="190">
        <v>50</v>
      </c>
      <c r="AK37" s="191">
        <v>196</v>
      </c>
      <c r="AL37" s="196">
        <v>246</v>
      </c>
      <c r="AM37" s="193">
        <v>0</v>
      </c>
      <c r="AN37" s="191">
        <v>237</v>
      </c>
      <c r="AO37" s="191">
        <v>212</v>
      </c>
      <c r="AP37" s="191">
        <v>83</v>
      </c>
      <c r="AQ37" s="191">
        <v>138</v>
      </c>
      <c r="AR37" s="191">
        <v>92</v>
      </c>
      <c r="AS37" s="196">
        <v>762</v>
      </c>
      <c r="AT37" s="195">
        <v>1008</v>
      </c>
      <c r="AU37" s="190">
        <v>0</v>
      </c>
      <c r="AV37" s="191">
        <v>0</v>
      </c>
      <c r="AW37" s="196">
        <v>0</v>
      </c>
      <c r="AX37" s="193">
        <v>0</v>
      </c>
      <c r="AY37" s="191">
        <v>1270</v>
      </c>
      <c r="AZ37" s="191">
        <v>899</v>
      </c>
      <c r="BA37" s="191">
        <v>656</v>
      </c>
      <c r="BB37" s="191">
        <v>405</v>
      </c>
      <c r="BC37" s="191">
        <v>265</v>
      </c>
      <c r="BD37" s="194">
        <v>3495</v>
      </c>
      <c r="BE37" s="195">
        <v>3495</v>
      </c>
      <c r="BF37" s="190">
        <v>0</v>
      </c>
      <c r="BG37" s="191">
        <v>0</v>
      </c>
      <c r="BH37" s="196">
        <v>0</v>
      </c>
      <c r="BI37" s="193">
        <v>0</v>
      </c>
      <c r="BJ37" s="191">
        <v>504</v>
      </c>
      <c r="BK37" s="191">
        <v>238</v>
      </c>
      <c r="BL37" s="191">
        <v>110</v>
      </c>
      <c r="BM37" s="191">
        <v>86</v>
      </c>
      <c r="BN37" s="191">
        <v>7</v>
      </c>
      <c r="BO37" s="196">
        <v>945</v>
      </c>
      <c r="BP37" s="195">
        <v>945</v>
      </c>
      <c r="BQ37" s="190">
        <v>0</v>
      </c>
      <c r="BR37" s="191">
        <v>7</v>
      </c>
      <c r="BS37" s="196">
        <v>7</v>
      </c>
      <c r="BT37" s="193">
        <v>0</v>
      </c>
      <c r="BU37" s="191">
        <v>85</v>
      </c>
      <c r="BV37" s="191">
        <v>29</v>
      </c>
      <c r="BW37" s="191">
        <v>109</v>
      </c>
      <c r="BX37" s="191">
        <v>136</v>
      </c>
      <c r="BY37" s="191">
        <v>55</v>
      </c>
      <c r="BZ37" s="196">
        <v>414</v>
      </c>
      <c r="CA37" s="195">
        <v>421</v>
      </c>
      <c r="CB37" s="190">
        <v>0</v>
      </c>
      <c r="CC37" s="191">
        <v>5</v>
      </c>
      <c r="CD37" s="196">
        <v>5</v>
      </c>
      <c r="CE37" s="193">
        <v>0</v>
      </c>
      <c r="CF37" s="191">
        <v>31</v>
      </c>
      <c r="CG37" s="191">
        <v>33</v>
      </c>
      <c r="CH37" s="191">
        <v>32</v>
      </c>
      <c r="CI37" s="191">
        <v>20</v>
      </c>
      <c r="CJ37" s="191">
        <v>10</v>
      </c>
      <c r="CK37" s="196">
        <v>126</v>
      </c>
      <c r="CL37" s="195">
        <v>131</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545</v>
      </c>
      <c r="H38" s="191">
        <v>1586</v>
      </c>
      <c r="I38" s="191">
        <v>1116</v>
      </c>
      <c r="J38" s="191">
        <v>803</v>
      </c>
      <c r="K38" s="191">
        <v>2303</v>
      </c>
      <c r="L38" s="194">
        <v>6353</v>
      </c>
      <c r="M38" s="195">
        <v>6353</v>
      </c>
      <c r="N38" s="190">
        <v>0</v>
      </c>
      <c r="O38" s="191">
        <v>5</v>
      </c>
      <c r="P38" s="196">
        <v>5</v>
      </c>
      <c r="Q38" s="193">
        <v>0</v>
      </c>
      <c r="R38" s="191">
        <v>5</v>
      </c>
      <c r="S38" s="191">
        <v>20</v>
      </c>
      <c r="T38" s="191">
        <v>45</v>
      </c>
      <c r="U38" s="191">
        <v>58</v>
      </c>
      <c r="V38" s="191">
        <v>35</v>
      </c>
      <c r="W38" s="196">
        <v>163</v>
      </c>
      <c r="X38" s="195">
        <v>168</v>
      </c>
      <c r="Y38" s="190">
        <v>34</v>
      </c>
      <c r="Z38" s="191">
        <v>143</v>
      </c>
      <c r="AA38" s="196">
        <v>177</v>
      </c>
      <c r="AB38" s="193">
        <v>0</v>
      </c>
      <c r="AC38" s="191">
        <v>433</v>
      </c>
      <c r="AD38" s="191">
        <v>492</v>
      </c>
      <c r="AE38" s="191">
        <v>430</v>
      </c>
      <c r="AF38" s="191">
        <v>327</v>
      </c>
      <c r="AG38" s="191">
        <v>316</v>
      </c>
      <c r="AH38" s="196">
        <v>1998</v>
      </c>
      <c r="AI38" s="195">
        <v>2175</v>
      </c>
      <c r="AJ38" s="190">
        <v>4</v>
      </c>
      <c r="AK38" s="191">
        <v>142</v>
      </c>
      <c r="AL38" s="196">
        <v>146</v>
      </c>
      <c r="AM38" s="193">
        <v>0</v>
      </c>
      <c r="AN38" s="191">
        <v>172</v>
      </c>
      <c r="AO38" s="191">
        <v>201</v>
      </c>
      <c r="AP38" s="191">
        <v>96</v>
      </c>
      <c r="AQ38" s="191">
        <v>49</v>
      </c>
      <c r="AR38" s="191">
        <v>65</v>
      </c>
      <c r="AS38" s="196">
        <v>583</v>
      </c>
      <c r="AT38" s="195">
        <v>729</v>
      </c>
      <c r="AU38" s="190">
        <v>0</v>
      </c>
      <c r="AV38" s="191">
        <v>0</v>
      </c>
      <c r="AW38" s="196">
        <v>0</v>
      </c>
      <c r="AX38" s="193">
        <v>0</v>
      </c>
      <c r="AY38" s="191">
        <v>588</v>
      </c>
      <c r="AZ38" s="191">
        <v>851</v>
      </c>
      <c r="BA38" s="191">
        <v>475</v>
      </c>
      <c r="BB38" s="191">
        <v>243</v>
      </c>
      <c r="BC38" s="191">
        <v>305</v>
      </c>
      <c r="BD38" s="194">
        <v>2462</v>
      </c>
      <c r="BE38" s="195">
        <v>2462</v>
      </c>
      <c r="BF38" s="190">
        <v>0</v>
      </c>
      <c r="BG38" s="191">
        <v>0</v>
      </c>
      <c r="BH38" s="196">
        <v>0</v>
      </c>
      <c r="BI38" s="193">
        <v>0</v>
      </c>
      <c r="BJ38" s="191">
        <v>179</v>
      </c>
      <c r="BK38" s="191">
        <v>296</v>
      </c>
      <c r="BL38" s="191">
        <v>150</v>
      </c>
      <c r="BM38" s="191">
        <v>55</v>
      </c>
      <c r="BN38" s="191">
        <v>17</v>
      </c>
      <c r="BO38" s="196">
        <v>697</v>
      </c>
      <c r="BP38" s="195">
        <v>697</v>
      </c>
      <c r="BQ38" s="190">
        <v>0</v>
      </c>
      <c r="BR38" s="191">
        <v>10</v>
      </c>
      <c r="BS38" s="196">
        <v>10</v>
      </c>
      <c r="BT38" s="193">
        <v>0</v>
      </c>
      <c r="BU38" s="191">
        <v>52</v>
      </c>
      <c r="BV38" s="191">
        <v>177</v>
      </c>
      <c r="BW38" s="191">
        <v>179</v>
      </c>
      <c r="BX38" s="191">
        <v>166</v>
      </c>
      <c r="BY38" s="191">
        <v>150</v>
      </c>
      <c r="BZ38" s="196">
        <v>724</v>
      </c>
      <c r="CA38" s="195">
        <v>734</v>
      </c>
      <c r="CB38" s="190">
        <v>0</v>
      </c>
      <c r="CC38" s="191">
        <v>0</v>
      </c>
      <c r="CD38" s="196">
        <v>0</v>
      </c>
      <c r="CE38" s="193">
        <v>0</v>
      </c>
      <c r="CF38" s="191">
        <v>5</v>
      </c>
      <c r="CG38" s="191">
        <v>11</v>
      </c>
      <c r="CH38" s="191">
        <v>0</v>
      </c>
      <c r="CI38" s="191">
        <v>7</v>
      </c>
      <c r="CJ38" s="191">
        <v>0</v>
      </c>
      <c r="CK38" s="196">
        <v>23</v>
      </c>
      <c r="CL38" s="195">
        <v>2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40</v>
      </c>
      <c r="H39" s="198">
        <v>31</v>
      </c>
      <c r="I39" s="198">
        <v>105</v>
      </c>
      <c r="J39" s="198">
        <v>94</v>
      </c>
      <c r="K39" s="198">
        <v>146</v>
      </c>
      <c r="L39" s="201">
        <v>416</v>
      </c>
      <c r="M39" s="202">
        <v>416</v>
      </c>
      <c r="N39" s="197">
        <v>0</v>
      </c>
      <c r="O39" s="198">
        <v>0</v>
      </c>
      <c r="P39" s="203">
        <v>0</v>
      </c>
      <c r="Q39" s="200">
        <v>0</v>
      </c>
      <c r="R39" s="198">
        <v>0</v>
      </c>
      <c r="S39" s="198">
        <v>0</v>
      </c>
      <c r="T39" s="198">
        <v>0</v>
      </c>
      <c r="U39" s="198">
        <v>0</v>
      </c>
      <c r="V39" s="198">
        <v>0</v>
      </c>
      <c r="W39" s="203">
        <v>0</v>
      </c>
      <c r="X39" s="202">
        <v>0</v>
      </c>
      <c r="Y39" s="197">
        <v>2</v>
      </c>
      <c r="Z39" s="198">
        <v>4</v>
      </c>
      <c r="AA39" s="203">
        <v>6</v>
      </c>
      <c r="AB39" s="200">
        <v>0</v>
      </c>
      <c r="AC39" s="198">
        <v>18</v>
      </c>
      <c r="AD39" s="198">
        <v>27</v>
      </c>
      <c r="AE39" s="198">
        <v>36</v>
      </c>
      <c r="AF39" s="198">
        <v>54</v>
      </c>
      <c r="AG39" s="198">
        <v>10</v>
      </c>
      <c r="AH39" s="203">
        <v>145</v>
      </c>
      <c r="AI39" s="202">
        <v>151</v>
      </c>
      <c r="AJ39" s="197">
        <v>0</v>
      </c>
      <c r="AK39" s="198">
        <v>0</v>
      </c>
      <c r="AL39" s="203">
        <v>0</v>
      </c>
      <c r="AM39" s="200">
        <v>0</v>
      </c>
      <c r="AN39" s="198">
        <v>8</v>
      </c>
      <c r="AO39" s="198">
        <v>8</v>
      </c>
      <c r="AP39" s="198">
        <v>0</v>
      </c>
      <c r="AQ39" s="198">
        <v>6</v>
      </c>
      <c r="AR39" s="198">
        <v>8</v>
      </c>
      <c r="AS39" s="203">
        <v>30</v>
      </c>
      <c r="AT39" s="202">
        <v>30</v>
      </c>
      <c r="AU39" s="197">
        <v>0</v>
      </c>
      <c r="AV39" s="198">
        <v>0</v>
      </c>
      <c r="AW39" s="203">
        <v>0</v>
      </c>
      <c r="AX39" s="200">
        <v>0</v>
      </c>
      <c r="AY39" s="198">
        <v>53</v>
      </c>
      <c r="AZ39" s="198">
        <v>34</v>
      </c>
      <c r="BA39" s="198">
        <v>62</v>
      </c>
      <c r="BB39" s="198">
        <v>26</v>
      </c>
      <c r="BC39" s="198">
        <v>9</v>
      </c>
      <c r="BD39" s="201">
        <v>184</v>
      </c>
      <c r="BE39" s="202">
        <v>184</v>
      </c>
      <c r="BF39" s="197">
        <v>0</v>
      </c>
      <c r="BG39" s="198">
        <v>0</v>
      </c>
      <c r="BH39" s="203">
        <v>0</v>
      </c>
      <c r="BI39" s="200">
        <v>0</v>
      </c>
      <c r="BJ39" s="198">
        <v>51</v>
      </c>
      <c r="BK39" s="198">
        <v>47</v>
      </c>
      <c r="BL39" s="198">
        <v>11</v>
      </c>
      <c r="BM39" s="198">
        <v>12</v>
      </c>
      <c r="BN39" s="198">
        <v>7</v>
      </c>
      <c r="BO39" s="203">
        <v>128</v>
      </c>
      <c r="BP39" s="202">
        <v>128</v>
      </c>
      <c r="BQ39" s="197">
        <v>0</v>
      </c>
      <c r="BR39" s="198">
        <v>0</v>
      </c>
      <c r="BS39" s="203">
        <v>0</v>
      </c>
      <c r="BT39" s="200">
        <v>0</v>
      </c>
      <c r="BU39" s="198">
        <v>4</v>
      </c>
      <c r="BV39" s="198">
        <v>16</v>
      </c>
      <c r="BW39" s="198">
        <v>29</v>
      </c>
      <c r="BX39" s="198">
        <v>33</v>
      </c>
      <c r="BY39" s="198">
        <v>0</v>
      </c>
      <c r="BZ39" s="203">
        <v>82</v>
      </c>
      <c r="CA39" s="202">
        <v>82</v>
      </c>
      <c r="CB39" s="197">
        <v>0</v>
      </c>
      <c r="CC39" s="198">
        <v>0</v>
      </c>
      <c r="CD39" s="203">
        <v>0</v>
      </c>
      <c r="CE39" s="200">
        <v>0</v>
      </c>
      <c r="CF39" s="198">
        <v>0</v>
      </c>
      <c r="CG39" s="198">
        <v>0</v>
      </c>
      <c r="CH39" s="198">
        <v>0</v>
      </c>
      <c r="CI39" s="198">
        <v>3</v>
      </c>
      <c r="CJ39" s="198">
        <v>2</v>
      </c>
      <c r="CK39" s="203">
        <v>5</v>
      </c>
      <c r="CL39" s="202">
        <v>5</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11-18T02:53:22Z</dcterms:modified>
</cp:coreProperties>
</file>